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23_統計\厚生労働省\介護保険事業状況報告\02_月報HP\R6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4">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i>
    <r>
      <t>８５歳以上９０</t>
    </r>
    <r>
      <rPr>
        <sz val="11"/>
        <rFont val="ＭＳ Ｐゴシック"/>
        <family val="3"/>
        <charset val="128"/>
      </rPr>
      <t>歳未満</t>
    </r>
    <phoneticPr fontId="4"/>
  </si>
  <si>
    <r>
      <t>８５歳以上９０</t>
    </r>
    <r>
      <rPr>
        <sz val="11"/>
        <rFont val="ＭＳ Ｐゴシック"/>
        <family val="3"/>
        <charset val="128"/>
      </rPr>
      <t>歳未満</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02">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style="double">
        <color indexed="64"/>
      </left>
      <right/>
      <top style="medium">
        <color indexed="64"/>
      </top>
      <bottom style="thin">
        <color indexed="64"/>
      </bottom>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left style="double">
        <color indexed="64"/>
      </left>
      <right/>
      <top style="thin">
        <color indexed="64"/>
      </top>
      <bottom style="thin">
        <color indexed="64"/>
      </bottom>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left style="double">
        <color indexed="64"/>
      </left>
      <right/>
      <top style="thin">
        <color indexed="64"/>
      </top>
      <bottom style="medium">
        <color indexed="64"/>
      </bottom>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612">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12" xfId="3" applyFont="1" applyBorder="1" applyAlignment="1">
      <alignment horizontal="center"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90" xfId="1" applyFont="1" applyBorder="1" applyAlignment="1">
      <alignment vertical="center"/>
    </xf>
    <xf numFmtId="38" fontId="9" fillId="0" borderId="42" xfId="1" applyFont="1" applyBorder="1" applyAlignment="1">
      <alignment vertical="center"/>
    </xf>
    <xf numFmtId="38" fontId="9" fillId="0" borderId="73" xfId="1" applyFont="1" applyBorder="1" applyAlignment="1">
      <alignment vertical="center"/>
    </xf>
    <xf numFmtId="38" fontId="9" fillId="0" borderId="89"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66" xfId="1" applyNumberFormat="1" applyFont="1" applyBorder="1" applyAlignment="1">
      <alignment vertical="center"/>
    </xf>
    <xf numFmtId="0" fontId="9" fillId="0" borderId="9" xfId="3" applyFont="1" applyBorder="1" applyAlignment="1">
      <alignment horizontal="center" vertical="center"/>
    </xf>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3" fillId="0" borderId="1" xfId="0" applyFont="1" applyBorder="1" applyAlignment="1">
      <alignment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9" fillId="0" borderId="66"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66" xfId="1" applyFont="1" applyBorder="1" applyAlignment="1">
      <alignment vertical="center"/>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0" xfId="1" applyNumberFormat="1" applyFont="1" applyBorder="1" applyAlignment="1">
      <alignment vertical="center" shrinkToFit="1"/>
    </xf>
    <xf numFmtId="180" fontId="0" fillId="0" borderId="73"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3" xfId="0" applyBorder="1" applyAlignment="1">
      <alignment horizontal="left" vertical="center" shrinkToFit="1"/>
    </xf>
    <xf numFmtId="0" fontId="0" fillId="0" borderId="7" xfId="0" applyBorder="1" applyAlignment="1">
      <alignment horizontal="left" vertical="center" shrinkToFit="1"/>
    </xf>
    <xf numFmtId="0" fontId="0" fillId="0" borderId="7" xfId="0" applyBorder="1" applyAlignment="1">
      <alignment horizontal="left" vertical="center"/>
    </xf>
    <xf numFmtId="0" fontId="0" fillId="0" borderId="14" xfId="0" applyBorder="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0" fontId="0" fillId="0" borderId="10" xfId="0" applyFont="1" applyBorder="1" applyAlignment="1">
      <alignment horizontal="center" vertical="center"/>
    </xf>
    <xf numFmtId="0" fontId="0" fillId="0" borderId="0" xfId="0" applyFont="1" applyBorder="1" applyAlignment="1">
      <alignment vertical="center"/>
    </xf>
    <xf numFmtId="0" fontId="0" fillId="0" borderId="0" xfId="0" applyFont="1" applyAlignment="1">
      <alignment vertical="center"/>
    </xf>
    <xf numFmtId="0" fontId="0" fillId="0" borderId="1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13" xfId="0" applyFont="1" applyBorder="1" applyAlignment="1">
      <alignment horizontal="center" vertical="center"/>
    </xf>
    <xf numFmtId="0" fontId="0" fillId="0" borderId="26" xfId="0" applyFont="1" applyBorder="1" applyAlignment="1">
      <alignment horizontal="center" vertical="center" wrapText="1"/>
    </xf>
    <xf numFmtId="0" fontId="0" fillId="0" borderId="30" xfId="0" applyFont="1" applyBorder="1" applyAlignment="1">
      <alignment horizontal="center" vertical="center"/>
    </xf>
    <xf numFmtId="0" fontId="0" fillId="0" borderId="96" xfId="0" applyFont="1" applyBorder="1" applyAlignment="1">
      <alignment horizontal="center" vertical="center"/>
    </xf>
    <xf numFmtId="0" fontId="0" fillId="0" borderId="68" xfId="0" applyFont="1" applyBorder="1" applyAlignment="1">
      <alignment horizontal="center" vertical="center"/>
    </xf>
    <xf numFmtId="0" fontId="0" fillId="0" borderId="71" xfId="0" applyFont="1" applyBorder="1" applyAlignment="1">
      <alignment horizontal="center" vertical="center"/>
    </xf>
    <xf numFmtId="0" fontId="0" fillId="0" borderId="69" xfId="0" applyFont="1" applyBorder="1" applyAlignment="1">
      <alignment horizontal="center" vertical="center" wrapText="1"/>
    </xf>
    <xf numFmtId="0" fontId="0" fillId="0" borderId="84"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left" vertical="center" shrinkToFit="1"/>
    </xf>
    <xf numFmtId="178" fontId="0" fillId="0" borderId="49" xfId="0" applyNumberFormat="1" applyFont="1" applyBorder="1" applyAlignment="1">
      <alignment vertical="center"/>
    </xf>
    <xf numFmtId="178" fontId="0" fillId="0" borderId="42" xfId="0" applyNumberFormat="1" applyFont="1" applyBorder="1" applyAlignment="1">
      <alignment vertical="center"/>
    </xf>
    <xf numFmtId="178" fontId="0" fillId="0" borderId="43" xfId="0" applyNumberFormat="1" applyFont="1" applyBorder="1" applyAlignment="1">
      <alignment vertical="center"/>
    </xf>
    <xf numFmtId="178" fontId="0" fillId="0" borderId="44" xfId="0" applyNumberFormat="1" applyFont="1" applyBorder="1" applyAlignment="1">
      <alignment vertical="center"/>
    </xf>
    <xf numFmtId="178" fontId="0" fillId="0" borderId="45" xfId="0" applyNumberFormat="1" applyFont="1" applyBorder="1" applyAlignment="1">
      <alignment vertical="center"/>
    </xf>
    <xf numFmtId="178" fontId="0" fillId="0" borderId="34" xfId="1" applyNumberFormat="1" applyFont="1" applyBorder="1" applyAlignment="1">
      <alignment vertical="center"/>
    </xf>
    <xf numFmtId="178" fontId="0" fillId="0" borderId="35" xfId="1" applyNumberFormat="1" applyFont="1" applyBorder="1" applyAlignment="1">
      <alignment vertical="center"/>
    </xf>
    <xf numFmtId="178" fontId="0" fillId="0" borderId="36" xfId="1" applyNumberFormat="1" applyFont="1" applyBorder="1" applyAlignment="1">
      <alignment vertical="center"/>
    </xf>
    <xf numFmtId="178" fontId="0" fillId="0" borderId="37" xfId="1" applyNumberFormat="1" applyFont="1" applyBorder="1" applyAlignment="1">
      <alignment vertical="center"/>
    </xf>
    <xf numFmtId="178" fontId="0" fillId="0" borderId="55" xfId="0" applyNumberFormat="1" applyFont="1" applyBorder="1" applyAlignment="1">
      <alignment vertical="center"/>
    </xf>
    <xf numFmtId="0" fontId="0" fillId="0" borderId="7" xfId="0" applyFont="1" applyBorder="1" applyAlignment="1">
      <alignment horizontal="left" vertical="center" shrinkToFit="1"/>
    </xf>
    <xf numFmtId="178" fontId="0" fillId="0" borderId="8" xfId="0" applyNumberFormat="1" applyFont="1" applyBorder="1" applyAlignment="1">
      <alignment vertical="center"/>
    </xf>
    <xf numFmtId="178" fontId="0" fillId="0" borderId="5" xfId="0" applyNumberFormat="1" applyFont="1" applyBorder="1" applyAlignment="1">
      <alignment vertical="center"/>
    </xf>
    <xf numFmtId="178" fontId="0" fillId="0" borderId="46" xfId="0" applyNumberFormat="1" applyFont="1" applyBorder="1" applyAlignment="1">
      <alignment vertical="center"/>
    </xf>
    <xf numFmtId="178" fontId="0" fillId="0" borderId="47" xfId="0" applyNumberFormat="1" applyFont="1" applyBorder="1" applyAlignment="1">
      <alignment vertical="center"/>
    </xf>
    <xf numFmtId="178" fontId="0" fillId="0" borderId="48" xfId="0" applyNumberFormat="1" applyFont="1" applyBorder="1" applyAlignment="1">
      <alignment vertical="center"/>
    </xf>
    <xf numFmtId="178" fontId="0" fillId="0" borderId="8" xfId="1" applyNumberFormat="1" applyFont="1" applyBorder="1" applyAlignment="1">
      <alignment vertical="center"/>
    </xf>
    <xf numFmtId="178" fontId="0" fillId="0" borderId="5" xfId="1" applyNumberFormat="1" applyFont="1" applyBorder="1" applyAlignment="1">
      <alignment vertical="center"/>
    </xf>
    <xf numFmtId="178" fontId="0" fillId="0" borderId="38" xfId="1" applyNumberFormat="1" applyFont="1" applyBorder="1" applyAlignment="1">
      <alignment vertical="center"/>
    </xf>
    <xf numFmtId="178" fontId="0" fillId="0" borderId="39" xfId="1" applyNumberFormat="1" applyFont="1" applyBorder="1" applyAlignment="1">
      <alignment vertical="center"/>
    </xf>
    <xf numFmtId="178" fontId="0" fillId="0" borderId="54" xfId="0" applyNumberFormat="1" applyFont="1" applyBorder="1" applyAlignment="1">
      <alignment vertical="center"/>
    </xf>
    <xf numFmtId="0" fontId="0" fillId="0" borderId="7" xfId="0" applyFont="1" applyBorder="1" applyAlignment="1">
      <alignment horizontal="left" vertical="center"/>
    </xf>
    <xf numFmtId="178" fontId="0" fillId="0" borderId="49" xfId="1" applyNumberFormat="1" applyFont="1" applyBorder="1" applyAlignment="1">
      <alignment vertical="center"/>
    </xf>
    <xf numFmtId="0" fontId="0" fillId="0" borderId="14" xfId="0" applyFont="1" applyBorder="1" applyAlignment="1">
      <alignment horizontal="left" vertical="center"/>
    </xf>
    <xf numFmtId="178" fontId="0" fillId="0" borderId="9" xfId="0" applyNumberFormat="1" applyFont="1" applyBorder="1" applyAlignment="1">
      <alignment vertical="center"/>
    </xf>
    <xf numFmtId="178" fontId="0" fillId="0" borderId="12" xfId="0" applyNumberFormat="1" applyFont="1" applyBorder="1" applyAlignment="1">
      <alignment vertical="center"/>
    </xf>
    <xf numFmtId="178" fontId="0" fillId="0" borderId="13" xfId="0" applyNumberFormat="1" applyFont="1" applyBorder="1" applyAlignment="1">
      <alignment vertical="center"/>
    </xf>
    <xf numFmtId="178" fontId="0" fillId="0" borderId="50" xfId="0" applyNumberFormat="1" applyFont="1" applyBorder="1" applyAlignment="1">
      <alignment vertical="center"/>
    </xf>
    <xf numFmtId="178" fontId="0" fillId="0" borderId="30" xfId="0" applyNumberFormat="1" applyFont="1" applyBorder="1" applyAlignment="1">
      <alignment vertical="center"/>
    </xf>
    <xf numFmtId="178" fontId="0" fillId="0" borderId="9" xfId="1" applyNumberFormat="1" applyFont="1" applyBorder="1" applyAlignment="1">
      <alignment vertical="center"/>
    </xf>
    <xf numFmtId="178" fontId="0" fillId="0" borderId="12" xfId="1" applyNumberFormat="1" applyFont="1" applyBorder="1" applyAlignment="1">
      <alignment vertical="center"/>
    </xf>
    <xf numFmtId="178" fontId="0" fillId="0" borderId="25" xfId="1" applyNumberFormat="1" applyFont="1" applyBorder="1" applyAlignment="1">
      <alignment vertical="center"/>
    </xf>
    <xf numFmtId="178" fontId="0" fillId="0" borderId="40" xfId="1" applyNumberFormat="1" applyFont="1" applyBorder="1" applyAlignment="1">
      <alignment vertical="center"/>
    </xf>
    <xf numFmtId="178" fontId="0" fillId="0" borderId="33" xfId="0" applyNumberFormat="1" applyFont="1" applyBorder="1" applyAlignment="1">
      <alignment vertical="center"/>
    </xf>
    <xf numFmtId="0" fontId="5" fillId="0" borderId="0" xfId="3" applyFont="1">
      <alignment vertical="center"/>
    </xf>
    <xf numFmtId="0" fontId="0" fillId="0" borderId="0" xfId="3" applyFont="1">
      <alignment vertical="center"/>
    </xf>
    <xf numFmtId="0" fontId="0" fillId="0" borderId="33" xfId="3" applyFont="1" applyBorder="1" applyAlignment="1">
      <alignment horizontal="center" vertical="center"/>
    </xf>
    <xf numFmtId="0" fontId="0" fillId="0" borderId="12" xfId="3" applyFont="1" applyBorder="1" applyAlignment="1">
      <alignment horizontal="center" vertical="center"/>
    </xf>
    <xf numFmtId="0" fontId="0" fillId="0" borderId="66" xfId="3" applyFont="1" applyBorder="1" applyAlignment="1">
      <alignment horizontal="center" vertical="center"/>
    </xf>
    <xf numFmtId="0" fontId="0" fillId="0" borderId="26" xfId="3" applyFont="1" applyBorder="1" applyAlignment="1">
      <alignment horizontal="center" vertical="center" wrapText="1"/>
    </xf>
    <xf numFmtId="0" fontId="0" fillId="0" borderId="13" xfId="3" applyFont="1" applyBorder="1" applyAlignment="1">
      <alignment horizontal="center" vertical="center"/>
    </xf>
    <xf numFmtId="0" fontId="0" fillId="0" borderId="25" xfId="3" applyFont="1" applyBorder="1" applyAlignment="1">
      <alignment horizontal="center" vertical="center"/>
    </xf>
    <xf numFmtId="0" fontId="0" fillId="0" borderId="9" xfId="3" applyFont="1" applyBorder="1" applyAlignment="1">
      <alignment horizontal="center" vertical="center"/>
    </xf>
    <xf numFmtId="38" fontId="0" fillId="0" borderId="49" xfId="1" applyFont="1" applyBorder="1" applyAlignment="1">
      <alignment vertical="center"/>
    </xf>
    <xf numFmtId="38" fontId="0" fillId="0" borderId="42" xfId="1" applyFont="1" applyBorder="1" applyAlignment="1">
      <alignment vertical="center"/>
    </xf>
    <xf numFmtId="38" fontId="0" fillId="0" borderId="57" xfId="1" applyFont="1" applyBorder="1" applyAlignment="1">
      <alignment vertical="center"/>
    </xf>
    <xf numFmtId="38" fontId="0" fillId="0" borderId="90" xfId="1" applyFont="1" applyBorder="1" applyAlignment="1">
      <alignment vertical="center"/>
    </xf>
    <xf numFmtId="38" fontId="0" fillId="0" borderId="73" xfId="1" applyFont="1" applyBorder="1" applyAlignment="1">
      <alignment vertical="center"/>
    </xf>
    <xf numFmtId="38" fontId="0" fillId="0" borderId="89" xfId="1" applyFont="1" applyBorder="1" applyAlignment="1">
      <alignment vertical="center"/>
    </xf>
    <xf numFmtId="38" fontId="0" fillId="0" borderId="4" xfId="1" applyFont="1" applyBorder="1" applyAlignment="1">
      <alignment vertical="center"/>
    </xf>
    <xf numFmtId="38" fontId="0" fillId="0" borderId="8" xfId="1" applyFont="1" applyBorder="1" applyAlignment="1">
      <alignment vertical="center"/>
    </xf>
    <xf numFmtId="38" fontId="0" fillId="0" borderId="5" xfId="1" applyFont="1" applyBorder="1" applyAlignment="1">
      <alignment vertical="center"/>
    </xf>
    <xf numFmtId="38" fontId="0" fillId="0" borderId="56" xfId="1" applyFont="1" applyBorder="1" applyAlignment="1">
      <alignment vertical="center"/>
    </xf>
    <xf numFmtId="38" fontId="0" fillId="0" borderId="53" xfId="1" applyFont="1" applyBorder="1" applyAlignment="1">
      <alignment vertical="center"/>
    </xf>
    <xf numFmtId="38" fontId="0" fillId="0" borderId="46" xfId="1" applyFont="1" applyBorder="1" applyAlignment="1">
      <alignment vertical="center"/>
    </xf>
    <xf numFmtId="38" fontId="0" fillId="0" borderId="39" xfId="1" applyFont="1" applyBorder="1" applyAlignment="1">
      <alignment vertical="center"/>
    </xf>
    <xf numFmtId="38" fontId="0" fillId="0" borderId="38" xfId="1" applyFont="1" applyBorder="1" applyAlignment="1">
      <alignment vertical="center"/>
    </xf>
    <xf numFmtId="38" fontId="0" fillId="0" borderId="9" xfId="1" applyFont="1" applyBorder="1" applyAlignment="1">
      <alignment vertical="center"/>
    </xf>
    <xf numFmtId="38" fontId="0" fillId="0" borderId="12" xfId="1" applyFont="1" applyBorder="1" applyAlignment="1">
      <alignment vertical="center"/>
    </xf>
    <xf numFmtId="38" fontId="0" fillId="0" borderId="66" xfId="1" applyFont="1" applyBorder="1" applyAlignment="1">
      <alignment vertical="center"/>
    </xf>
    <xf numFmtId="38" fontId="0" fillId="0" borderId="26" xfId="1" applyFont="1" applyBorder="1" applyAlignment="1">
      <alignment vertical="center"/>
    </xf>
    <xf numFmtId="38" fontId="0" fillId="0" borderId="13" xfId="1" applyFont="1" applyBorder="1" applyAlignment="1">
      <alignment vertical="center"/>
    </xf>
    <xf numFmtId="38" fontId="0" fillId="0" borderId="40" xfId="1" applyFont="1" applyBorder="1" applyAlignment="1">
      <alignment vertical="center"/>
    </xf>
    <xf numFmtId="38" fontId="0" fillId="0" borderId="25" xfId="1" applyFont="1" applyBorder="1" applyAlignment="1">
      <alignment vertical="center"/>
    </xf>
    <xf numFmtId="0" fontId="0" fillId="0" borderId="72" xfId="3" applyFont="1" applyBorder="1" applyAlignment="1">
      <alignment horizontal="center" vertical="center"/>
    </xf>
    <xf numFmtId="38" fontId="0" fillId="0" borderId="74" xfId="1" applyFont="1" applyBorder="1" applyAlignment="1">
      <alignment vertical="center"/>
    </xf>
    <xf numFmtId="38" fontId="0" fillId="0" borderId="65" xfId="1" applyFont="1" applyBorder="1" applyAlignment="1">
      <alignment vertical="center"/>
    </xf>
    <xf numFmtId="38" fontId="0" fillId="0" borderId="72" xfId="1" applyFont="1" applyBorder="1" applyAlignment="1">
      <alignment vertical="center"/>
    </xf>
    <xf numFmtId="0" fontId="0" fillId="0" borderId="0" xfId="0" applyFont="1" applyBorder="1" applyAlignment="1">
      <alignment horizontal="center" vertical="center"/>
    </xf>
    <xf numFmtId="0" fontId="0" fillId="0" borderId="0" xfId="0" applyFont="1" applyBorder="1" applyAlignment="1">
      <alignment horizontal="right" vertical="center"/>
    </xf>
    <xf numFmtId="0" fontId="0" fillId="0" borderId="15"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wrapText="1"/>
    </xf>
    <xf numFmtId="177" fontId="0" fillId="0" borderId="34" xfId="1" applyNumberFormat="1" applyFont="1" applyBorder="1" applyAlignment="1">
      <alignment vertical="center"/>
    </xf>
    <xf numFmtId="177" fontId="0" fillId="0" borderId="35" xfId="1" applyNumberFormat="1" applyFont="1" applyBorder="1" applyAlignment="1">
      <alignment vertical="center"/>
    </xf>
    <xf numFmtId="177" fontId="0" fillId="0" borderId="36" xfId="1" applyNumberFormat="1" applyFont="1" applyBorder="1" applyAlignment="1">
      <alignment vertical="center"/>
    </xf>
    <xf numFmtId="177" fontId="0" fillId="0" borderId="51" xfId="1" applyNumberFormat="1" applyFont="1" applyBorder="1" applyAlignment="1">
      <alignment vertical="center"/>
    </xf>
    <xf numFmtId="177" fontId="0" fillId="0" borderId="37" xfId="1" applyNumberFormat="1" applyFont="1" applyBorder="1" applyAlignment="1">
      <alignment vertical="center"/>
    </xf>
    <xf numFmtId="177" fontId="0" fillId="0" borderId="52" xfId="1" applyNumberFormat="1" applyFont="1" applyBorder="1" applyAlignment="1">
      <alignment vertical="center"/>
    </xf>
    <xf numFmtId="177" fontId="0" fillId="0" borderId="8" xfId="1" applyNumberFormat="1" applyFont="1" applyBorder="1" applyAlignment="1">
      <alignment vertical="center"/>
    </xf>
    <xf numFmtId="177" fontId="0" fillId="0" borderId="5" xfId="1" applyNumberFormat="1" applyFont="1" applyBorder="1" applyAlignment="1">
      <alignment vertical="center"/>
    </xf>
    <xf numFmtId="177" fontId="0" fillId="0" borderId="38" xfId="1" applyNumberFormat="1" applyFont="1" applyBorder="1" applyAlignment="1">
      <alignment vertical="center"/>
    </xf>
    <xf numFmtId="177" fontId="0" fillId="0" borderId="53" xfId="1" applyNumberFormat="1" applyFont="1" applyBorder="1" applyAlignment="1">
      <alignment vertical="center"/>
    </xf>
    <xf numFmtId="177" fontId="0" fillId="0" borderId="39" xfId="1" applyNumberFormat="1" applyFont="1" applyBorder="1" applyAlignment="1">
      <alignment vertical="center"/>
    </xf>
    <xf numFmtId="177" fontId="0" fillId="0" borderId="54" xfId="1" applyNumberFormat="1" applyFont="1" applyBorder="1" applyAlignment="1">
      <alignment vertical="center"/>
    </xf>
    <xf numFmtId="177" fontId="0" fillId="0" borderId="9" xfId="1" applyNumberFormat="1" applyFont="1" applyBorder="1" applyAlignment="1">
      <alignment vertical="center"/>
    </xf>
    <xf numFmtId="177" fontId="0" fillId="0" borderId="12" xfId="1" applyNumberFormat="1" applyFont="1" applyBorder="1" applyAlignment="1">
      <alignment vertical="center"/>
    </xf>
    <xf numFmtId="177" fontId="0" fillId="0" borderId="25" xfId="1" applyNumberFormat="1" applyFont="1" applyBorder="1" applyAlignment="1">
      <alignment vertical="center"/>
    </xf>
    <xf numFmtId="177" fontId="0" fillId="0" borderId="26" xfId="1" applyNumberFormat="1" applyFont="1" applyBorder="1" applyAlignment="1">
      <alignment vertical="center"/>
    </xf>
    <xf numFmtId="177" fontId="0" fillId="0" borderId="40" xfId="1" applyNumberFormat="1" applyFont="1" applyBorder="1" applyAlignment="1">
      <alignment vertical="center"/>
    </xf>
    <xf numFmtId="177" fontId="0" fillId="0" borderId="33" xfId="1" applyNumberFormat="1" applyFont="1" applyBorder="1" applyAlignment="1">
      <alignment vertical="center"/>
    </xf>
    <xf numFmtId="0" fontId="0" fillId="0" borderId="20" xfId="0" applyFont="1" applyBorder="1" applyAlignment="1">
      <alignment horizontal="center" vertical="center" wrapText="1"/>
    </xf>
    <xf numFmtId="38" fontId="0" fillId="0" borderId="21" xfId="1" applyFont="1" applyBorder="1" applyAlignment="1">
      <alignment horizontal="center" vertical="center" wrapText="1"/>
    </xf>
    <xf numFmtId="0" fontId="0" fillId="0" borderId="22" xfId="0" applyFont="1" applyBorder="1" applyAlignment="1">
      <alignment horizontal="center" vertical="center" wrapText="1"/>
    </xf>
    <xf numFmtId="38" fontId="0" fillId="0" borderId="23" xfId="1" applyFont="1" applyBorder="1" applyAlignment="1">
      <alignment horizontal="center" vertical="center" wrapText="1"/>
    </xf>
    <xf numFmtId="0" fontId="0" fillId="0" borderId="23" xfId="0" applyFont="1" applyBorder="1" applyAlignment="1">
      <alignment horizontal="center" vertical="center" wrapText="1"/>
    </xf>
    <xf numFmtId="38" fontId="0" fillId="0" borderId="24" xfId="1" applyFont="1" applyBorder="1" applyAlignment="1">
      <alignment horizontal="center" vertical="center" wrapText="1"/>
    </xf>
    <xf numFmtId="0" fontId="0" fillId="0" borderId="11" xfId="0" applyFont="1" applyBorder="1" applyAlignment="1">
      <alignment horizontal="center" vertical="center" wrapText="1"/>
    </xf>
    <xf numFmtId="177" fontId="0" fillId="0" borderId="43" xfId="1" applyNumberFormat="1" applyFont="1" applyBorder="1" applyAlignment="1">
      <alignment vertical="center"/>
    </xf>
    <xf numFmtId="177" fontId="0" fillId="0" borderId="58" xfId="1" applyNumberFormat="1" applyFont="1" applyBorder="1" applyAlignment="1">
      <alignment vertical="center"/>
    </xf>
    <xf numFmtId="177" fontId="0" fillId="0" borderId="45" xfId="1" applyNumberFormat="1" applyFont="1" applyBorder="1" applyAlignment="1">
      <alignment vertical="center"/>
    </xf>
    <xf numFmtId="38" fontId="0" fillId="0" borderId="0" xfId="1" applyFont="1" applyAlignment="1">
      <alignment vertical="center"/>
    </xf>
    <xf numFmtId="177" fontId="0" fillId="0" borderId="46" xfId="1" applyNumberFormat="1" applyFont="1" applyBorder="1" applyAlignment="1">
      <alignment vertical="center"/>
    </xf>
    <xf numFmtId="177" fontId="0" fillId="0" borderId="56" xfId="1" applyNumberFormat="1" applyFont="1" applyBorder="1" applyAlignment="1">
      <alignment vertical="center"/>
    </xf>
    <xf numFmtId="177" fontId="0" fillId="0" borderId="48" xfId="1" applyNumberFormat="1" applyFont="1" applyBorder="1" applyAlignment="1">
      <alignment vertical="center"/>
    </xf>
    <xf numFmtId="177" fontId="0" fillId="0" borderId="13" xfId="1" applyNumberFormat="1" applyFont="1" applyBorder="1" applyAlignment="1">
      <alignment vertical="center"/>
    </xf>
    <xf numFmtId="177" fontId="0" fillId="0" borderId="66" xfId="1" applyNumberFormat="1" applyFont="1" applyBorder="1" applyAlignment="1">
      <alignment vertical="center"/>
    </xf>
    <xf numFmtId="177" fontId="0" fillId="0" borderId="30" xfId="1" applyNumberFormat="1" applyFont="1" applyBorder="1" applyAlignment="1">
      <alignment vertical="center"/>
    </xf>
    <xf numFmtId="38" fontId="0" fillId="0" borderId="0" xfId="1" applyFont="1" applyBorder="1" applyAlignment="1">
      <alignment vertical="center"/>
    </xf>
    <xf numFmtId="0" fontId="0" fillId="0" borderId="0" xfId="0" applyFont="1" applyFill="1" applyAlignment="1">
      <alignment vertical="center"/>
    </xf>
    <xf numFmtId="182" fontId="0" fillId="0" borderId="0" xfId="0" applyNumberFormat="1" applyFont="1" applyBorder="1" applyAlignment="1">
      <alignment horizontal="center" vertical="center"/>
    </xf>
    <xf numFmtId="0" fontId="0" fillId="0" borderId="33" xfId="0" applyFont="1" applyBorder="1" applyAlignment="1">
      <alignment horizontal="center" vertical="center"/>
    </xf>
    <xf numFmtId="0" fontId="0" fillId="0" borderId="25" xfId="0" applyFont="1" applyBorder="1" applyAlignment="1">
      <alignment horizontal="center" vertical="center"/>
    </xf>
    <xf numFmtId="0" fontId="0" fillId="0" borderId="20" xfId="0" applyFont="1" applyBorder="1" applyAlignment="1">
      <alignment horizontal="center" vertical="center"/>
    </xf>
    <xf numFmtId="0" fontId="0" fillId="0" borderId="23" xfId="0" applyFont="1" applyBorder="1" applyAlignment="1">
      <alignment horizontal="center" vertical="center"/>
    </xf>
    <xf numFmtId="0" fontId="0" fillId="0" borderId="24" xfId="0" applyFont="1" applyBorder="1" applyAlignment="1">
      <alignment horizontal="center" vertical="center"/>
    </xf>
    <xf numFmtId="0" fontId="0" fillId="0" borderId="21" xfId="0" applyFont="1" applyBorder="1" applyAlignment="1">
      <alignment horizontal="center" vertical="center"/>
    </xf>
    <xf numFmtId="179" fontId="0" fillId="0" borderId="55" xfId="0" applyNumberFormat="1" applyFont="1" applyBorder="1" applyAlignment="1">
      <alignment shrinkToFit="1"/>
    </xf>
    <xf numFmtId="179" fontId="0" fillId="0" borderId="42" xfId="0" applyNumberFormat="1" applyFont="1" applyBorder="1" applyAlignment="1">
      <alignment shrinkToFit="1"/>
    </xf>
    <xf numFmtId="179" fontId="0" fillId="0" borderId="73" xfId="0" applyNumberFormat="1" applyFont="1" applyBorder="1" applyAlignment="1">
      <alignment shrinkToFit="1"/>
    </xf>
    <xf numFmtId="179" fontId="0" fillId="0" borderId="74" xfId="0" applyNumberFormat="1" applyFont="1" applyBorder="1" applyAlignment="1">
      <alignment shrinkToFit="1"/>
    </xf>
    <xf numFmtId="179" fontId="0" fillId="0" borderId="57" xfId="0" applyNumberFormat="1" applyFont="1" applyBorder="1" applyAlignment="1">
      <alignment shrinkToFit="1"/>
    </xf>
    <xf numFmtId="179" fontId="0" fillId="0" borderId="37" xfId="0" applyNumberFormat="1" applyFont="1" applyBorder="1" applyAlignment="1">
      <alignment shrinkToFit="1"/>
    </xf>
    <xf numFmtId="179" fontId="0" fillId="0" borderId="43" xfId="0" applyNumberFormat="1" applyFont="1" applyBorder="1" applyAlignment="1">
      <alignment shrinkToFit="1"/>
    </xf>
    <xf numFmtId="179" fontId="0" fillId="0" borderId="51" xfId="0" applyNumberFormat="1" applyFont="1" applyBorder="1" applyAlignment="1">
      <alignment shrinkToFit="1"/>
    </xf>
    <xf numFmtId="179" fontId="0" fillId="0" borderId="35" xfId="0" applyNumberFormat="1" applyFont="1" applyBorder="1" applyAlignment="1">
      <alignment shrinkToFit="1"/>
    </xf>
    <xf numFmtId="179" fontId="0" fillId="0" borderId="34" xfId="0" applyNumberFormat="1" applyFont="1" applyBorder="1" applyAlignment="1">
      <alignment shrinkToFit="1"/>
    </xf>
    <xf numFmtId="179" fontId="0" fillId="0" borderId="60" xfId="0" applyNumberFormat="1" applyFont="1" applyBorder="1" applyAlignment="1">
      <alignment shrinkToFit="1"/>
    </xf>
    <xf numFmtId="179" fontId="0" fillId="0" borderId="36" xfId="0" applyNumberFormat="1" applyFont="1" applyBorder="1" applyAlignment="1">
      <alignment shrinkToFit="1"/>
    </xf>
    <xf numFmtId="179" fontId="0" fillId="0" borderId="52" xfId="0" applyNumberFormat="1" applyFont="1" applyBorder="1" applyAlignment="1">
      <alignment shrinkToFit="1"/>
    </xf>
    <xf numFmtId="179" fontId="0" fillId="0" borderId="44" xfId="0" applyNumberFormat="1" applyFont="1" applyBorder="1" applyAlignment="1">
      <alignment shrinkToFit="1"/>
    </xf>
    <xf numFmtId="179" fontId="0" fillId="0" borderId="75" xfId="0" applyNumberFormat="1" applyFont="1" applyBorder="1" applyAlignment="1">
      <alignment shrinkToFit="1"/>
    </xf>
    <xf numFmtId="179" fontId="0" fillId="0" borderId="58" xfId="0" applyNumberFormat="1" applyFont="1" applyBorder="1" applyAlignment="1">
      <alignment shrinkToFit="1"/>
    </xf>
    <xf numFmtId="179" fontId="0" fillId="0" borderId="59" xfId="0" applyNumberFormat="1" applyFont="1" applyBorder="1" applyAlignment="1">
      <alignment shrinkToFit="1"/>
    </xf>
    <xf numFmtId="179" fontId="0" fillId="0" borderId="27" xfId="0" applyNumberFormat="1" applyFont="1" applyBorder="1" applyAlignment="1">
      <alignment shrinkToFit="1"/>
    </xf>
    <xf numFmtId="180" fontId="0" fillId="0" borderId="3" xfId="2" applyNumberFormat="1" applyFont="1" applyBorder="1" applyAlignment="1">
      <alignment vertical="center" shrinkToFit="1"/>
    </xf>
    <xf numFmtId="180" fontId="0" fillId="0" borderId="35" xfId="2" applyNumberFormat="1" applyFont="1" applyBorder="1" applyAlignment="1">
      <alignment vertical="center" shrinkToFit="1"/>
    </xf>
    <xf numFmtId="180" fontId="0" fillId="0" borderId="57" xfId="2" applyNumberFormat="1" applyFont="1" applyBorder="1" applyAlignment="1">
      <alignment vertical="center" shrinkToFit="1"/>
    </xf>
    <xf numFmtId="180" fontId="0" fillId="0" borderId="51" xfId="2" applyNumberFormat="1" applyFont="1" applyBorder="1" applyAlignment="1">
      <alignment vertical="center" shrinkToFit="1"/>
    </xf>
    <xf numFmtId="180" fontId="0" fillId="0" borderId="52" xfId="2" applyNumberFormat="1" applyFont="1" applyBorder="1" applyAlignment="1">
      <alignment vertical="center" shrinkToFit="1"/>
    </xf>
    <xf numFmtId="180" fontId="0" fillId="0" borderId="58" xfId="2" applyNumberFormat="1" applyFont="1" applyBorder="1" applyAlignment="1">
      <alignment vertical="center" shrinkToFit="1"/>
    </xf>
    <xf numFmtId="180" fontId="0" fillId="0" borderId="43" xfId="2" applyNumberFormat="1" applyFont="1" applyBorder="1" applyAlignment="1">
      <alignment vertical="center" shrinkToFit="1"/>
    </xf>
    <xf numFmtId="180" fontId="0" fillId="0" borderId="59" xfId="2" applyNumberFormat="1" applyFont="1" applyBorder="1" applyAlignment="1">
      <alignment vertical="center" shrinkToFit="1"/>
    </xf>
    <xf numFmtId="180" fontId="0" fillId="0" borderId="34" xfId="1" applyNumberFormat="1" applyFont="1" applyFill="1" applyBorder="1" applyAlignment="1">
      <alignment vertical="center" shrinkToFit="1"/>
    </xf>
    <xf numFmtId="180" fontId="0" fillId="0" borderId="35" xfId="1" applyNumberFormat="1" applyFont="1" applyFill="1" applyBorder="1" applyAlignment="1">
      <alignment vertical="center" shrinkToFit="1"/>
    </xf>
    <xf numFmtId="180" fontId="0" fillId="0" borderId="43" xfId="1" applyNumberFormat="1" applyFont="1" applyFill="1" applyBorder="1" applyAlignment="1">
      <alignment vertical="center" shrinkToFit="1"/>
    </xf>
    <xf numFmtId="180" fontId="0" fillId="0" borderId="35" xfId="0" applyNumberFormat="1" applyFont="1" applyBorder="1" applyAlignment="1">
      <alignment shrinkToFit="1"/>
    </xf>
    <xf numFmtId="180" fontId="0" fillId="0" borderId="36" xfId="0" applyNumberFormat="1" applyFont="1" applyBorder="1" applyAlignment="1">
      <alignment shrinkToFit="1"/>
    </xf>
    <xf numFmtId="180" fontId="0" fillId="0" borderId="37" xfId="0" applyNumberFormat="1" applyFont="1" applyBorder="1" applyAlignment="1">
      <alignment shrinkToFit="1"/>
    </xf>
    <xf numFmtId="180" fontId="0" fillId="0" borderId="34" xfId="0" applyNumberFormat="1" applyFont="1" applyBorder="1" applyAlignment="1">
      <alignment shrinkToFit="1"/>
    </xf>
    <xf numFmtId="180" fontId="0" fillId="0" borderId="43" xfId="0" applyNumberFormat="1" applyFont="1" applyBorder="1" applyAlignment="1">
      <alignment shrinkToFit="1"/>
    </xf>
    <xf numFmtId="180" fontId="0" fillId="0" borderId="58" xfId="0" applyNumberFormat="1" applyFont="1" applyBorder="1" applyAlignment="1">
      <alignment shrinkToFit="1"/>
    </xf>
    <xf numFmtId="180" fontId="0" fillId="0" borderId="51" xfId="0" applyNumberFormat="1" applyFont="1" applyBorder="1" applyAlignment="1">
      <alignment shrinkToFit="1"/>
    </xf>
    <xf numFmtId="180" fontId="0" fillId="0" borderId="34" xfId="1" applyNumberFormat="1" applyFont="1" applyFill="1" applyBorder="1" applyAlignment="1">
      <alignment shrinkToFit="1"/>
    </xf>
    <xf numFmtId="180" fontId="0" fillId="0" borderId="52" xfId="0" applyNumberFormat="1" applyFont="1" applyBorder="1" applyAlignment="1">
      <alignment shrinkToFit="1"/>
    </xf>
    <xf numFmtId="180" fontId="0" fillId="0" borderId="45" xfId="0" applyNumberFormat="1" applyFont="1" applyBorder="1" applyAlignment="1">
      <alignment shrinkToFit="1"/>
    </xf>
    <xf numFmtId="179" fontId="0" fillId="0" borderId="54" xfId="0" applyNumberFormat="1" applyFont="1" applyBorder="1" applyAlignment="1">
      <alignment shrinkToFit="1"/>
    </xf>
    <xf numFmtId="179" fontId="0" fillId="0" borderId="5" xfId="0" applyNumberFormat="1" applyFont="1" applyBorder="1" applyAlignment="1">
      <alignment shrinkToFit="1"/>
    </xf>
    <xf numFmtId="179" fontId="0" fillId="0" borderId="46" xfId="0" applyNumberFormat="1" applyFont="1" applyBorder="1" applyAlignment="1">
      <alignment shrinkToFit="1"/>
    </xf>
    <xf numFmtId="179" fontId="0" fillId="0" borderId="56" xfId="0" applyNumberFormat="1" applyFont="1" applyBorder="1" applyAlignment="1">
      <alignment shrinkToFit="1"/>
    </xf>
    <xf numFmtId="179" fontId="0" fillId="0" borderId="39" xfId="0" applyNumberFormat="1" applyFont="1" applyBorder="1" applyAlignment="1">
      <alignment shrinkToFit="1"/>
    </xf>
    <xf numFmtId="179" fontId="0" fillId="0" borderId="38" xfId="0" applyNumberFormat="1" applyFont="1" applyBorder="1" applyAlignment="1">
      <alignment shrinkToFit="1"/>
    </xf>
    <xf numFmtId="179" fontId="0" fillId="0" borderId="53" xfId="0" applyNumberFormat="1" applyFont="1" applyBorder="1" applyAlignment="1">
      <alignment shrinkToFit="1"/>
    </xf>
    <xf numFmtId="179" fontId="0" fillId="0" borderId="8" xfId="0" applyNumberFormat="1" applyFont="1" applyBorder="1" applyAlignment="1">
      <alignment shrinkToFit="1"/>
    </xf>
    <xf numFmtId="179" fontId="0" fillId="0" borderId="48" xfId="0" applyNumberFormat="1" applyFont="1" applyBorder="1" applyAlignment="1">
      <alignment shrinkToFit="1"/>
    </xf>
    <xf numFmtId="180" fontId="0" fillId="0" borderId="7" xfId="2" applyNumberFormat="1" applyFont="1" applyBorder="1" applyAlignment="1">
      <alignment vertical="center" shrinkToFit="1"/>
    </xf>
    <xf numFmtId="180" fontId="0" fillId="0" borderId="5" xfId="2" applyNumberFormat="1" applyFont="1" applyBorder="1" applyAlignment="1">
      <alignment vertical="center" shrinkToFit="1"/>
    </xf>
    <xf numFmtId="180" fontId="0" fillId="0" borderId="56" xfId="2" applyNumberFormat="1" applyFont="1" applyBorder="1" applyAlignment="1">
      <alignment vertical="center" shrinkToFit="1"/>
    </xf>
    <xf numFmtId="180" fontId="0" fillId="0" borderId="61" xfId="2" applyNumberFormat="1" applyFont="1" applyBorder="1" applyAlignment="1">
      <alignment vertical="center" shrinkToFit="1"/>
    </xf>
    <xf numFmtId="180" fontId="0" fillId="0" borderId="62" xfId="2" applyNumberFormat="1" applyFont="1" applyBorder="1" applyAlignment="1">
      <alignment vertical="center" shrinkToFit="1"/>
    </xf>
    <xf numFmtId="180" fontId="0" fillId="0" borderId="63" xfId="2" applyNumberFormat="1" applyFont="1" applyBorder="1" applyAlignment="1">
      <alignment vertical="center" shrinkToFit="1"/>
    </xf>
    <xf numFmtId="180" fontId="0" fillId="0" borderId="0" xfId="2" applyNumberFormat="1" applyFont="1" applyBorder="1" applyAlignment="1">
      <alignment vertical="center" shrinkToFit="1"/>
    </xf>
    <xf numFmtId="180" fontId="0" fillId="0" borderId="64" xfId="2" applyNumberFormat="1" applyFont="1" applyBorder="1" applyAlignment="1">
      <alignment vertical="center" shrinkToFit="1"/>
    </xf>
    <xf numFmtId="180" fontId="0" fillId="0" borderId="48" xfId="2" applyNumberFormat="1" applyFont="1" applyBorder="1" applyAlignment="1">
      <alignment vertical="center" shrinkToFit="1"/>
    </xf>
    <xf numFmtId="180" fontId="0" fillId="0" borderId="8" xfId="1" applyNumberFormat="1" applyFont="1" applyFill="1" applyBorder="1" applyAlignment="1">
      <alignment vertical="center" shrinkToFit="1"/>
    </xf>
    <xf numFmtId="180" fontId="0" fillId="0" borderId="5" xfId="1" applyNumberFormat="1" applyFont="1" applyFill="1" applyBorder="1" applyAlignment="1">
      <alignment vertical="center" shrinkToFit="1"/>
    </xf>
    <xf numFmtId="180" fontId="0" fillId="0" borderId="46" xfId="1" applyNumberFormat="1" applyFont="1" applyFill="1" applyBorder="1" applyAlignment="1">
      <alignment vertical="center" shrinkToFit="1"/>
    </xf>
    <xf numFmtId="180" fontId="0" fillId="0" borderId="5" xfId="0" applyNumberFormat="1" applyFont="1" applyBorder="1" applyAlignment="1">
      <alignment shrinkToFit="1"/>
    </xf>
    <xf numFmtId="180" fontId="0" fillId="0" borderId="38" xfId="0" applyNumberFormat="1" applyFont="1" applyBorder="1" applyAlignment="1">
      <alignment shrinkToFit="1"/>
    </xf>
    <xf numFmtId="180" fontId="0" fillId="0" borderId="39" xfId="0" applyNumberFormat="1" applyFont="1" applyBorder="1" applyAlignment="1">
      <alignment shrinkToFit="1"/>
    </xf>
    <xf numFmtId="180" fontId="0" fillId="0" borderId="8" xfId="0" applyNumberFormat="1" applyFont="1" applyBorder="1" applyAlignment="1">
      <alignment shrinkToFit="1"/>
    </xf>
    <xf numFmtId="180" fontId="0" fillId="0" borderId="46" xfId="0" applyNumberFormat="1" applyFont="1" applyBorder="1" applyAlignment="1">
      <alignment shrinkToFit="1"/>
    </xf>
    <xf numFmtId="180" fontId="0" fillId="0" borderId="56" xfId="0" applyNumberFormat="1" applyFont="1" applyBorder="1" applyAlignment="1">
      <alignment shrinkToFit="1"/>
    </xf>
    <xf numFmtId="180" fontId="0" fillId="0" borderId="53" xfId="0" applyNumberFormat="1" applyFont="1" applyBorder="1" applyAlignment="1">
      <alignment shrinkToFit="1"/>
    </xf>
    <xf numFmtId="180" fontId="0" fillId="0" borderId="8" xfId="1" applyNumberFormat="1" applyFont="1" applyFill="1" applyBorder="1" applyAlignment="1">
      <alignment shrinkToFit="1"/>
    </xf>
    <xf numFmtId="180" fontId="0" fillId="0" borderId="54" xfId="0" applyNumberFormat="1" applyFont="1" applyBorder="1" applyAlignment="1">
      <alignment shrinkToFit="1"/>
    </xf>
    <xf numFmtId="180" fontId="0" fillId="0" borderId="48" xfId="0" applyNumberFormat="1" applyFont="1" applyBorder="1" applyAlignment="1">
      <alignment shrinkToFit="1"/>
    </xf>
    <xf numFmtId="179" fontId="0" fillId="0" borderId="54" xfId="0" applyNumberFormat="1" applyFont="1" applyBorder="1"/>
    <xf numFmtId="179" fontId="0" fillId="0" borderId="5" xfId="0" applyNumberFormat="1" applyFont="1" applyBorder="1"/>
    <xf numFmtId="179" fontId="0" fillId="0" borderId="46" xfId="0" applyNumberFormat="1" applyFont="1" applyBorder="1"/>
    <xf numFmtId="179" fontId="0" fillId="0" borderId="56" xfId="0" applyNumberFormat="1" applyFont="1" applyBorder="1"/>
    <xf numFmtId="179" fontId="0" fillId="0" borderId="39" xfId="0" applyNumberFormat="1" applyFont="1" applyBorder="1"/>
    <xf numFmtId="179" fontId="0" fillId="0" borderId="38" xfId="0" applyNumberFormat="1" applyFont="1" applyBorder="1"/>
    <xf numFmtId="179" fontId="0" fillId="0" borderId="53" xfId="0" applyNumberFormat="1" applyFont="1" applyBorder="1"/>
    <xf numFmtId="179" fontId="0" fillId="0" borderId="8" xfId="0" applyNumberFormat="1" applyFont="1" applyBorder="1"/>
    <xf numFmtId="179" fontId="0" fillId="0" borderId="48" xfId="0" applyNumberFormat="1" applyFont="1" applyBorder="1"/>
    <xf numFmtId="180" fontId="0" fillId="0" borderId="7" xfId="2" applyNumberFormat="1" applyFont="1" applyBorder="1">
      <alignment vertical="center"/>
    </xf>
    <xf numFmtId="180" fontId="0" fillId="0" borderId="5" xfId="2" applyNumberFormat="1" applyFont="1" applyBorder="1">
      <alignment vertical="center"/>
    </xf>
    <xf numFmtId="180" fontId="0" fillId="0" borderId="56" xfId="2" applyNumberFormat="1" applyFont="1" applyBorder="1">
      <alignment vertical="center"/>
    </xf>
    <xf numFmtId="180" fontId="0" fillId="0" borderId="53" xfId="2" applyNumberFormat="1" applyFont="1" applyBorder="1">
      <alignment vertical="center"/>
    </xf>
    <xf numFmtId="180" fontId="0" fillId="0" borderId="54" xfId="2" applyNumberFormat="1" applyFont="1" applyBorder="1">
      <alignment vertical="center"/>
    </xf>
    <xf numFmtId="180" fontId="0" fillId="0" borderId="46" xfId="2" applyNumberFormat="1" applyFont="1" applyBorder="1">
      <alignment vertical="center"/>
    </xf>
    <xf numFmtId="180" fontId="0" fillId="0" borderId="48" xfId="2" applyNumberFormat="1" applyFont="1" applyBorder="1">
      <alignment vertical="center"/>
    </xf>
    <xf numFmtId="180" fontId="0" fillId="0" borderId="8" xfId="1" applyNumberFormat="1" applyFont="1" applyFill="1" applyBorder="1" applyAlignment="1">
      <alignment vertical="center"/>
    </xf>
    <xf numFmtId="180" fontId="0" fillId="0" borderId="5" xfId="1" applyNumberFormat="1" applyFont="1" applyFill="1" applyBorder="1" applyAlignment="1">
      <alignment vertical="center"/>
    </xf>
    <xf numFmtId="180" fontId="0" fillId="0" borderId="46" xfId="1" applyNumberFormat="1" applyFont="1" applyFill="1" applyBorder="1" applyAlignment="1">
      <alignment vertical="center"/>
    </xf>
    <xf numFmtId="180" fontId="0" fillId="0" borderId="5" xfId="0" applyNumberFormat="1" applyFont="1" applyBorder="1"/>
    <xf numFmtId="180" fontId="0" fillId="0" borderId="38" xfId="0" applyNumberFormat="1" applyFont="1" applyBorder="1"/>
    <xf numFmtId="180" fontId="0" fillId="0" borderId="39" xfId="0" applyNumberFormat="1" applyFont="1" applyBorder="1"/>
    <xf numFmtId="180" fontId="0" fillId="0" borderId="8" xfId="0" applyNumberFormat="1" applyFont="1" applyBorder="1"/>
    <xf numFmtId="180" fontId="0" fillId="0" borderId="46" xfId="0" applyNumberFormat="1" applyFont="1" applyBorder="1"/>
    <xf numFmtId="180" fontId="0" fillId="0" borderId="56" xfId="0" applyNumberFormat="1" applyFont="1" applyBorder="1"/>
    <xf numFmtId="180" fontId="0" fillId="0" borderId="53" xfId="0" applyNumberFormat="1" applyFont="1" applyBorder="1"/>
    <xf numFmtId="180" fontId="0" fillId="0" borderId="8" xfId="1" applyNumberFormat="1" applyFont="1" applyFill="1" applyBorder="1" applyAlignment="1"/>
    <xf numFmtId="180" fontId="0" fillId="0" borderId="54" xfId="0" applyNumberFormat="1" applyFont="1" applyBorder="1"/>
    <xf numFmtId="180" fontId="0" fillId="0" borderId="48" xfId="0" applyNumberFormat="1" applyFont="1" applyBorder="1"/>
    <xf numFmtId="180" fontId="0" fillId="0" borderId="61" xfId="2" applyNumberFormat="1" applyFont="1" applyBorder="1">
      <alignment vertical="center"/>
    </xf>
    <xf numFmtId="180" fontId="0" fillId="0" borderId="62" xfId="2" applyNumberFormat="1" applyFont="1" applyBorder="1">
      <alignment vertical="center"/>
    </xf>
    <xf numFmtId="180" fontId="0" fillId="0" borderId="63" xfId="2" applyNumberFormat="1" applyFont="1" applyBorder="1">
      <alignment vertical="center"/>
    </xf>
    <xf numFmtId="180" fontId="0" fillId="0" borderId="0" xfId="2" applyNumberFormat="1" applyFont="1" applyBorder="1">
      <alignment vertical="center"/>
    </xf>
    <xf numFmtId="180" fontId="0" fillId="0" borderId="64" xfId="2" applyNumberFormat="1" applyFont="1" applyBorder="1">
      <alignment vertical="center"/>
    </xf>
    <xf numFmtId="180" fontId="0" fillId="0" borderId="3" xfId="2" applyNumberFormat="1" applyFont="1" applyBorder="1">
      <alignment vertical="center"/>
    </xf>
    <xf numFmtId="180" fontId="0" fillId="0" borderId="42" xfId="2" applyNumberFormat="1" applyFont="1" applyBorder="1">
      <alignment vertical="center"/>
    </xf>
    <xf numFmtId="180" fontId="0" fillId="0" borderId="57" xfId="2" applyNumberFormat="1" applyFont="1" applyBorder="1">
      <alignment vertical="center"/>
    </xf>
    <xf numFmtId="180" fontId="0" fillId="0" borderId="59" xfId="2" applyNumberFormat="1" applyFont="1" applyBorder="1">
      <alignment vertical="center"/>
    </xf>
    <xf numFmtId="179" fontId="0" fillId="0" borderId="57" xfId="0" applyNumberFormat="1" applyFont="1" applyBorder="1"/>
    <xf numFmtId="179" fontId="0" fillId="0" borderId="73" xfId="0" applyNumberFormat="1" applyFont="1" applyBorder="1"/>
    <xf numFmtId="179" fontId="0" fillId="0" borderId="42" xfId="0" applyNumberFormat="1" applyFont="1" applyBorder="1"/>
    <xf numFmtId="179" fontId="0" fillId="0" borderId="47" xfId="0" applyNumberFormat="1" applyFont="1" applyBorder="1"/>
    <xf numFmtId="179" fontId="0" fillId="0" borderId="64" xfId="0" applyNumberFormat="1" applyFont="1" applyBorder="1"/>
    <xf numFmtId="179" fontId="0" fillId="0" borderId="62" xfId="0" applyNumberFormat="1" applyFont="1" applyBorder="1"/>
    <xf numFmtId="179" fontId="0" fillId="0" borderId="0" xfId="0" applyNumberFormat="1" applyFont="1" applyBorder="1"/>
    <xf numFmtId="179" fontId="0" fillId="0" borderId="33" xfId="0" applyNumberFormat="1" applyFont="1" applyBorder="1"/>
    <xf numFmtId="179" fontId="0" fillId="0" borderId="12" xfId="0" applyNumberFormat="1" applyFont="1" applyBorder="1"/>
    <xf numFmtId="179" fontId="0" fillId="0" borderId="13" xfId="0" applyNumberFormat="1" applyFont="1" applyBorder="1"/>
    <xf numFmtId="179" fontId="0" fillId="0" borderId="66" xfId="0" applyNumberFormat="1" applyFont="1" applyBorder="1"/>
    <xf numFmtId="179" fontId="0" fillId="0" borderId="40" xfId="0" applyNumberFormat="1" applyFont="1" applyBorder="1"/>
    <xf numFmtId="179" fontId="0" fillId="0" borderId="25" xfId="0" applyNumberFormat="1" applyFont="1" applyBorder="1"/>
    <xf numFmtId="179" fontId="0" fillId="0" borderId="26" xfId="0" applyNumberFormat="1" applyFont="1" applyBorder="1"/>
    <xf numFmtId="179" fontId="0" fillId="0" borderId="9" xfId="0" applyNumberFormat="1" applyFont="1" applyBorder="1"/>
    <xf numFmtId="179" fontId="0" fillId="0" borderId="30" xfId="0" applyNumberFormat="1" applyFont="1" applyBorder="1"/>
    <xf numFmtId="180" fontId="0" fillId="0" borderId="14" xfId="2" applyNumberFormat="1" applyFont="1" applyBorder="1">
      <alignment vertical="center"/>
    </xf>
    <xf numFmtId="180" fontId="0" fillId="0" borderId="12" xfId="2" applyNumberFormat="1" applyFont="1" applyBorder="1">
      <alignment vertical="center"/>
    </xf>
    <xf numFmtId="180" fontId="0" fillId="0" borderId="66" xfId="2" applyNumberFormat="1" applyFont="1" applyBorder="1">
      <alignment vertical="center"/>
    </xf>
    <xf numFmtId="180" fontId="0" fillId="0" borderId="67" xfId="2" applyNumberFormat="1" applyFont="1" applyBorder="1">
      <alignment vertical="center"/>
    </xf>
    <xf numFmtId="180" fontId="0" fillId="0" borderId="68" xfId="2" applyNumberFormat="1" applyFont="1" applyBorder="1">
      <alignment vertical="center"/>
    </xf>
    <xf numFmtId="180" fontId="0" fillId="0" borderId="69" xfId="2" applyNumberFormat="1" applyFont="1" applyBorder="1">
      <alignment vertical="center"/>
    </xf>
    <xf numFmtId="180" fontId="0" fillId="0" borderId="70" xfId="2" applyNumberFormat="1" applyFont="1" applyBorder="1">
      <alignment vertical="center"/>
    </xf>
    <xf numFmtId="180" fontId="0" fillId="0" borderId="71" xfId="2" applyNumberFormat="1" applyFont="1" applyBorder="1">
      <alignment vertical="center"/>
    </xf>
    <xf numFmtId="180" fontId="0" fillId="0" borderId="30" xfId="2" applyNumberFormat="1" applyFont="1" applyBorder="1">
      <alignment vertical="center"/>
    </xf>
    <xf numFmtId="180" fontId="0" fillId="0" borderId="9" xfId="1" applyNumberFormat="1" applyFont="1" applyFill="1" applyBorder="1" applyAlignment="1">
      <alignment vertical="center"/>
    </xf>
    <xf numFmtId="180" fontId="0" fillId="0" borderId="12" xfId="1" applyNumberFormat="1" applyFont="1" applyFill="1" applyBorder="1" applyAlignment="1">
      <alignment vertical="center"/>
    </xf>
    <xf numFmtId="180" fontId="0" fillId="0" borderId="13" xfId="1" applyNumberFormat="1" applyFont="1" applyFill="1" applyBorder="1" applyAlignment="1">
      <alignment vertical="center"/>
    </xf>
    <xf numFmtId="180" fontId="0" fillId="0" borderId="12" xfId="0" applyNumberFormat="1" applyFont="1" applyBorder="1"/>
    <xf numFmtId="180" fontId="0" fillId="0" borderId="25" xfId="0" applyNumberFormat="1" applyFont="1" applyBorder="1"/>
    <xf numFmtId="180" fontId="0" fillId="0" borderId="40" xfId="0" applyNumberFormat="1" applyFont="1" applyBorder="1"/>
    <xf numFmtId="180" fontId="0" fillId="0" borderId="9" xfId="0" applyNumberFormat="1" applyFont="1" applyBorder="1"/>
    <xf numFmtId="180" fontId="0" fillId="0" borderId="13" xfId="0" applyNumberFormat="1" applyFont="1" applyBorder="1"/>
    <xf numFmtId="180" fontId="0" fillId="0" borderId="66" xfId="0" applyNumberFormat="1" applyFont="1" applyBorder="1"/>
    <xf numFmtId="180" fontId="0" fillId="0" borderId="26" xfId="0" applyNumberFormat="1" applyFont="1" applyBorder="1"/>
    <xf numFmtId="180" fontId="0" fillId="0" borderId="9" xfId="1" applyNumberFormat="1" applyFont="1" applyFill="1" applyBorder="1" applyAlignment="1"/>
    <xf numFmtId="180" fontId="0" fillId="0" borderId="33" xfId="0" applyNumberFormat="1" applyFont="1" applyBorder="1"/>
    <xf numFmtId="180" fontId="0" fillId="0" borderId="30" xfId="0" applyNumberFormat="1" applyFont="1" applyBorder="1"/>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31" xfId="0" applyFont="1" applyBorder="1" applyAlignment="1">
      <alignment horizontal="left" vertical="center" shrinkToFit="1"/>
    </xf>
    <xf numFmtId="0" fontId="0" fillId="0" borderId="32" xfId="0" applyFont="1" applyBorder="1" applyAlignment="1">
      <alignment horizontal="left" vertical="center" shrinkToFit="1"/>
    </xf>
    <xf numFmtId="0" fontId="0" fillId="0" borderId="32" xfId="0" applyFont="1" applyBorder="1" applyAlignment="1">
      <alignment horizontal="left" vertical="center"/>
    </xf>
    <xf numFmtId="0" fontId="0" fillId="0" borderId="19" xfId="0" applyFont="1" applyBorder="1" applyAlignment="1">
      <alignment horizontal="left" vertical="center"/>
    </xf>
    <xf numFmtId="38" fontId="0" fillId="0" borderId="55" xfId="1" applyFont="1" applyBorder="1" applyAlignment="1">
      <alignment vertical="center"/>
    </xf>
    <xf numFmtId="38" fontId="0" fillId="0" borderId="54" xfId="1" applyFont="1" applyBorder="1" applyAlignment="1">
      <alignment vertical="center"/>
    </xf>
    <xf numFmtId="38" fontId="0" fillId="0" borderId="33" xfId="1" applyFont="1" applyBorder="1" applyAlignment="1">
      <alignment vertical="center"/>
    </xf>
    <xf numFmtId="0" fontId="0" fillId="0" borderId="78" xfId="0" applyFont="1" applyBorder="1" applyAlignment="1">
      <alignment horizontal="left" vertical="center" shrinkToFit="1"/>
    </xf>
    <xf numFmtId="0" fontId="0" fillId="0" borderId="86" xfId="0" applyFont="1" applyBorder="1" applyAlignment="1">
      <alignment horizontal="center" vertical="center"/>
    </xf>
    <xf numFmtId="0" fontId="0" fillId="0" borderId="30" xfId="0" applyFont="1" applyBorder="1" applyAlignment="1">
      <alignment horizontal="center" vertical="center"/>
    </xf>
    <xf numFmtId="0" fontId="0" fillId="0" borderId="84" xfId="0" applyFont="1" applyBorder="1" applyAlignment="1">
      <alignment horizontal="center" vertical="center"/>
    </xf>
    <xf numFmtId="0" fontId="0" fillId="0" borderId="1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180" fontId="0" fillId="0" borderId="90" xfId="1" applyNumberFormat="1" applyFont="1" applyFill="1" applyBorder="1" applyAlignment="1">
      <alignment vertical="center" shrinkToFit="1"/>
    </xf>
    <xf numFmtId="0" fontId="0" fillId="0" borderId="0" xfId="0" applyFont="1" applyBorder="1" applyAlignment="1">
      <alignment vertical="center" shrinkToFit="1"/>
    </xf>
    <xf numFmtId="180" fontId="0" fillId="0" borderId="53" xfId="1" applyNumberFormat="1" applyFont="1" applyFill="1" applyBorder="1" applyAlignment="1">
      <alignment vertical="center" shrinkToFit="1"/>
    </xf>
    <xf numFmtId="180" fontId="0" fillId="0" borderId="53" xfId="1" applyNumberFormat="1" applyFont="1" applyFill="1" applyBorder="1" applyAlignment="1">
      <alignment vertical="center"/>
    </xf>
    <xf numFmtId="180" fontId="0" fillId="0" borderId="26" xfId="1" applyNumberFormat="1" applyFont="1" applyFill="1" applyBorder="1" applyAlignment="1">
      <alignment vertical="center"/>
    </xf>
    <xf numFmtId="178" fontId="0" fillId="0" borderId="51" xfId="0" applyNumberFormat="1" applyFont="1" applyBorder="1" applyAlignment="1">
      <alignment vertical="center"/>
    </xf>
    <xf numFmtId="178" fontId="0" fillId="0" borderId="53" xfId="0" applyNumberFormat="1" applyFont="1" applyBorder="1" applyAlignment="1">
      <alignment vertical="center"/>
    </xf>
    <xf numFmtId="178" fontId="0" fillId="0" borderId="26" xfId="0" applyNumberFormat="1" applyFont="1" applyBorder="1" applyAlignment="1">
      <alignment vertical="center"/>
    </xf>
    <xf numFmtId="0" fontId="5" fillId="0" borderId="0" xfId="0" applyFont="1" applyAlignment="1">
      <alignment horizontal="center" vertical="center"/>
    </xf>
    <xf numFmtId="0" fontId="3" fillId="0" borderId="95" xfId="0" applyFont="1" applyBorder="1" applyAlignment="1">
      <alignment horizontal="center" vertical="center"/>
    </xf>
    <xf numFmtId="0" fontId="3" fillId="0" borderId="77" xfId="0" applyFont="1" applyBorder="1" applyAlignment="1">
      <alignment horizontal="center" vertical="center"/>
    </xf>
    <xf numFmtId="0" fontId="3" fillId="0" borderId="10" xfId="0" applyFont="1" applyBorder="1" applyAlignment="1">
      <alignment horizontal="center" vertical="center"/>
    </xf>
    <xf numFmtId="0" fontId="0" fillId="0" borderId="87" xfId="0" applyFont="1" applyBorder="1" applyAlignment="1">
      <alignment horizontal="left" vertical="center"/>
    </xf>
    <xf numFmtId="0" fontId="0" fillId="0" borderId="88" xfId="0" applyFont="1" applyBorder="1" applyAlignment="1">
      <alignment horizontal="left" vertical="center"/>
    </xf>
    <xf numFmtId="0" fontId="0" fillId="0" borderId="1" xfId="0" applyFont="1" applyBorder="1" applyAlignment="1">
      <alignment horizontal="left" vertical="center"/>
    </xf>
    <xf numFmtId="0" fontId="0" fillId="0" borderId="77" xfId="0" applyFont="1" applyBorder="1" applyAlignment="1">
      <alignment horizontal="left" vertical="center"/>
    </xf>
    <xf numFmtId="0" fontId="0" fillId="0" borderId="10" xfId="0" applyFont="1" applyBorder="1" applyAlignment="1">
      <alignment horizontal="left" vertical="center"/>
    </xf>
    <xf numFmtId="0" fontId="0" fillId="0" borderId="1" xfId="0" applyFont="1" applyBorder="1" applyAlignment="1">
      <alignment horizontal="center" vertical="center"/>
    </xf>
    <xf numFmtId="0" fontId="0" fillId="0" borderId="77" xfId="0" applyFont="1" applyBorder="1" applyAlignment="1">
      <alignment horizontal="center" vertical="center"/>
    </xf>
    <xf numFmtId="0" fontId="0" fillId="0" borderId="10" xfId="0" applyFont="1" applyBorder="1" applyAlignment="1">
      <alignment horizontal="center" vertical="center"/>
    </xf>
    <xf numFmtId="0" fontId="0" fillId="0" borderId="85" xfId="0" applyFont="1" applyBorder="1" applyAlignment="1">
      <alignment horizontal="center" vertical="center"/>
    </xf>
    <xf numFmtId="0" fontId="0" fillId="0" borderId="70"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0" fillId="0" borderId="92" xfId="0" applyFont="1" applyBorder="1" applyAlignment="1">
      <alignment horizontal="center" vertical="center"/>
    </xf>
    <xf numFmtId="0" fontId="0" fillId="0" borderId="87" xfId="0" applyFont="1" applyBorder="1" applyAlignment="1">
      <alignment horizontal="center" vertical="center"/>
    </xf>
    <xf numFmtId="0" fontId="0" fillId="0" borderId="88" xfId="0" applyFont="1" applyBorder="1" applyAlignment="1">
      <alignment horizontal="center" vertical="center"/>
    </xf>
    <xf numFmtId="0" fontId="0" fillId="0" borderId="28" xfId="0" applyFont="1" applyBorder="1" applyAlignment="1">
      <alignment horizontal="center" vertical="center"/>
    </xf>
    <xf numFmtId="185" fontId="0"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0" xfId="0" applyFont="1" applyBorder="1" applyAlignment="1">
      <alignment horizontal="center"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0" xfId="3" applyFont="1" applyBorder="1" applyAlignment="1">
      <alignment horizontal="center" vertical="center"/>
    </xf>
    <xf numFmtId="0" fontId="9" fillId="0" borderId="97" xfId="3" applyFont="1" applyBorder="1" applyAlignment="1">
      <alignment horizontal="center" vertical="center"/>
    </xf>
    <xf numFmtId="0" fontId="9" fillId="0" borderId="98" xfId="3" applyFont="1" applyBorder="1" applyAlignment="1">
      <alignment horizontal="center" vertical="center"/>
    </xf>
    <xf numFmtId="0" fontId="9" fillId="0" borderId="99"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85" xfId="3" applyFont="1" applyBorder="1" applyAlignment="1">
      <alignment horizontal="center" vertical="center"/>
    </xf>
    <xf numFmtId="0" fontId="9" fillId="0" borderId="43" xfId="3" applyFont="1" applyBorder="1" applyAlignment="1">
      <alignment horizontal="center" vertical="center"/>
    </xf>
    <xf numFmtId="0" fontId="9" fillId="0" borderId="92" xfId="3" applyFont="1" applyBorder="1" applyAlignment="1">
      <alignment horizontal="center" vertical="center"/>
    </xf>
    <xf numFmtId="0" fontId="9" fillId="0" borderId="87" xfId="3" applyFont="1" applyBorder="1" applyAlignment="1">
      <alignment horizontal="center" vertical="center"/>
    </xf>
    <xf numFmtId="0" fontId="9" fillId="0" borderId="88" xfId="3" applyFont="1" applyBorder="1" applyAlignment="1">
      <alignment horizontal="center" vertical="center"/>
    </xf>
    <xf numFmtId="0" fontId="9" fillId="0" borderId="81" xfId="3" applyFont="1" applyBorder="1" applyAlignment="1">
      <alignment horizontal="center" vertical="center"/>
    </xf>
    <xf numFmtId="0" fontId="9" fillId="0" borderId="82" xfId="3" applyFont="1" applyBorder="1" applyAlignment="1">
      <alignment horizontal="center" vertical="center"/>
    </xf>
    <xf numFmtId="0" fontId="9" fillId="0" borderId="91" xfId="3" applyFont="1" applyBorder="1" applyAlignment="1">
      <alignment horizontal="center" vertical="center"/>
    </xf>
    <xf numFmtId="0" fontId="9" fillId="0" borderId="77"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0" fontId="0" fillId="0" borderId="92" xfId="3" applyFont="1" applyBorder="1" applyAlignment="1">
      <alignment horizontal="center" vertical="center"/>
    </xf>
    <xf numFmtId="0" fontId="0" fillId="0" borderId="87" xfId="3" applyFont="1" applyBorder="1" applyAlignment="1">
      <alignment horizontal="center" vertical="center"/>
    </xf>
    <xf numFmtId="0" fontId="0" fillId="0" borderId="88" xfId="3" applyFont="1" applyBorder="1" applyAlignment="1">
      <alignment horizontal="center" vertical="center"/>
    </xf>
    <xf numFmtId="0" fontId="0" fillId="0" borderId="34" xfId="3" applyFont="1" applyBorder="1" applyAlignment="1">
      <alignment horizontal="center" vertical="center"/>
    </xf>
    <xf numFmtId="0" fontId="0" fillId="0" borderId="35" xfId="3" applyFont="1" applyBorder="1" applyAlignment="1">
      <alignment horizontal="center" vertical="center"/>
    </xf>
    <xf numFmtId="0" fontId="0" fillId="0" borderId="36" xfId="3" applyFont="1" applyBorder="1" applyAlignment="1">
      <alignment horizontal="center" vertical="center"/>
    </xf>
    <xf numFmtId="0" fontId="0" fillId="0" borderId="51" xfId="3" applyFont="1" applyBorder="1" applyAlignment="1">
      <alignment horizontal="center" vertical="center"/>
    </xf>
    <xf numFmtId="0" fontId="0" fillId="0" borderId="37" xfId="3" applyFont="1" applyBorder="1" applyAlignment="1">
      <alignment horizontal="center" vertical="center"/>
    </xf>
    <xf numFmtId="0" fontId="0" fillId="0" borderId="40" xfId="3" applyFont="1" applyBorder="1" applyAlignment="1">
      <alignment horizontal="center" vertical="center"/>
    </xf>
    <xf numFmtId="182" fontId="0" fillId="0" borderId="0" xfId="0" applyNumberFormat="1" applyFont="1" applyAlignment="1">
      <alignment horizontal="center" vertical="center"/>
    </xf>
    <xf numFmtId="0" fontId="0" fillId="0" borderId="81" xfId="3" applyFont="1" applyBorder="1" applyAlignment="1">
      <alignment horizontal="center" vertical="center"/>
    </xf>
    <xf numFmtId="0" fontId="0" fillId="0" borderId="82" xfId="3" applyFont="1" applyBorder="1" applyAlignment="1">
      <alignment horizontal="center" vertical="center"/>
    </xf>
    <xf numFmtId="0" fontId="0" fillId="0" borderId="91" xfId="3" applyFont="1" applyBorder="1" applyAlignment="1">
      <alignment horizontal="center" vertical="center"/>
    </xf>
    <xf numFmtId="0" fontId="0" fillId="0" borderId="77" xfId="3" applyFont="1" applyBorder="1" applyAlignment="1">
      <alignment horizontal="center" vertical="center"/>
    </xf>
    <xf numFmtId="0" fontId="0" fillId="0" borderId="10" xfId="3" applyFont="1" applyBorder="1" applyAlignment="1">
      <alignment horizontal="center" vertical="center"/>
    </xf>
    <xf numFmtId="0" fontId="0" fillId="0" borderId="52" xfId="3" applyFont="1" applyBorder="1" applyAlignment="1">
      <alignment horizontal="center" vertical="center"/>
    </xf>
    <xf numFmtId="0" fontId="0" fillId="0" borderId="43" xfId="3"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80" xfId="0" applyFont="1" applyBorder="1" applyAlignment="1">
      <alignment horizontal="center" vertical="center"/>
    </xf>
    <xf numFmtId="0" fontId="0" fillId="0" borderId="93" xfId="3" applyFont="1" applyBorder="1" applyAlignment="1">
      <alignment horizontal="center" vertical="center"/>
    </xf>
    <xf numFmtId="0" fontId="0" fillId="0" borderId="84" xfId="3" applyFont="1" applyBorder="1" applyAlignment="1">
      <alignment horizontal="center" vertical="center"/>
    </xf>
    <xf numFmtId="0" fontId="0" fillId="0" borderId="1" xfId="3" applyFont="1" applyBorder="1" applyAlignment="1">
      <alignment horizontal="center" vertical="center"/>
    </xf>
    <xf numFmtId="0" fontId="0" fillId="0" borderId="28" xfId="3" applyFont="1" applyBorder="1" applyAlignment="1">
      <alignment horizontal="center" vertical="center"/>
    </xf>
    <xf numFmtId="0" fontId="0" fillId="0" borderId="85" xfId="3" applyFont="1" applyBorder="1" applyAlignment="1">
      <alignment horizontal="center" vertical="center"/>
    </xf>
    <xf numFmtId="0" fontId="0" fillId="0" borderId="97" xfId="3" applyFont="1" applyBorder="1" applyAlignment="1">
      <alignment horizontal="center" vertical="center"/>
    </xf>
    <xf numFmtId="0" fontId="0" fillId="0" borderId="98" xfId="3" applyFont="1" applyBorder="1" applyAlignment="1">
      <alignment horizontal="center" vertical="center"/>
    </xf>
    <xf numFmtId="0" fontId="0" fillId="0" borderId="99" xfId="3" applyFont="1" applyBorder="1" applyAlignment="1">
      <alignment horizontal="center" vertical="center"/>
    </xf>
    <xf numFmtId="0" fontId="0" fillId="0" borderId="60" xfId="3" applyFont="1" applyBorder="1" applyAlignment="1">
      <alignment horizontal="center" vertical="center"/>
    </xf>
    <xf numFmtId="0" fontId="0" fillId="0" borderId="58" xfId="3" applyFont="1" applyBorder="1" applyAlignment="1">
      <alignment horizontal="center" vertical="center"/>
    </xf>
    <xf numFmtId="0" fontId="0" fillId="0" borderId="44" xfId="3" applyFont="1" applyBorder="1" applyAlignment="1">
      <alignment horizontal="center" vertical="center"/>
    </xf>
    <xf numFmtId="0" fontId="0" fillId="0" borderId="27" xfId="3" applyFont="1" applyBorder="1" applyAlignment="1">
      <alignment horizontal="center" vertical="center"/>
    </xf>
    <xf numFmtId="0" fontId="0" fillId="0" borderId="31" xfId="3" applyFont="1" applyBorder="1" applyAlignment="1">
      <alignment horizontal="center" vertical="center"/>
    </xf>
    <xf numFmtId="0" fontId="0" fillId="0" borderId="32" xfId="3" applyFont="1" applyBorder="1" applyAlignment="1">
      <alignment horizontal="center" vertical="center"/>
    </xf>
    <xf numFmtId="0" fontId="0" fillId="0" borderId="19" xfId="3" applyFont="1" applyBorder="1" applyAlignment="1">
      <alignment horizontal="center" vertical="center"/>
    </xf>
    <xf numFmtId="0" fontId="0" fillId="0" borderId="79" xfId="3" applyFont="1" applyBorder="1" applyAlignment="1">
      <alignment horizontal="center" vertical="center"/>
    </xf>
    <xf numFmtId="0" fontId="0" fillId="0" borderId="54" xfId="3" applyFont="1" applyBorder="1" applyAlignment="1">
      <alignment horizontal="center" vertical="center"/>
    </xf>
    <xf numFmtId="0" fontId="0" fillId="0" borderId="5" xfId="3" applyFont="1" applyBorder="1" applyAlignment="1">
      <alignment horizontal="center" vertical="center"/>
    </xf>
    <xf numFmtId="0" fontId="0" fillId="0" borderId="46" xfId="3" applyFont="1" applyBorder="1" applyAlignment="1">
      <alignment horizontal="center" vertical="center"/>
    </xf>
    <xf numFmtId="0" fontId="0" fillId="0" borderId="38" xfId="3" applyFont="1" applyBorder="1" applyAlignment="1">
      <alignment horizontal="center" vertical="center"/>
    </xf>
    <xf numFmtId="0" fontId="0" fillId="0" borderId="39" xfId="3" applyFont="1" applyBorder="1" applyAlignment="1">
      <alignment horizontal="center" vertical="center"/>
    </xf>
    <xf numFmtId="0" fontId="0" fillId="0" borderId="8" xfId="0" applyFont="1" applyBorder="1" applyAlignment="1">
      <alignment horizontal="center" vertical="center"/>
    </xf>
    <xf numFmtId="0" fontId="0" fillId="0" borderId="5" xfId="0" applyFont="1" applyBorder="1" applyAlignment="1">
      <alignment horizontal="center" vertical="center"/>
    </xf>
    <xf numFmtId="0" fontId="0" fillId="0" borderId="38" xfId="0" applyFont="1" applyBorder="1" applyAlignment="1">
      <alignment horizontal="center" vertical="center"/>
    </xf>
    <xf numFmtId="0" fontId="0" fillId="0" borderId="65" xfId="0" applyFont="1" applyBorder="1" applyAlignment="1">
      <alignment horizontal="center" vertical="center"/>
    </xf>
    <xf numFmtId="0" fontId="0" fillId="0" borderId="56" xfId="0" applyFont="1" applyBorder="1" applyAlignment="1">
      <alignment horizontal="center" vertical="center"/>
    </xf>
    <xf numFmtId="0" fontId="0" fillId="0" borderId="47" xfId="0" applyFont="1" applyBorder="1" applyAlignment="1">
      <alignment horizontal="center" vertical="center"/>
    </xf>
    <xf numFmtId="0" fontId="0" fillId="0" borderId="48" xfId="0" applyFont="1" applyBorder="1" applyAlignment="1">
      <alignment horizontal="center" vertical="center" wrapText="1"/>
    </xf>
    <xf numFmtId="0" fontId="0" fillId="0" borderId="29" xfId="0" applyFont="1" applyBorder="1" applyAlignment="1">
      <alignment horizontal="center" vertical="center" wrapText="1"/>
    </xf>
    <xf numFmtId="0" fontId="0" fillId="0" borderId="59" xfId="0" applyFont="1" applyBorder="1" applyAlignment="1">
      <alignment horizontal="center" vertical="center" wrapText="1"/>
    </xf>
    <xf numFmtId="0" fontId="0" fillId="0" borderId="55" xfId="0" applyFont="1" applyBorder="1" applyAlignment="1">
      <alignment horizontal="center" vertical="center"/>
    </xf>
    <xf numFmtId="0" fontId="0" fillId="0" borderId="42" xfId="0" applyFont="1" applyBorder="1" applyAlignment="1">
      <alignment horizontal="center" vertical="center"/>
    </xf>
    <xf numFmtId="0" fontId="0" fillId="0" borderId="4" xfId="0" applyFont="1" applyBorder="1" applyAlignment="1">
      <alignment horizontal="center" vertical="center"/>
    </xf>
    <xf numFmtId="0" fontId="0" fillId="0" borderId="74" xfId="0" applyFont="1" applyBorder="1" applyAlignment="1">
      <alignment horizontal="center" vertical="center"/>
    </xf>
    <xf numFmtId="0" fontId="0" fillId="0" borderId="75" xfId="0" applyFont="1" applyBorder="1" applyAlignment="1">
      <alignment horizontal="center" vertical="center"/>
    </xf>
    <xf numFmtId="0" fontId="0" fillId="0" borderId="56" xfId="0" applyFont="1" applyBorder="1" applyAlignment="1">
      <alignment horizontal="center" vertical="center" wrapText="1"/>
    </xf>
    <xf numFmtId="0" fontId="0" fillId="0" borderId="76" xfId="0" applyFont="1" applyBorder="1" applyAlignment="1">
      <alignment horizontal="center" vertical="center" wrapText="1"/>
    </xf>
    <xf numFmtId="0" fontId="0" fillId="0" borderId="49" xfId="0" applyFont="1" applyBorder="1" applyAlignment="1">
      <alignment horizontal="center" vertical="center"/>
    </xf>
    <xf numFmtId="0" fontId="0" fillId="0" borderId="1" xfId="0" applyFont="1" applyBorder="1" applyAlignment="1">
      <alignment vertical="center"/>
    </xf>
    <xf numFmtId="0" fontId="0" fillId="0" borderId="77" xfId="0" applyFont="1" applyBorder="1" applyAlignment="1">
      <alignment vertical="center"/>
    </xf>
    <xf numFmtId="0" fontId="0" fillId="0" borderId="10" xfId="0" applyFont="1" applyBorder="1" applyAlignment="1">
      <alignment vertical="center"/>
    </xf>
    <xf numFmtId="0" fontId="0" fillId="0" borderId="81" xfId="0" applyFont="1" applyBorder="1" applyAlignment="1">
      <alignment horizontal="center" vertical="center"/>
    </xf>
    <xf numFmtId="0" fontId="0" fillId="0" borderId="82" xfId="0" applyFont="1" applyBorder="1" applyAlignment="1">
      <alignment horizontal="center" vertical="center"/>
    </xf>
    <xf numFmtId="0" fontId="0" fillId="0" borderId="78" xfId="0" applyFont="1" applyBorder="1" applyAlignment="1">
      <alignment horizontal="center" vertical="center"/>
    </xf>
    <xf numFmtId="0" fontId="0" fillId="0" borderId="77" xfId="0" applyFont="1" applyBorder="1" applyAlignment="1"/>
    <xf numFmtId="0" fontId="0" fillId="0" borderId="10" xfId="0" applyFont="1" applyBorder="1" applyAlignment="1"/>
    <xf numFmtId="0" fontId="0" fillId="0" borderId="57" xfId="0" applyFont="1" applyBorder="1" applyAlignment="1">
      <alignment horizontal="center" vertical="center" wrapText="1"/>
    </xf>
    <xf numFmtId="182" fontId="0" fillId="0" borderId="0" xfId="0" applyNumberFormat="1" applyFont="1" applyAlignment="1">
      <alignment horizontal="left" vertical="center"/>
    </xf>
    <xf numFmtId="0" fontId="0" fillId="0" borderId="89" xfId="0" applyFont="1" applyBorder="1" applyAlignment="1">
      <alignment horizontal="center" vertical="center"/>
    </xf>
    <xf numFmtId="0" fontId="0" fillId="0" borderId="83" xfId="0" applyFont="1" applyBorder="1" applyAlignment="1">
      <alignment horizontal="center" vertical="center"/>
    </xf>
    <xf numFmtId="0" fontId="0" fillId="0" borderId="53" xfId="0" applyFont="1" applyBorder="1" applyAlignment="1">
      <alignment horizontal="center" vertical="center"/>
    </xf>
    <xf numFmtId="0" fontId="0" fillId="0" borderId="46" xfId="0" applyFont="1" applyBorder="1" applyAlignment="1">
      <alignment horizontal="center" vertical="center"/>
    </xf>
    <xf numFmtId="0" fontId="0" fillId="0" borderId="39" xfId="0" applyFont="1" applyBorder="1" applyAlignment="1">
      <alignment horizontal="center" vertical="center"/>
    </xf>
    <xf numFmtId="0" fontId="0" fillId="0" borderId="90" xfId="0" applyFont="1" applyBorder="1" applyAlignment="1">
      <alignment horizontal="center" vertical="center"/>
    </xf>
    <xf numFmtId="0" fontId="0" fillId="0" borderId="73" xfId="0" applyFont="1" applyBorder="1" applyAlignment="1">
      <alignment horizontal="center" vertical="center"/>
    </xf>
    <xf numFmtId="0" fontId="0" fillId="0" borderId="0" xfId="0" applyFont="1" applyBorder="1" applyAlignment="1">
      <alignment horizontal="center" vertical="center"/>
    </xf>
    <xf numFmtId="0" fontId="0" fillId="0" borderId="101" xfId="0" applyFont="1" applyBorder="1" applyAlignment="1">
      <alignment horizontal="center" vertical="center"/>
    </xf>
    <xf numFmtId="0" fontId="0" fillId="0" borderId="2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101"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77" xfId="0" applyFont="1" applyFill="1" applyBorder="1" applyAlignment="1">
      <alignment horizontal="center" vertical="center"/>
    </xf>
    <xf numFmtId="0" fontId="0" fillId="0" borderId="10" xfId="0" applyFont="1" applyFill="1" applyBorder="1" applyAlignment="1">
      <alignment horizontal="center" vertical="center"/>
    </xf>
    <xf numFmtId="182" fontId="0" fillId="0" borderId="0" xfId="0" applyNumberFormat="1" applyFont="1" applyBorder="1" applyAlignment="1">
      <alignment horizontal="center" vertical="center"/>
    </xf>
    <xf numFmtId="0" fontId="0" fillId="0" borderId="29" xfId="0" applyFont="1" applyBorder="1" applyAlignment="1">
      <alignment horizontal="center" vertical="center"/>
    </xf>
    <xf numFmtId="0" fontId="0" fillId="0" borderId="66" xfId="0" applyFont="1" applyBorder="1" applyAlignment="1">
      <alignment horizontal="center" vertical="center"/>
    </xf>
    <xf numFmtId="0" fontId="0" fillId="0" borderId="40" xfId="0" applyFont="1" applyBorder="1" applyAlignment="1">
      <alignment horizontal="center" vertical="center"/>
    </xf>
    <xf numFmtId="0" fontId="0" fillId="0" borderId="30" xfId="0" applyFont="1" applyBorder="1" applyAlignment="1">
      <alignment horizontal="center" vertical="center"/>
    </xf>
    <xf numFmtId="0" fontId="0" fillId="0" borderId="94" xfId="0" applyFont="1" applyBorder="1" applyAlignment="1">
      <alignment horizontal="center" vertical="center"/>
    </xf>
    <xf numFmtId="0" fontId="0" fillId="0" borderId="84" xfId="0" applyFont="1" applyBorder="1" applyAlignment="1">
      <alignment horizontal="center" vertical="center"/>
    </xf>
    <xf numFmtId="0" fontId="0" fillId="0" borderId="31" xfId="0" applyFont="1" applyBorder="1" applyAlignment="1">
      <alignment horizontal="center" vertical="center"/>
    </xf>
    <xf numFmtId="0" fontId="0" fillId="0" borderId="32" xfId="0" applyFont="1" applyBorder="1" applyAlignment="1">
      <alignment horizontal="center" vertical="center"/>
    </xf>
    <xf numFmtId="0" fontId="0" fillId="0" borderId="19" xfId="0" applyFont="1" applyBorder="1" applyAlignment="1">
      <alignment horizontal="center" vertical="center"/>
    </xf>
    <xf numFmtId="0" fontId="0" fillId="0" borderId="77" xfId="0" applyFont="1" applyBorder="1" applyAlignment="1">
      <alignment vertical="top"/>
    </xf>
    <xf numFmtId="0" fontId="0" fillId="0" borderId="0" xfId="0" applyFont="1" applyBorder="1" applyAlignment="1">
      <alignment vertical="top"/>
    </xf>
    <xf numFmtId="0" fontId="0" fillId="0" borderId="57" xfId="0" applyFont="1" applyBorder="1" applyAlignment="1">
      <alignment vertical="top"/>
    </xf>
    <xf numFmtId="0" fontId="0" fillId="0" borderId="16" xfId="0" applyFont="1" applyBorder="1" applyAlignment="1">
      <alignment vertical="center"/>
    </xf>
    <xf numFmtId="0" fontId="0" fillId="0" borderId="2" xfId="0" applyFont="1" applyBorder="1" applyAlignment="1">
      <alignment vertical="center"/>
    </xf>
    <xf numFmtId="0" fontId="0" fillId="0" borderId="80" xfId="0" applyFont="1" applyBorder="1" applyAlignment="1">
      <alignment vertical="center"/>
    </xf>
    <xf numFmtId="0" fontId="0" fillId="0" borderId="34" xfId="0" applyFont="1" applyBorder="1" applyAlignment="1">
      <alignment horizontal="center" vertical="center"/>
    </xf>
    <xf numFmtId="0" fontId="0" fillId="0" borderId="35" xfId="0" applyFont="1" applyBorder="1" applyAlignment="1">
      <alignment horizontal="center" vertical="center"/>
    </xf>
    <xf numFmtId="0" fontId="0" fillId="0" borderId="7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41" xfId="0" applyFont="1" applyBorder="1" applyAlignment="1">
      <alignment horizontal="center" vertical="center"/>
    </xf>
    <xf numFmtId="0" fontId="0" fillId="0" borderId="72" xfId="0" applyFont="1" applyBorder="1" applyAlignment="1">
      <alignment horizontal="center" vertical="center"/>
    </xf>
    <xf numFmtId="0" fontId="0" fillId="0" borderId="7" xfId="0" applyFont="1" applyBorder="1" applyAlignment="1">
      <alignment horizontal="center" vertical="center"/>
    </xf>
    <xf numFmtId="0" fontId="0" fillId="0" borderId="48" xfId="0" applyFont="1" applyBorder="1" applyAlignment="1">
      <alignment horizontal="center" vertical="center"/>
    </xf>
    <xf numFmtId="182" fontId="0" fillId="0" borderId="0" xfId="0" applyNumberFormat="1" applyFont="1" applyBorder="1" applyAlignment="1">
      <alignment horizontal="left" vertical="center"/>
    </xf>
    <xf numFmtId="0" fontId="0" fillId="0" borderId="97" xfId="0" applyFont="1" applyBorder="1" applyAlignment="1">
      <alignment horizontal="center" vertical="center"/>
    </xf>
    <xf numFmtId="0" fontId="0" fillId="0" borderId="98" xfId="0" applyFont="1" applyBorder="1" applyAlignment="1">
      <alignment horizontal="center" vertical="center"/>
    </xf>
    <xf numFmtId="0" fontId="0" fillId="0" borderId="99" xfId="0" applyFont="1" applyBorder="1" applyAlignment="1">
      <alignment horizontal="center" vertical="center"/>
    </xf>
    <xf numFmtId="0" fontId="0" fillId="0" borderId="27" xfId="0" applyFont="1" applyBorder="1" applyAlignment="1">
      <alignment horizontal="center" vertical="center"/>
    </xf>
    <xf numFmtId="0" fontId="0" fillId="0" borderId="14" xfId="0" applyFont="1" applyBorder="1" applyAlignment="1">
      <alignment horizontal="center" vertical="center"/>
    </xf>
    <xf numFmtId="0" fontId="0" fillId="0" borderId="100" xfId="0" applyFont="1"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41" t="s">
        <v>0</v>
      </c>
      <c r="F1" s="441"/>
      <c r="G1" s="441"/>
      <c r="H1" s="441"/>
      <c r="I1" s="2"/>
      <c r="J1" s="2"/>
      <c r="K1" s="2"/>
      <c r="L1" s="2"/>
    </row>
    <row r="2" spans="1:13" ht="24" customHeight="1" x14ac:dyDescent="0.2">
      <c r="A2" s="2"/>
      <c r="B2" s="2"/>
      <c r="C2" s="2"/>
      <c r="D2" s="2"/>
      <c r="E2" s="2"/>
      <c r="F2" s="101">
        <v>6</v>
      </c>
      <c r="G2" s="41">
        <v>4</v>
      </c>
      <c r="H2" s="2"/>
      <c r="I2" s="2"/>
      <c r="J2" s="2"/>
      <c r="K2" s="2"/>
      <c r="L2" s="2"/>
      <c r="M2" s="2"/>
    </row>
    <row r="3" spans="1:13" ht="24" customHeight="1" x14ac:dyDescent="0.2"/>
    <row r="4" spans="1:13" ht="20.25" customHeight="1" x14ac:dyDescent="0.2">
      <c r="D4" s="3"/>
      <c r="E4" s="4" t="s">
        <v>1</v>
      </c>
      <c r="F4" s="3"/>
      <c r="H4" s="48">
        <f>G2</f>
        <v>4</v>
      </c>
    </row>
    <row r="5" spans="1:13" ht="10.5" customHeight="1" thickBot="1" x14ac:dyDescent="0.25">
      <c r="E5" s="5"/>
    </row>
    <row r="6" spans="1:13" ht="21" customHeight="1" x14ac:dyDescent="0.2">
      <c r="E6" s="94"/>
      <c r="F6" s="442" t="s">
        <v>2</v>
      </c>
      <c r="G6" s="443"/>
      <c r="H6" s="443"/>
      <c r="I6" s="444"/>
    </row>
    <row r="7" spans="1:13" ht="21" customHeight="1" x14ac:dyDescent="0.2">
      <c r="E7" s="6"/>
      <c r="F7" s="7"/>
      <c r="G7" s="8" t="s">
        <v>3</v>
      </c>
      <c r="H7" s="96" t="s">
        <v>147</v>
      </c>
      <c r="I7" s="97" t="s">
        <v>146</v>
      </c>
    </row>
    <row r="8" spans="1:13" ht="21" customHeight="1" x14ac:dyDescent="0.2">
      <c r="E8" s="133" t="s">
        <v>4</v>
      </c>
      <c r="F8" s="103">
        <v>2353189</v>
      </c>
      <c r="G8" s="103">
        <v>1001826</v>
      </c>
      <c r="H8" s="103">
        <v>937823</v>
      </c>
      <c r="I8" s="104">
        <v>413540</v>
      </c>
    </row>
    <row r="9" spans="1:13" ht="21" customHeight="1" x14ac:dyDescent="0.2">
      <c r="E9" s="134" t="s">
        <v>5</v>
      </c>
      <c r="F9" s="105">
        <v>939758</v>
      </c>
      <c r="G9" s="105">
        <v>399746</v>
      </c>
      <c r="H9" s="105">
        <v>369038</v>
      </c>
      <c r="I9" s="106">
        <v>170974</v>
      </c>
    </row>
    <row r="10" spans="1:13" ht="21" customHeight="1" x14ac:dyDescent="0.2">
      <c r="E10" s="134" t="s">
        <v>6</v>
      </c>
      <c r="F10" s="105">
        <v>310162</v>
      </c>
      <c r="G10" s="105">
        <v>138693</v>
      </c>
      <c r="H10" s="105">
        <v>117640</v>
      </c>
      <c r="I10" s="106">
        <v>53829</v>
      </c>
    </row>
    <row r="11" spans="1:13" ht="21" customHeight="1" x14ac:dyDescent="0.2">
      <c r="E11" s="134" t="s">
        <v>14</v>
      </c>
      <c r="F11" s="105">
        <v>189041</v>
      </c>
      <c r="G11" s="105">
        <v>81111</v>
      </c>
      <c r="H11" s="105">
        <v>77836</v>
      </c>
      <c r="I11" s="106">
        <v>30094</v>
      </c>
    </row>
    <row r="12" spans="1:13" ht="21" customHeight="1" x14ac:dyDescent="0.2">
      <c r="E12" s="134" t="s">
        <v>7</v>
      </c>
      <c r="F12" s="105">
        <v>124920</v>
      </c>
      <c r="G12" s="105">
        <v>50177</v>
      </c>
      <c r="H12" s="105">
        <v>51740</v>
      </c>
      <c r="I12" s="106">
        <v>23003</v>
      </c>
    </row>
    <row r="13" spans="1:13" ht="21" customHeight="1" x14ac:dyDescent="0.2">
      <c r="E13" s="134" t="s">
        <v>8</v>
      </c>
      <c r="F13" s="105">
        <v>73875</v>
      </c>
      <c r="G13" s="105">
        <v>31918</v>
      </c>
      <c r="H13" s="105">
        <v>29809</v>
      </c>
      <c r="I13" s="106">
        <v>12148</v>
      </c>
    </row>
    <row r="14" spans="1:13" ht="21" customHeight="1" x14ac:dyDescent="0.2">
      <c r="E14" s="134" t="s">
        <v>9</v>
      </c>
      <c r="F14" s="105">
        <v>53449</v>
      </c>
      <c r="G14" s="105">
        <v>19868</v>
      </c>
      <c r="H14" s="105">
        <v>21569</v>
      </c>
      <c r="I14" s="106">
        <v>12012</v>
      </c>
    </row>
    <row r="15" spans="1:13" ht="21" customHeight="1" x14ac:dyDescent="0.2">
      <c r="E15" s="134" t="s">
        <v>10</v>
      </c>
      <c r="F15" s="105">
        <v>109028</v>
      </c>
      <c r="G15" s="105">
        <v>45326</v>
      </c>
      <c r="H15" s="105">
        <v>43799</v>
      </c>
      <c r="I15" s="106">
        <v>19903</v>
      </c>
    </row>
    <row r="16" spans="1:13" ht="21" customHeight="1" x14ac:dyDescent="0.2">
      <c r="E16" s="134" t="s">
        <v>11</v>
      </c>
      <c r="F16" s="105">
        <v>57594</v>
      </c>
      <c r="G16" s="105">
        <v>24692</v>
      </c>
      <c r="H16" s="105">
        <v>22581</v>
      </c>
      <c r="I16" s="106">
        <v>10321</v>
      </c>
    </row>
    <row r="17" spans="5:13" ht="21" customHeight="1" x14ac:dyDescent="0.2">
      <c r="E17" s="134" t="s">
        <v>12</v>
      </c>
      <c r="F17" s="105">
        <v>66144</v>
      </c>
      <c r="G17" s="105">
        <v>27454</v>
      </c>
      <c r="H17" s="105">
        <v>26610</v>
      </c>
      <c r="I17" s="106">
        <v>12080</v>
      </c>
    </row>
    <row r="18" spans="5:13" ht="21" customHeight="1" x14ac:dyDescent="0.2">
      <c r="E18" s="134" t="s">
        <v>13</v>
      </c>
      <c r="F18" s="105">
        <v>18481</v>
      </c>
      <c r="G18" s="105">
        <v>6836</v>
      </c>
      <c r="H18" s="105">
        <v>7548</v>
      </c>
      <c r="I18" s="106">
        <v>4097</v>
      </c>
      <c r="M18" s="1" t="s">
        <v>87</v>
      </c>
    </row>
    <row r="19" spans="5:13" ht="21" customHeight="1" x14ac:dyDescent="0.2">
      <c r="E19" s="134" t="s">
        <v>15</v>
      </c>
      <c r="F19" s="105">
        <v>15976</v>
      </c>
      <c r="G19" s="105">
        <v>6768</v>
      </c>
      <c r="H19" s="105">
        <v>6338</v>
      </c>
      <c r="I19" s="106">
        <v>2870</v>
      </c>
    </row>
    <row r="20" spans="5:13" ht="21" customHeight="1" x14ac:dyDescent="0.2">
      <c r="E20" s="134" t="s">
        <v>16</v>
      </c>
      <c r="F20" s="105">
        <v>49695</v>
      </c>
      <c r="G20" s="105">
        <v>22085</v>
      </c>
      <c r="H20" s="105">
        <v>20361</v>
      </c>
      <c r="I20" s="106">
        <v>7249</v>
      </c>
    </row>
    <row r="21" spans="5:13" ht="21" customHeight="1" x14ac:dyDescent="0.2">
      <c r="E21" s="134" t="s">
        <v>17</v>
      </c>
      <c r="F21" s="105">
        <v>58997</v>
      </c>
      <c r="G21" s="105">
        <v>26047</v>
      </c>
      <c r="H21" s="105">
        <v>24422</v>
      </c>
      <c r="I21" s="106">
        <v>8528</v>
      </c>
    </row>
    <row r="22" spans="5:13" ht="21" customHeight="1" x14ac:dyDescent="0.2">
      <c r="E22" s="134" t="s">
        <v>18</v>
      </c>
      <c r="F22" s="105">
        <v>58503</v>
      </c>
      <c r="G22" s="105">
        <v>24995</v>
      </c>
      <c r="H22" s="105">
        <v>24112</v>
      </c>
      <c r="I22" s="106">
        <v>9396</v>
      </c>
    </row>
    <row r="23" spans="5:13" ht="21" customHeight="1" x14ac:dyDescent="0.2">
      <c r="E23" s="134" t="s">
        <v>19</v>
      </c>
      <c r="F23" s="105">
        <v>26750</v>
      </c>
      <c r="G23" s="105">
        <v>11464</v>
      </c>
      <c r="H23" s="105">
        <v>10997</v>
      </c>
      <c r="I23" s="106">
        <v>4289</v>
      </c>
    </row>
    <row r="24" spans="5:13" ht="21" customHeight="1" x14ac:dyDescent="0.2">
      <c r="E24" s="134" t="s">
        <v>20</v>
      </c>
      <c r="F24" s="105">
        <v>34354</v>
      </c>
      <c r="G24" s="105">
        <v>14974</v>
      </c>
      <c r="H24" s="105">
        <v>14225</v>
      </c>
      <c r="I24" s="106">
        <v>5155</v>
      </c>
    </row>
    <row r="25" spans="5:13" ht="21" customHeight="1" x14ac:dyDescent="0.2">
      <c r="E25" s="134" t="s">
        <v>21</v>
      </c>
      <c r="F25" s="105">
        <v>34548</v>
      </c>
      <c r="G25" s="105">
        <v>14979</v>
      </c>
      <c r="H25" s="105">
        <v>14198</v>
      </c>
      <c r="I25" s="106">
        <v>5371</v>
      </c>
    </row>
    <row r="26" spans="5:13" ht="21" customHeight="1" x14ac:dyDescent="0.2">
      <c r="E26" s="134" t="s">
        <v>22</v>
      </c>
      <c r="F26" s="105">
        <v>13639</v>
      </c>
      <c r="G26" s="105">
        <v>5556</v>
      </c>
      <c r="H26" s="105">
        <v>5641</v>
      </c>
      <c r="I26" s="106">
        <v>2442</v>
      </c>
    </row>
    <row r="27" spans="5:13" ht="21" customHeight="1" x14ac:dyDescent="0.2">
      <c r="E27" s="134" t="s">
        <v>23</v>
      </c>
      <c r="F27" s="105">
        <v>22660</v>
      </c>
      <c r="G27" s="105">
        <v>9045</v>
      </c>
      <c r="H27" s="105">
        <v>10163</v>
      </c>
      <c r="I27" s="106">
        <v>3452</v>
      </c>
    </row>
    <row r="28" spans="5:13" ht="21" customHeight="1" x14ac:dyDescent="0.2">
      <c r="E28" s="134" t="s">
        <v>24</v>
      </c>
      <c r="F28" s="105">
        <v>10101</v>
      </c>
      <c r="G28" s="105">
        <v>3699</v>
      </c>
      <c r="H28" s="105">
        <v>4281</v>
      </c>
      <c r="I28" s="106">
        <v>2121</v>
      </c>
    </row>
    <row r="29" spans="5:13" ht="21" customHeight="1" x14ac:dyDescent="0.2">
      <c r="E29" s="134" t="s">
        <v>25</v>
      </c>
      <c r="F29" s="105">
        <v>13526</v>
      </c>
      <c r="G29" s="105">
        <v>6022</v>
      </c>
      <c r="H29" s="105">
        <v>5553</v>
      </c>
      <c r="I29" s="106">
        <v>1951</v>
      </c>
    </row>
    <row r="30" spans="5:13" ht="21" customHeight="1" x14ac:dyDescent="0.2">
      <c r="E30" s="134" t="s">
        <v>26</v>
      </c>
      <c r="F30" s="105">
        <v>11088</v>
      </c>
      <c r="G30" s="105">
        <v>4454</v>
      </c>
      <c r="H30" s="105">
        <v>4663</v>
      </c>
      <c r="I30" s="106">
        <v>1971</v>
      </c>
    </row>
    <row r="31" spans="5:13" ht="21" customHeight="1" x14ac:dyDescent="0.2">
      <c r="E31" s="134" t="s">
        <v>27</v>
      </c>
      <c r="F31" s="105">
        <v>9839</v>
      </c>
      <c r="G31" s="105">
        <v>3787</v>
      </c>
      <c r="H31" s="105">
        <v>4096</v>
      </c>
      <c r="I31" s="106">
        <v>1956</v>
      </c>
    </row>
    <row r="32" spans="5:13" ht="21" customHeight="1" x14ac:dyDescent="0.2">
      <c r="E32" s="134" t="s">
        <v>28</v>
      </c>
      <c r="F32" s="105">
        <v>3212</v>
      </c>
      <c r="G32" s="105">
        <v>1408</v>
      </c>
      <c r="H32" s="105">
        <v>1346</v>
      </c>
      <c r="I32" s="106">
        <v>458</v>
      </c>
    </row>
    <row r="33" spans="5:9" ht="21" customHeight="1" x14ac:dyDescent="0.2">
      <c r="E33" s="134" t="s">
        <v>29</v>
      </c>
      <c r="F33" s="105">
        <v>5011</v>
      </c>
      <c r="G33" s="105">
        <v>2133</v>
      </c>
      <c r="H33" s="105">
        <v>2108</v>
      </c>
      <c r="I33" s="106">
        <v>770</v>
      </c>
    </row>
    <row r="34" spans="5:9" ht="21" customHeight="1" x14ac:dyDescent="0.2">
      <c r="E34" s="134" t="s">
        <v>30</v>
      </c>
      <c r="F34" s="105">
        <v>3719</v>
      </c>
      <c r="G34" s="105">
        <v>1527</v>
      </c>
      <c r="H34" s="105">
        <v>1477</v>
      </c>
      <c r="I34" s="106">
        <v>715</v>
      </c>
    </row>
    <row r="35" spans="5:9" ht="21" customHeight="1" x14ac:dyDescent="0.2">
      <c r="E35" s="134" t="s">
        <v>31</v>
      </c>
      <c r="F35" s="105">
        <v>4021</v>
      </c>
      <c r="G35" s="105">
        <v>1813</v>
      </c>
      <c r="H35" s="105">
        <v>1462</v>
      </c>
      <c r="I35" s="106">
        <v>746</v>
      </c>
    </row>
    <row r="36" spans="5:9" ht="21" customHeight="1" x14ac:dyDescent="0.2">
      <c r="E36" s="134" t="s">
        <v>32</v>
      </c>
      <c r="F36" s="105">
        <v>4702</v>
      </c>
      <c r="G36" s="105">
        <v>2028</v>
      </c>
      <c r="H36" s="105">
        <v>1872</v>
      </c>
      <c r="I36" s="106">
        <v>802</v>
      </c>
    </row>
    <row r="37" spans="5:9" ht="21" customHeight="1" x14ac:dyDescent="0.2">
      <c r="E37" s="134" t="s">
        <v>33</v>
      </c>
      <c r="F37" s="105">
        <v>4112</v>
      </c>
      <c r="G37" s="105">
        <v>1742</v>
      </c>
      <c r="H37" s="105">
        <v>1648</v>
      </c>
      <c r="I37" s="106">
        <v>722</v>
      </c>
    </row>
    <row r="38" spans="5:9" ht="21" customHeight="1" x14ac:dyDescent="0.2">
      <c r="E38" s="134" t="s">
        <v>34</v>
      </c>
      <c r="F38" s="105">
        <v>3017</v>
      </c>
      <c r="G38" s="105">
        <v>1245</v>
      </c>
      <c r="H38" s="105">
        <v>1223</v>
      </c>
      <c r="I38" s="106">
        <v>549</v>
      </c>
    </row>
    <row r="39" spans="5:9" ht="21" customHeight="1" x14ac:dyDescent="0.2">
      <c r="E39" s="134" t="s">
        <v>35</v>
      </c>
      <c r="F39" s="105">
        <v>9785</v>
      </c>
      <c r="G39" s="105">
        <v>3941</v>
      </c>
      <c r="H39" s="105">
        <v>4042</v>
      </c>
      <c r="I39" s="106">
        <v>1802</v>
      </c>
    </row>
    <row r="40" spans="5:9" ht="21" customHeight="1" x14ac:dyDescent="0.2">
      <c r="E40" s="134" t="s">
        <v>36</v>
      </c>
      <c r="F40" s="105">
        <v>12410</v>
      </c>
      <c r="G40" s="105">
        <v>5785</v>
      </c>
      <c r="H40" s="105">
        <v>5017</v>
      </c>
      <c r="I40" s="106">
        <v>1608</v>
      </c>
    </row>
    <row r="41" spans="5:9" ht="21" customHeight="1" thickBot="1" x14ac:dyDescent="0.25">
      <c r="E41" s="135" t="s">
        <v>37</v>
      </c>
      <c r="F41" s="107">
        <v>1072</v>
      </c>
      <c r="G41" s="107">
        <v>508</v>
      </c>
      <c r="H41" s="107">
        <v>408</v>
      </c>
      <c r="I41" s="108">
        <v>156</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38" customWidth="1"/>
    <col min="2" max="2" width="9.77734375" style="187" customWidth="1"/>
    <col min="3" max="5" width="9" style="187"/>
    <col min="6" max="6" width="7.77734375" style="187" customWidth="1"/>
    <col min="7" max="7" width="9" style="187"/>
    <col min="8" max="8" width="10.6640625" style="187" customWidth="1"/>
    <col min="9" max="16" width="9" style="187"/>
    <col min="17" max="17" width="7.88671875" style="187" customWidth="1"/>
    <col min="18" max="27" width="9" style="187"/>
    <col min="28" max="28" width="7.77734375" style="187" customWidth="1"/>
    <col min="29" max="38" width="9" style="187"/>
    <col min="39" max="39" width="6.77734375" style="187" customWidth="1"/>
    <col min="40" max="49" width="9" style="187"/>
    <col min="50" max="50" width="7.77734375" style="187" customWidth="1"/>
    <col min="51" max="60" width="9" style="187"/>
    <col min="61" max="61" width="7.44140625" style="187" customWidth="1"/>
    <col min="62" max="71" width="9" style="187"/>
    <col min="72" max="72" width="7.33203125" style="187" customWidth="1"/>
    <col min="73" max="82" width="9" style="187"/>
    <col min="83" max="83" width="7.44140625" style="187" customWidth="1"/>
    <col min="84" max="93" width="9" style="187"/>
    <col min="94" max="94" width="7.6640625" style="187" customWidth="1"/>
    <col min="95" max="16384" width="9" style="187"/>
  </cols>
  <sheetData>
    <row r="1" spans="2:112" ht="24" customHeight="1" x14ac:dyDescent="0.2">
      <c r="B1" s="186" t="s">
        <v>121</v>
      </c>
      <c r="J1" s="464">
        <f>第１表!F2</f>
        <v>6</v>
      </c>
      <c r="K1" s="464"/>
      <c r="L1" s="43">
        <f>第１表!G2</f>
        <v>4</v>
      </c>
      <c r="M1" s="503">
        <f>IF(L1&lt;3,L1+12-2,L1-2)</f>
        <v>2</v>
      </c>
      <c r="N1" s="503"/>
    </row>
    <row r="2" spans="2:112" ht="24" customHeight="1" thickBot="1" x14ac:dyDescent="0.25">
      <c r="B2" s="186" t="s">
        <v>128</v>
      </c>
    </row>
    <row r="3" spans="2:112" ht="21" customHeight="1" thickBot="1" x14ac:dyDescent="0.25">
      <c r="B3" s="504"/>
      <c r="C3" s="507" t="s">
        <v>111</v>
      </c>
      <c r="D3" s="507"/>
      <c r="E3" s="507"/>
      <c r="F3" s="507"/>
      <c r="G3" s="507"/>
      <c r="H3" s="507"/>
      <c r="I3" s="507"/>
      <c r="J3" s="507"/>
      <c r="K3" s="507"/>
      <c r="L3" s="507"/>
      <c r="M3" s="508"/>
      <c r="N3" s="495" t="s">
        <v>110</v>
      </c>
      <c r="O3" s="495"/>
      <c r="P3" s="495"/>
      <c r="Q3" s="495"/>
      <c r="R3" s="495"/>
      <c r="S3" s="495"/>
      <c r="T3" s="495"/>
      <c r="U3" s="495"/>
      <c r="V3" s="495"/>
      <c r="W3" s="495"/>
      <c r="X3" s="496"/>
      <c r="Y3" s="494" t="s">
        <v>109</v>
      </c>
      <c r="Z3" s="495"/>
      <c r="AA3" s="495"/>
      <c r="AB3" s="495"/>
      <c r="AC3" s="495"/>
      <c r="AD3" s="495"/>
      <c r="AE3" s="495"/>
      <c r="AF3" s="495"/>
      <c r="AG3" s="495"/>
      <c r="AH3" s="495"/>
      <c r="AI3" s="496"/>
      <c r="AJ3" s="494" t="s">
        <v>108</v>
      </c>
      <c r="AK3" s="495"/>
      <c r="AL3" s="495"/>
      <c r="AM3" s="495"/>
      <c r="AN3" s="495"/>
      <c r="AO3" s="495"/>
      <c r="AP3" s="495"/>
      <c r="AQ3" s="495"/>
      <c r="AR3" s="495"/>
      <c r="AS3" s="495"/>
      <c r="AT3" s="496"/>
      <c r="AU3" s="494" t="s">
        <v>107</v>
      </c>
      <c r="AV3" s="495"/>
      <c r="AW3" s="495"/>
      <c r="AX3" s="495"/>
      <c r="AY3" s="495"/>
      <c r="AZ3" s="495"/>
      <c r="BA3" s="495"/>
      <c r="BB3" s="495"/>
      <c r="BC3" s="495"/>
      <c r="BD3" s="495"/>
      <c r="BE3" s="496"/>
      <c r="BF3" s="494" t="s">
        <v>106</v>
      </c>
      <c r="BG3" s="495"/>
      <c r="BH3" s="495"/>
      <c r="BI3" s="495"/>
      <c r="BJ3" s="495"/>
      <c r="BK3" s="495"/>
      <c r="BL3" s="495"/>
      <c r="BM3" s="495"/>
      <c r="BN3" s="495"/>
      <c r="BO3" s="495"/>
      <c r="BP3" s="496"/>
      <c r="BQ3" s="494" t="s">
        <v>105</v>
      </c>
      <c r="BR3" s="495"/>
      <c r="BS3" s="495"/>
      <c r="BT3" s="495"/>
      <c r="BU3" s="495"/>
      <c r="BV3" s="495"/>
      <c r="BW3" s="495"/>
      <c r="BX3" s="495"/>
      <c r="BY3" s="495"/>
      <c r="BZ3" s="495"/>
      <c r="CA3" s="496"/>
      <c r="CB3" s="494" t="s">
        <v>125</v>
      </c>
      <c r="CC3" s="495"/>
      <c r="CD3" s="495"/>
      <c r="CE3" s="495"/>
      <c r="CF3" s="495"/>
      <c r="CG3" s="495"/>
      <c r="CH3" s="495"/>
      <c r="CI3" s="495"/>
      <c r="CJ3" s="495"/>
      <c r="CK3" s="495"/>
      <c r="CL3" s="496"/>
      <c r="CM3" s="494" t="s">
        <v>158</v>
      </c>
      <c r="CN3" s="495"/>
      <c r="CO3" s="495"/>
      <c r="CP3" s="495"/>
      <c r="CQ3" s="495"/>
      <c r="CR3" s="495"/>
      <c r="CS3" s="495"/>
      <c r="CT3" s="495"/>
      <c r="CU3" s="495"/>
      <c r="CV3" s="495"/>
      <c r="CW3" s="496"/>
      <c r="CX3" s="494" t="s">
        <v>154</v>
      </c>
      <c r="CY3" s="495"/>
      <c r="CZ3" s="495"/>
      <c r="DA3" s="495"/>
      <c r="DB3" s="495"/>
      <c r="DC3" s="495"/>
      <c r="DD3" s="495"/>
      <c r="DE3" s="495"/>
      <c r="DF3" s="495"/>
      <c r="DG3" s="495"/>
      <c r="DH3" s="496"/>
    </row>
    <row r="4" spans="2:112" ht="21" customHeight="1" x14ac:dyDescent="0.2">
      <c r="B4" s="505"/>
      <c r="C4" s="509" t="s">
        <v>61</v>
      </c>
      <c r="D4" s="498"/>
      <c r="E4" s="499"/>
      <c r="F4" s="500" t="s">
        <v>62</v>
      </c>
      <c r="G4" s="498"/>
      <c r="H4" s="498"/>
      <c r="I4" s="498"/>
      <c r="J4" s="498"/>
      <c r="K4" s="498"/>
      <c r="L4" s="510"/>
      <c r="M4" s="501" t="s">
        <v>52</v>
      </c>
      <c r="N4" s="509" t="s">
        <v>61</v>
      </c>
      <c r="O4" s="498"/>
      <c r="P4" s="499"/>
      <c r="Q4" s="500" t="s">
        <v>62</v>
      </c>
      <c r="R4" s="498"/>
      <c r="S4" s="498"/>
      <c r="T4" s="498"/>
      <c r="U4" s="498"/>
      <c r="V4" s="498"/>
      <c r="W4" s="499"/>
      <c r="X4" s="501" t="s">
        <v>52</v>
      </c>
      <c r="Y4" s="497" t="s">
        <v>61</v>
      </c>
      <c r="Z4" s="498"/>
      <c r="AA4" s="510"/>
      <c r="AB4" s="500" t="s">
        <v>62</v>
      </c>
      <c r="AC4" s="498"/>
      <c r="AD4" s="498"/>
      <c r="AE4" s="498"/>
      <c r="AF4" s="498"/>
      <c r="AG4" s="498"/>
      <c r="AH4" s="499"/>
      <c r="AI4" s="501" t="s">
        <v>52</v>
      </c>
      <c r="AJ4" s="497" t="s">
        <v>61</v>
      </c>
      <c r="AK4" s="498"/>
      <c r="AL4" s="499"/>
      <c r="AM4" s="500" t="s">
        <v>62</v>
      </c>
      <c r="AN4" s="498"/>
      <c r="AO4" s="498"/>
      <c r="AP4" s="498"/>
      <c r="AQ4" s="498"/>
      <c r="AR4" s="498"/>
      <c r="AS4" s="499"/>
      <c r="AT4" s="501" t="s">
        <v>52</v>
      </c>
      <c r="AU4" s="497" t="s">
        <v>61</v>
      </c>
      <c r="AV4" s="498"/>
      <c r="AW4" s="510"/>
      <c r="AX4" s="500" t="s">
        <v>62</v>
      </c>
      <c r="AY4" s="498"/>
      <c r="AZ4" s="498"/>
      <c r="BA4" s="498"/>
      <c r="BB4" s="498"/>
      <c r="BC4" s="498"/>
      <c r="BD4" s="510"/>
      <c r="BE4" s="501" t="s">
        <v>52</v>
      </c>
      <c r="BF4" s="497" t="s">
        <v>61</v>
      </c>
      <c r="BG4" s="498"/>
      <c r="BH4" s="499"/>
      <c r="BI4" s="500" t="s">
        <v>62</v>
      </c>
      <c r="BJ4" s="498"/>
      <c r="BK4" s="498"/>
      <c r="BL4" s="498"/>
      <c r="BM4" s="498"/>
      <c r="BN4" s="498"/>
      <c r="BO4" s="499"/>
      <c r="BP4" s="501" t="s">
        <v>52</v>
      </c>
      <c r="BQ4" s="497" t="s">
        <v>61</v>
      </c>
      <c r="BR4" s="498"/>
      <c r="BS4" s="499"/>
      <c r="BT4" s="500" t="s">
        <v>62</v>
      </c>
      <c r="BU4" s="498"/>
      <c r="BV4" s="498"/>
      <c r="BW4" s="498"/>
      <c r="BX4" s="498"/>
      <c r="BY4" s="498"/>
      <c r="BZ4" s="499"/>
      <c r="CA4" s="501" t="s">
        <v>52</v>
      </c>
      <c r="CB4" s="497" t="s">
        <v>61</v>
      </c>
      <c r="CC4" s="498"/>
      <c r="CD4" s="499"/>
      <c r="CE4" s="500" t="s">
        <v>62</v>
      </c>
      <c r="CF4" s="498"/>
      <c r="CG4" s="498"/>
      <c r="CH4" s="498"/>
      <c r="CI4" s="498"/>
      <c r="CJ4" s="498"/>
      <c r="CK4" s="499"/>
      <c r="CL4" s="501" t="s">
        <v>52</v>
      </c>
      <c r="CM4" s="497" t="s">
        <v>61</v>
      </c>
      <c r="CN4" s="498"/>
      <c r="CO4" s="499"/>
      <c r="CP4" s="500" t="s">
        <v>62</v>
      </c>
      <c r="CQ4" s="498"/>
      <c r="CR4" s="498"/>
      <c r="CS4" s="498"/>
      <c r="CT4" s="498"/>
      <c r="CU4" s="498"/>
      <c r="CV4" s="499"/>
      <c r="CW4" s="501" t="s">
        <v>52</v>
      </c>
      <c r="CX4" s="497" t="s">
        <v>61</v>
      </c>
      <c r="CY4" s="498"/>
      <c r="CZ4" s="499"/>
      <c r="DA4" s="500" t="s">
        <v>62</v>
      </c>
      <c r="DB4" s="498"/>
      <c r="DC4" s="498"/>
      <c r="DD4" s="498"/>
      <c r="DE4" s="498"/>
      <c r="DF4" s="498"/>
      <c r="DG4" s="499"/>
      <c r="DH4" s="501" t="s">
        <v>52</v>
      </c>
    </row>
    <row r="5" spans="2:112" ht="30" customHeight="1" thickBot="1" x14ac:dyDescent="0.25">
      <c r="B5" s="506"/>
      <c r="C5" s="188" t="s">
        <v>43</v>
      </c>
      <c r="D5" s="189" t="s">
        <v>44</v>
      </c>
      <c r="E5" s="190" t="s">
        <v>45</v>
      </c>
      <c r="F5" s="191" t="s">
        <v>83</v>
      </c>
      <c r="G5" s="189" t="s">
        <v>47</v>
      </c>
      <c r="H5" s="189" t="s">
        <v>48</v>
      </c>
      <c r="I5" s="189" t="s">
        <v>49</v>
      </c>
      <c r="J5" s="189" t="s">
        <v>50</v>
      </c>
      <c r="K5" s="189" t="s">
        <v>51</v>
      </c>
      <c r="L5" s="192" t="s">
        <v>45</v>
      </c>
      <c r="M5" s="502"/>
      <c r="N5" s="188" t="s">
        <v>43</v>
      </c>
      <c r="O5" s="189" t="s">
        <v>44</v>
      </c>
      <c r="P5" s="193" t="s">
        <v>45</v>
      </c>
      <c r="Q5" s="191" t="s">
        <v>83</v>
      </c>
      <c r="R5" s="189" t="s">
        <v>47</v>
      </c>
      <c r="S5" s="189" t="s">
        <v>48</v>
      </c>
      <c r="T5" s="189" t="s">
        <v>49</v>
      </c>
      <c r="U5" s="189" t="s">
        <v>50</v>
      </c>
      <c r="V5" s="189" t="s">
        <v>51</v>
      </c>
      <c r="W5" s="193" t="s">
        <v>45</v>
      </c>
      <c r="X5" s="502"/>
      <c r="Y5" s="194" t="s">
        <v>43</v>
      </c>
      <c r="Z5" s="189" t="s">
        <v>44</v>
      </c>
      <c r="AA5" s="192" t="s">
        <v>45</v>
      </c>
      <c r="AB5" s="191" t="s">
        <v>83</v>
      </c>
      <c r="AC5" s="189" t="s">
        <v>47</v>
      </c>
      <c r="AD5" s="189" t="s">
        <v>48</v>
      </c>
      <c r="AE5" s="189" t="s">
        <v>49</v>
      </c>
      <c r="AF5" s="189" t="s">
        <v>50</v>
      </c>
      <c r="AG5" s="189" t="s">
        <v>51</v>
      </c>
      <c r="AH5" s="193" t="s">
        <v>45</v>
      </c>
      <c r="AI5" s="502"/>
      <c r="AJ5" s="194" t="s">
        <v>43</v>
      </c>
      <c r="AK5" s="189" t="s">
        <v>44</v>
      </c>
      <c r="AL5" s="193" t="s">
        <v>45</v>
      </c>
      <c r="AM5" s="191" t="s">
        <v>83</v>
      </c>
      <c r="AN5" s="189" t="s">
        <v>47</v>
      </c>
      <c r="AO5" s="189" t="s">
        <v>48</v>
      </c>
      <c r="AP5" s="189" t="s">
        <v>49</v>
      </c>
      <c r="AQ5" s="189" t="s">
        <v>50</v>
      </c>
      <c r="AR5" s="189" t="s">
        <v>51</v>
      </c>
      <c r="AS5" s="193" t="s">
        <v>45</v>
      </c>
      <c r="AT5" s="502"/>
      <c r="AU5" s="194" t="s">
        <v>43</v>
      </c>
      <c r="AV5" s="189" t="s">
        <v>44</v>
      </c>
      <c r="AW5" s="192" t="s">
        <v>45</v>
      </c>
      <c r="AX5" s="191" t="s">
        <v>83</v>
      </c>
      <c r="AY5" s="189" t="s">
        <v>47</v>
      </c>
      <c r="AZ5" s="189" t="s">
        <v>48</v>
      </c>
      <c r="BA5" s="189" t="s">
        <v>49</v>
      </c>
      <c r="BB5" s="189" t="s">
        <v>50</v>
      </c>
      <c r="BC5" s="189" t="s">
        <v>51</v>
      </c>
      <c r="BD5" s="192" t="s">
        <v>45</v>
      </c>
      <c r="BE5" s="502"/>
      <c r="BF5" s="194" t="s">
        <v>43</v>
      </c>
      <c r="BG5" s="189" t="s">
        <v>44</v>
      </c>
      <c r="BH5" s="193" t="s">
        <v>45</v>
      </c>
      <c r="BI5" s="191" t="s">
        <v>83</v>
      </c>
      <c r="BJ5" s="189" t="s">
        <v>47</v>
      </c>
      <c r="BK5" s="189" t="s">
        <v>48</v>
      </c>
      <c r="BL5" s="189" t="s">
        <v>49</v>
      </c>
      <c r="BM5" s="189" t="s">
        <v>50</v>
      </c>
      <c r="BN5" s="189" t="s">
        <v>51</v>
      </c>
      <c r="BO5" s="193" t="s">
        <v>45</v>
      </c>
      <c r="BP5" s="502"/>
      <c r="BQ5" s="194" t="s">
        <v>43</v>
      </c>
      <c r="BR5" s="189" t="s">
        <v>44</v>
      </c>
      <c r="BS5" s="193" t="s">
        <v>45</v>
      </c>
      <c r="BT5" s="191" t="s">
        <v>83</v>
      </c>
      <c r="BU5" s="189" t="s">
        <v>47</v>
      </c>
      <c r="BV5" s="189" t="s">
        <v>48</v>
      </c>
      <c r="BW5" s="189" t="s">
        <v>49</v>
      </c>
      <c r="BX5" s="189" t="s">
        <v>50</v>
      </c>
      <c r="BY5" s="189" t="s">
        <v>51</v>
      </c>
      <c r="BZ5" s="193" t="s">
        <v>45</v>
      </c>
      <c r="CA5" s="502"/>
      <c r="CB5" s="194" t="s">
        <v>43</v>
      </c>
      <c r="CC5" s="189" t="s">
        <v>44</v>
      </c>
      <c r="CD5" s="193" t="s">
        <v>45</v>
      </c>
      <c r="CE5" s="191" t="s">
        <v>83</v>
      </c>
      <c r="CF5" s="189" t="s">
        <v>47</v>
      </c>
      <c r="CG5" s="189" t="s">
        <v>48</v>
      </c>
      <c r="CH5" s="189" t="s">
        <v>49</v>
      </c>
      <c r="CI5" s="189" t="s">
        <v>50</v>
      </c>
      <c r="CJ5" s="189" t="s">
        <v>51</v>
      </c>
      <c r="CK5" s="193" t="s">
        <v>45</v>
      </c>
      <c r="CL5" s="502"/>
      <c r="CM5" s="194" t="s">
        <v>43</v>
      </c>
      <c r="CN5" s="189" t="s">
        <v>44</v>
      </c>
      <c r="CO5" s="193" t="s">
        <v>45</v>
      </c>
      <c r="CP5" s="191" t="s">
        <v>83</v>
      </c>
      <c r="CQ5" s="189" t="s">
        <v>47</v>
      </c>
      <c r="CR5" s="189" t="s">
        <v>48</v>
      </c>
      <c r="CS5" s="189" t="s">
        <v>49</v>
      </c>
      <c r="CT5" s="189" t="s">
        <v>50</v>
      </c>
      <c r="CU5" s="189" t="s">
        <v>51</v>
      </c>
      <c r="CV5" s="193" t="s">
        <v>45</v>
      </c>
      <c r="CW5" s="502"/>
      <c r="CX5" s="194" t="s">
        <v>43</v>
      </c>
      <c r="CY5" s="189" t="s">
        <v>44</v>
      </c>
      <c r="CZ5" s="193" t="s">
        <v>45</v>
      </c>
      <c r="DA5" s="191" t="s">
        <v>83</v>
      </c>
      <c r="DB5" s="189" t="s">
        <v>47</v>
      </c>
      <c r="DC5" s="189" t="s">
        <v>48</v>
      </c>
      <c r="DD5" s="189" t="s">
        <v>49</v>
      </c>
      <c r="DE5" s="189" t="s">
        <v>50</v>
      </c>
      <c r="DF5" s="189" t="s">
        <v>51</v>
      </c>
      <c r="DG5" s="193" t="s">
        <v>45</v>
      </c>
      <c r="DH5" s="502"/>
    </row>
    <row r="6" spans="2:112" ht="21" customHeight="1" x14ac:dyDescent="0.2">
      <c r="B6" s="151" t="s">
        <v>4</v>
      </c>
      <c r="C6" s="195">
        <v>0</v>
      </c>
      <c r="D6" s="196">
        <v>0</v>
      </c>
      <c r="E6" s="197">
        <v>0</v>
      </c>
      <c r="F6" s="198">
        <v>0</v>
      </c>
      <c r="G6" s="196">
        <v>13013</v>
      </c>
      <c r="H6" s="196">
        <v>18493</v>
      </c>
      <c r="I6" s="196">
        <v>17822</v>
      </c>
      <c r="J6" s="196">
        <v>21347</v>
      </c>
      <c r="K6" s="196">
        <v>21618</v>
      </c>
      <c r="L6" s="199">
        <v>92293</v>
      </c>
      <c r="M6" s="200">
        <v>92293</v>
      </c>
      <c r="N6" s="195">
        <v>0</v>
      </c>
      <c r="O6" s="196">
        <v>2</v>
      </c>
      <c r="P6" s="201">
        <v>2</v>
      </c>
      <c r="Q6" s="198">
        <v>0</v>
      </c>
      <c r="R6" s="196">
        <v>41</v>
      </c>
      <c r="S6" s="196">
        <v>98</v>
      </c>
      <c r="T6" s="196">
        <v>247</v>
      </c>
      <c r="U6" s="196">
        <v>529</v>
      </c>
      <c r="V6" s="196">
        <v>914</v>
      </c>
      <c r="W6" s="201">
        <v>1829</v>
      </c>
      <c r="X6" s="200">
        <v>1831</v>
      </c>
      <c r="Y6" s="195">
        <v>1116</v>
      </c>
      <c r="Z6" s="196">
        <v>2914</v>
      </c>
      <c r="AA6" s="201">
        <v>4030</v>
      </c>
      <c r="AB6" s="198">
        <v>0</v>
      </c>
      <c r="AC6" s="196">
        <v>8012</v>
      </c>
      <c r="AD6" s="196">
        <v>12799</v>
      </c>
      <c r="AE6" s="196">
        <v>7636</v>
      </c>
      <c r="AF6" s="196">
        <v>6101</v>
      </c>
      <c r="AG6" s="196">
        <v>4069</v>
      </c>
      <c r="AH6" s="201">
        <v>38617</v>
      </c>
      <c r="AI6" s="200">
        <v>42647</v>
      </c>
      <c r="AJ6" s="195">
        <v>212</v>
      </c>
      <c r="AK6" s="196">
        <v>681</v>
      </c>
      <c r="AL6" s="201">
        <v>893</v>
      </c>
      <c r="AM6" s="198">
        <v>0</v>
      </c>
      <c r="AN6" s="196">
        <v>965</v>
      </c>
      <c r="AO6" s="196">
        <v>1297</v>
      </c>
      <c r="AP6" s="196">
        <v>964</v>
      </c>
      <c r="AQ6" s="196">
        <v>814</v>
      </c>
      <c r="AR6" s="196">
        <v>415</v>
      </c>
      <c r="AS6" s="201">
        <v>4455</v>
      </c>
      <c r="AT6" s="200">
        <v>5348</v>
      </c>
      <c r="AU6" s="195">
        <v>0</v>
      </c>
      <c r="AV6" s="196">
        <v>0</v>
      </c>
      <c r="AW6" s="201">
        <v>0</v>
      </c>
      <c r="AX6" s="198">
        <v>0</v>
      </c>
      <c r="AY6" s="196">
        <v>12067</v>
      </c>
      <c r="AZ6" s="196">
        <v>11267</v>
      </c>
      <c r="BA6" s="196">
        <v>6796</v>
      </c>
      <c r="BB6" s="196">
        <v>3045</v>
      </c>
      <c r="BC6" s="196">
        <v>1253</v>
      </c>
      <c r="BD6" s="199">
        <v>34428</v>
      </c>
      <c r="BE6" s="200">
        <v>34428</v>
      </c>
      <c r="BF6" s="195">
        <v>0</v>
      </c>
      <c r="BG6" s="196">
        <v>0</v>
      </c>
      <c r="BH6" s="201">
        <v>0</v>
      </c>
      <c r="BI6" s="198">
        <v>0</v>
      </c>
      <c r="BJ6" s="196">
        <v>2340</v>
      </c>
      <c r="BK6" s="196">
        <v>3536</v>
      </c>
      <c r="BL6" s="196">
        <v>2139</v>
      </c>
      <c r="BM6" s="196">
        <v>1227</v>
      </c>
      <c r="BN6" s="196">
        <v>267</v>
      </c>
      <c r="BO6" s="201">
        <v>9509</v>
      </c>
      <c r="BP6" s="200">
        <v>9509</v>
      </c>
      <c r="BQ6" s="195">
        <v>17</v>
      </c>
      <c r="BR6" s="196">
        <v>155</v>
      </c>
      <c r="BS6" s="201">
        <v>172</v>
      </c>
      <c r="BT6" s="198">
        <v>0</v>
      </c>
      <c r="BU6" s="196">
        <v>1118</v>
      </c>
      <c r="BV6" s="196">
        <v>1710</v>
      </c>
      <c r="BW6" s="196">
        <v>3009</v>
      </c>
      <c r="BX6" s="196">
        <v>2619</v>
      </c>
      <c r="BY6" s="196">
        <v>1049</v>
      </c>
      <c r="BZ6" s="201">
        <v>9505</v>
      </c>
      <c r="CA6" s="200">
        <v>9677</v>
      </c>
      <c r="CB6" s="195">
        <v>0</v>
      </c>
      <c r="CC6" s="196">
        <v>7</v>
      </c>
      <c r="CD6" s="201">
        <v>7</v>
      </c>
      <c r="CE6" s="198">
        <v>0</v>
      </c>
      <c r="CF6" s="196">
        <v>124</v>
      </c>
      <c r="CG6" s="196">
        <v>167</v>
      </c>
      <c r="CH6" s="196">
        <v>352</v>
      </c>
      <c r="CI6" s="196">
        <v>199</v>
      </c>
      <c r="CJ6" s="196">
        <v>152</v>
      </c>
      <c r="CK6" s="201">
        <v>994</v>
      </c>
      <c r="CL6" s="200">
        <v>1001</v>
      </c>
      <c r="CM6" s="195">
        <v>0</v>
      </c>
      <c r="CN6" s="196">
        <v>0</v>
      </c>
      <c r="CO6" s="201">
        <v>0</v>
      </c>
      <c r="CP6" s="198">
        <v>0</v>
      </c>
      <c r="CQ6" s="196">
        <v>0</v>
      </c>
      <c r="CR6" s="196">
        <v>0</v>
      </c>
      <c r="CS6" s="196">
        <v>0</v>
      </c>
      <c r="CT6" s="196">
        <v>0</v>
      </c>
      <c r="CU6" s="196">
        <v>0</v>
      </c>
      <c r="CV6" s="201">
        <v>0</v>
      </c>
      <c r="CW6" s="200">
        <v>0</v>
      </c>
      <c r="CX6" s="195">
        <v>0</v>
      </c>
      <c r="CY6" s="196">
        <v>0</v>
      </c>
      <c r="CZ6" s="201">
        <v>0</v>
      </c>
      <c r="DA6" s="198">
        <v>0</v>
      </c>
      <c r="DB6" s="196">
        <v>0</v>
      </c>
      <c r="DC6" s="196">
        <v>0</v>
      </c>
      <c r="DD6" s="196">
        <v>0</v>
      </c>
      <c r="DE6" s="196">
        <v>0</v>
      </c>
      <c r="DF6" s="196">
        <v>0</v>
      </c>
      <c r="DG6" s="201">
        <v>0</v>
      </c>
      <c r="DH6" s="200">
        <v>0</v>
      </c>
    </row>
    <row r="7" spans="2:112" ht="21" customHeight="1" x14ac:dyDescent="0.2">
      <c r="B7" s="162" t="s">
        <v>5</v>
      </c>
      <c r="C7" s="202">
        <v>0</v>
      </c>
      <c r="D7" s="203">
        <v>0</v>
      </c>
      <c r="E7" s="204">
        <v>0</v>
      </c>
      <c r="F7" s="205">
        <v>0</v>
      </c>
      <c r="G7" s="203">
        <v>4762</v>
      </c>
      <c r="H7" s="203">
        <v>8485</v>
      </c>
      <c r="I7" s="203">
        <v>8100</v>
      </c>
      <c r="J7" s="203">
        <v>8473</v>
      </c>
      <c r="K7" s="203">
        <v>8561</v>
      </c>
      <c r="L7" s="206">
        <v>38381</v>
      </c>
      <c r="M7" s="207">
        <v>38381</v>
      </c>
      <c r="N7" s="202">
        <v>0</v>
      </c>
      <c r="O7" s="203">
        <v>2</v>
      </c>
      <c r="P7" s="208">
        <v>2</v>
      </c>
      <c r="Q7" s="205">
        <v>0</v>
      </c>
      <c r="R7" s="203">
        <v>11</v>
      </c>
      <c r="S7" s="203">
        <v>30</v>
      </c>
      <c r="T7" s="203">
        <v>120</v>
      </c>
      <c r="U7" s="203">
        <v>241</v>
      </c>
      <c r="V7" s="203">
        <v>447</v>
      </c>
      <c r="W7" s="208">
        <v>849</v>
      </c>
      <c r="X7" s="207">
        <v>851</v>
      </c>
      <c r="Y7" s="202">
        <v>583</v>
      </c>
      <c r="Z7" s="203">
        <v>1769</v>
      </c>
      <c r="AA7" s="208">
        <v>2352</v>
      </c>
      <c r="AB7" s="205">
        <v>0</v>
      </c>
      <c r="AC7" s="203">
        <v>3268</v>
      </c>
      <c r="AD7" s="203">
        <v>7193</v>
      </c>
      <c r="AE7" s="203">
        <v>4198</v>
      </c>
      <c r="AF7" s="203">
        <v>3120</v>
      </c>
      <c r="AG7" s="203">
        <v>1884</v>
      </c>
      <c r="AH7" s="208">
        <v>19663</v>
      </c>
      <c r="AI7" s="207">
        <v>22015</v>
      </c>
      <c r="AJ7" s="202">
        <v>78</v>
      </c>
      <c r="AK7" s="203">
        <v>293</v>
      </c>
      <c r="AL7" s="208">
        <v>371</v>
      </c>
      <c r="AM7" s="205">
        <v>0</v>
      </c>
      <c r="AN7" s="203">
        <v>258</v>
      </c>
      <c r="AO7" s="203">
        <v>530</v>
      </c>
      <c r="AP7" s="203">
        <v>413</v>
      </c>
      <c r="AQ7" s="203">
        <v>354</v>
      </c>
      <c r="AR7" s="203">
        <v>203</v>
      </c>
      <c r="AS7" s="208">
        <v>1758</v>
      </c>
      <c r="AT7" s="207">
        <v>2129</v>
      </c>
      <c r="AU7" s="202">
        <v>0</v>
      </c>
      <c r="AV7" s="203">
        <v>0</v>
      </c>
      <c r="AW7" s="208">
        <v>0</v>
      </c>
      <c r="AX7" s="205">
        <v>0</v>
      </c>
      <c r="AY7" s="203">
        <v>4213</v>
      </c>
      <c r="AZ7" s="203">
        <v>4550</v>
      </c>
      <c r="BA7" s="203">
        <v>2647</v>
      </c>
      <c r="BB7" s="203">
        <v>1148</v>
      </c>
      <c r="BC7" s="203">
        <v>545</v>
      </c>
      <c r="BD7" s="206">
        <v>13103</v>
      </c>
      <c r="BE7" s="207">
        <v>13103</v>
      </c>
      <c r="BF7" s="202">
        <v>0</v>
      </c>
      <c r="BG7" s="203">
        <v>0</v>
      </c>
      <c r="BH7" s="208">
        <v>0</v>
      </c>
      <c r="BI7" s="205">
        <v>0</v>
      </c>
      <c r="BJ7" s="203">
        <v>775</v>
      </c>
      <c r="BK7" s="203">
        <v>1623</v>
      </c>
      <c r="BL7" s="203">
        <v>1040</v>
      </c>
      <c r="BM7" s="203">
        <v>636</v>
      </c>
      <c r="BN7" s="203">
        <v>109</v>
      </c>
      <c r="BO7" s="208">
        <v>4183</v>
      </c>
      <c r="BP7" s="207">
        <v>4183</v>
      </c>
      <c r="BQ7" s="202">
        <v>2</v>
      </c>
      <c r="BR7" s="203">
        <v>100</v>
      </c>
      <c r="BS7" s="208">
        <v>102</v>
      </c>
      <c r="BT7" s="205">
        <v>0</v>
      </c>
      <c r="BU7" s="203">
        <v>389</v>
      </c>
      <c r="BV7" s="203">
        <v>529</v>
      </c>
      <c r="BW7" s="203">
        <v>1309</v>
      </c>
      <c r="BX7" s="203">
        <v>951</v>
      </c>
      <c r="BY7" s="203">
        <v>443</v>
      </c>
      <c r="BZ7" s="208">
        <v>3621</v>
      </c>
      <c r="CA7" s="207">
        <v>3723</v>
      </c>
      <c r="CB7" s="202">
        <v>0</v>
      </c>
      <c r="CC7" s="203">
        <v>7</v>
      </c>
      <c r="CD7" s="208">
        <v>7</v>
      </c>
      <c r="CE7" s="205">
        <v>0</v>
      </c>
      <c r="CF7" s="203">
        <v>78</v>
      </c>
      <c r="CG7" s="203">
        <v>125</v>
      </c>
      <c r="CH7" s="203">
        <v>212</v>
      </c>
      <c r="CI7" s="203">
        <v>138</v>
      </c>
      <c r="CJ7" s="203">
        <v>133</v>
      </c>
      <c r="CK7" s="208">
        <v>686</v>
      </c>
      <c r="CL7" s="207">
        <v>693</v>
      </c>
      <c r="CM7" s="202">
        <v>0</v>
      </c>
      <c r="CN7" s="203">
        <v>0</v>
      </c>
      <c r="CO7" s="208">
        <v>0</v>
      </c>
      <c r="CP7" s="205">
        <v>0</v>
      </c>
      <c r="CQ7" s="203">
        <v>0</v>
      </c>
      <c r="CR7" s="203">
        <v>0</v>
      </c>
      <c r="CS7" s="203">
        <v>0</v>
      </c>
      <c r="CT7" s="203">
        <v>0</v>
      </c>
      <c r="CU7" s="203">
        <v>0</v>
      </c>
      <c r="CV7" s="208">
        <v>0</v>
      </c>
      <c r="CW7" s="207">
        <v>0</v>
      </c>
      <c r="CX7" s="202">
        <v>0</v>
      </c>
      <c r="CY7" s="203">
        <v>0</v>
      </c>
      <c r="CZ7" s="208">
        <v>0</v>
      </c>
      <c r="DA7" s="205">
        <v>0</v>
      </c>
      <c r="DB7" s="203">
        <v>0</v>
      </c>
      <c r="DC7" s="203">
        <v>0</v>
      </c>
      <c r="DD7" s="203">
        <v>0</v>
      </c>
      <c r="DE7" s="203">
        <v>0</v>
      </c>
      <c r="DF7" s="203">
        <v>0</v>
      </c>
      <c r="DG7" s="208">
        <v>0</v>
      </c>
      <c r="DH7" s="207">
        <v>0</v>
      </c>
    </row>
    <row r="8" spans="2:112" ht="21" customHeight="1" x14ac:dyDescent="0.2">
      <c r="B8" s="173" t="s">
        <v>6</v>
      </c>
      <c r="C8" s="202">
        <v>0</v>
      </c>
      <c r="D8" s="203">
        <v>0</v>
      </c>
      <c r="E8" s="204">
        <v>0</v>
      </c>
      <c r="F8" s="205">
        <v>0</v>
      </c>
      <c r="G8" s="203">
        <v>1979</v>
      </c>
      <c r="H8" s="203">
        <v>1906</v>
      </c>
      <c r="I8" s="203">
        <v>1466</v>
      </c>
      <c r="J8" s="203">
        <v>1938</v>
      </c>
      <c r="K8" s="203">
        <v>2874</v>
      </c>
      <c r="L8" s="206">
        <v>10163</v>
      </c>
      <c r="M8" s="207">
        <v>10163</v>
      </c>
      <c r="N8" s="202">
        <v>0</v>
      </c>
      <c r="O8" s="203">
        <v>0</v>
      </c>
      <c r="P8" s="208">
        <v>0</v>
      </c>
      <c r="Q8" s="205">
        <v>0</v>
      </c>
      <c r="R8" s="203">
        <v>7</v>
      </c>
      <c r="S8" s="203">
        <v>5</v>
      </c>
      <c r="T8" s="203">
        <v>11</v>
      </c>
      <c r="U8" s="203">
        <v>24</v>
      </c>
      <c r="V8" s="203">
        <v>100</v>
      </c>
      <c r="W8" s="208">
        <v>147</v>
      </c>
      <c r="X8" s="207">
        <v>147</v>
      </c>
      <c r="Y8" s="202">
        <v>111</v>
      </c>
      <c r="Z8" s="203">
        <v>400</v>
      </c>
      <c r="AA8" s="208">
        <v>511</v>
      </c>
      <c r="AB8" s="205">
        <v>0</v>
      </c>
      <c r="AC8" s="203">
        <v>1389</v>
      </c>
      <c r="AD8" s="203">
        <v>1850</v>
      </c>
      <c r="AE8" s="203">
        <v>801</v>
      </c>
      <c r="AF8" s="203">
        <v>816</v>
      </c>
      <c r="AG8" s="203">
        <v>548</v>
      </c>
      <c r="AH8" s="208">
        <v>5404</v>
      </c>
      <c r="AI8" s="207">
        <v>5915</v>
      </c>
      <c r="AJ8" s="202">
        <v>6</v>
      </c>
      <c r="AK8" s="203">
        <v>115</v>
      </c>
      <c r="AL8" s="208">
        <v>121</v>
      </c>
      <c r="AM8" s="205">
        <v>0</v>
      </c>
      <c r="AN8" s="203">
        <v>211</v>
      </c>
      <c r="AO8" s="203">
        <v>148</v>
      </c>
      <c r="AP8" s="203">
        <v>105</v>
      </c>
      <c r="AQ8" s="203">
        <v>66</v>
      </c>
      <c r="AR8" s="203">
        <v>43</v>
      </c>
      <c r="AS8" s="208">
        <v>573</v>
      </c>
      <c r="AT8" s="207">
        <v>694</v>
      </c>
      <c r="AU8" s="202">
        <v>0</v>
      </c>
      <c r="AV8" s="203">
        <v>0</v>
      </c>
      <c r="AW8" s="208">
        <v>0</v>
      </c>
      <c r="AX8" s="205">
        <v>0</v>
      </c>
      <c r="AY8" s="203">
        <v>1709</v>
      </c>
      <c r="AZ8" s="203">
        <v>1638</v>
      </c>
      <c r="BA8" s="203">
        <v>847</v>
      </c>
      <c r="BB8" s="203">
        <v>441</v>
      </c>
      <c r="BC8" s="203">
        <v>210</v>
      </c>
      <c r="BD8" s="206">
        <v>4845</v>
      </c>
      <c r="BE8" s="207">
        <v>4845</v>
      </c>
      <c r="BF8" s="202">
        <v>0</v>
      </c>
      <c r="BG8" s="203">
        <v>0</v>
      </c>
      <c r="BH8" s="208">
        <v>0</v>
      </c>
      <c r="BI8" s="205">
        <v>0</v>
      </c>
      <c r="BJ8" s="203">
        <v>293</v>
      </c>
      <c r="BK8" s="203">
        <v>447</v>
      </c>
      <c r="BL8" s="203">
        <v>220</v>
      </c>
      <c r="BM8" s="203">
        <v>121</v>
      </c>
      <c r="BN8" s="203">
        <v>30</v>
      </c>
      <c r="BO8" s="208">
        <v>1111</v>
      </c>
      <c r="BP8" s="207">
        <v>1111</v>
      </c>
      <c r="BQ8" s="202">
        <v>3</v>
      </c>
      <c r="BR8" s="203">
        <v>4</v>
      </c>
      <c r="BS8" s="208">
        <v>7</v>
      </c>
      <c r="BT8" s="205">
        <v>0</v>
      </c>
      <c r="BU8" s="203">
        <v>91</v>
      </c>
      <c r="BV8" s="203">
        <v>179</v>
      </c>
      <c r="BW8" s="203">
        <v>177</v>
      </c>
      <c r="BX8" s="203">
        <v>262</v>
      </c>
      <c r="BY8" s="203">
        <v>130</v>
      </c>
      <c r="BZ8" s="208">
        <v>839</v>
      </c>
      <c r="CA8" s="207">
        <v>846</v>
      </c>
      <c r="CB8" s="202">
        <v>0</v>
      </c>
      <c r="CC8" s="203">
        <v>0</v>
      </c>
      <c r="CD8" s="208">
        <v>0</v>
      </c>
      <c r="CE8" s="205">
        <v>0</v>
      </c>
      <c r="CF8" s="203">
        <v>3</v>
      </c>
      <c r="CG8" s="203">
        <v>8</v>
      </c>
      <c r="CH8" s="203">
        <v>20</v>
      </c>
      <c r="CI8" s="203">
        <v>8</v>
      </c>
      <c r="CJ8" s="203">
        <v>17</v>
      </c>
      <c r="CK8" s="208">
        <v>56</v>
      </c>
      <c r="CL8" s="207">
        <v>56</v>
      </c>
      <c r="CM8" s="202">
        <v>0</v>
      </c>
      <c r="CN8" s="203">
        <v>0</v>
      </c>
      <c r="CO8" s="208">
        <v>0</v>
      </c>
      <c r="CP8" s="205">
        <v>0</v>
      </c>
      <c r="CQ8" s="203">
        <v>0</v>
      </c>
      <c r="CR8" s="203">
        <v>0</v>
      </c>
      <c r="CS8" s="203">
        <v>0</v>
      </c>
      <c r="CT8" s="203">
        <v>0</v>
      </c>
      <c r="CU8" s="203">
        <v>0</v>
      </c>
      <c r="CV8" s="208">
        <v>0</v>
      </c>
      <c r="CW8" s="207">
        <v>0</v>
      </c>
      <c r="CX8" s="202">
        <v>0</v>
      </c>
      <c r="CY8" s="203">
        <v>0</v>
      </c>
      <c r="CZ8" s="208">
        <v>0</v>
      </c>
      <c r="DA8" s="205">
        <v>0</v>
      </c>
      <c r="DB8" s="203">
        <v>0</v>
      </c>
      <c r="DC8" s="203">
        <v>0</v>
      </c>
      <c r="DD8" s="203">
        <v>0</v>
      </c>
      <c r="DE8" s="203">
        <v>0</v>
      </c>
      <c r="DF8" s="203">
        <v>0</v>
      </c>
      <c r="DG8" s="208">
        <v>0</v>
      </c>
      <c r="DH8" s="207">
        <v>0</v>
      </c>
    </row>
    <row r="9" spans="2:112" ht="21" customHeight="1" x14ac:dyDescent="0.2">
      <c r="B9" s="173" t="s">
        <v>14</v>
      </c>
      <c r="C9" s="202">
        <v>0</v>
      </c>
      <c r="D9" s="203">
        <v>0</v>
      </c>
      <c r="E9" s="204">
        <v>0</v>
      </c>
      <c r="F9" s="205">
        <v>0</v>
      </c>
      <c r="G9" s="203">
        <v>657</v>
      </c>
      <c r="H9" s="203">
        <v>1061</v>
      </c>
      <c r="I9" s="203">
        <v>1197</v>
      </c>
      <c r="J9" s="203">
        <v>2174</v>
      </c>
      <c r="K9" s="203">
        <v>1764</v>
      </c>
      <c r="L9" s="206">
        <v>6853</v>
      </c>
      <c r="M9" s="207">
        <v>6853</v>
      </c>
      <c r="N9" s="202">
        <v>0</v>
      </c>
      <c r="O9" s="203">
        <v>0</v>
      </c>
      <c r="P9" s="208">
        <v>0</v>
      </c>
      <c r="Q9" s="205">
        <v>0</v>
      </c>
      <c r="R9" s="203">
        <v>0</v>
      </c>
      <c r="S9" s="203">
        <v>0</v>
      </c>
      <c r="T9" s="203">
        <v>25</v>
      </c>
      <c r="U9" s="203">
        <v>28</v>
      </c>
      <c r="V9" s="203">
        <v>15</v>
      </c>
      <c r="W9" s="208">
        <v>68</v>
      </c>
      <c r="X9" s="207">
        <v>68</v>
      </c>
      <c r="Y9" s="202">
        <v>74</v>
      </c>
      <c r="Z9" s="203">
        <v>144</v>
      </c>
      <c r="AA9" s="208">
        <v>218</v>
      </c>
      <c r="AB9" s="205">
        <v>0</v>
      </c>
      <c r="AC9" s="203">
        <v>403</v>
      </c>
      <c r="AD9" s="203">
        <v>775</v>
      </c>
      <c r="AE9" s="203">
        <v>625</v>
      </c>
      <c r="AF9" s="203">
        <v>367</v>
      </c>
      <c r="AG9" s="203">
        <v>302</v>
      </c>
      <c r="AH9" s="208">
        <v>2472</v>
      </c>
      <c r="AI9" s="207">
        <v>2690</v>
      </c>
      <c r="AJ9" s="202">
        <v>0</v>
      </c>
      <c r="AK9" s="203">
        <v>29</v>
      </c>
      <c r="AL9" s="208">
        <v>29</v>
      </c>
      <c r="AM9" s="205">
        <v>0</v>
      </c>
      <c r="AN9" s="203">
        <v>0</v>
      </c>
      <c r="AO9" s="203">
        <v>22</v>
      </c>
      <c r="AP9" s="203">
        <v>27</v>
      </c>
      <c r="AQ9" s="203">
        <v>57</v>
      </c>
      <c r="AR9" s="203">
        <v>0</v>
      </c>
      <c r="AS9" s="208">
        <v>106</v>
      </c>
      <c r="AT9" s="207">
        <v>135</v>
      </c>
      <c r="AU9" s="202">
        <v>0</v>
      </c>
      <c r="AV9" s="203">
        <v>0</v>
      </c>
      <c r="AW9" s="208">
        <v>0</v>
      </c>
      <c r="AX9" s="205">
        <v>0</v>
      </c>
      <c r="AY9" s="203">
        <v>890</v>
      </c>
      <c r="AZ9" s="203">
        <v>921</v>
      </c>
      <c r="BA9" s="203">
        <v>809</v>
      </c>
      <c r="BB9" s="203">
        <v>267</v>
      </c>
      <c r="BC9" s="203">
        <v>87</v>
      </c>
      <c r="BD9" s="206">
        <v>2974</v>
      </c>
      <c r="BE9" s="207">
        <v>2974</v>
      </c>
      <c r="BF9" s="202">
        <v>0</v>
      </c>
      <c r="BG9" s="203">
        <v>0</v>
      </c>
      <c r="BH9" s="208">
        <v>0</v>
      </c>
      <c r="BI9" s="205">
        <v>0</v>
      </c>
      <c r="BJ9" s="203">
        <v>83</v>
      </c>
      <c r="BK9" s="203">
        <v>235</v>
      </c>
      <c r="BL9" s="203">
        <v>104</v>
      </c>
      <c r="BM9" s="203">
        <v>55</v>
      </c>
      <c r="BN9" s="203">
        <v>4</v>
      </c>
      <c r="BO9" s="208">
        <v>481</v>
      </c>
      <c r="BP9" s="207">
        <v>481</v>
      </c>
      <c r="BQ9" s="202">
        <v>0</v>
      </c>
      <c r="BR9" s="203">
        <v>0</v>
      </c>
      <c r="BS9" s="208">
        <v>0</v>
      </c>
      <c r="BT9" s="205">
        <v>0</v>
      </c>
      <c r="BU9" s="203">
        <v>49</v>
      </c>
      <c r="BV9" s="203">
        <v>152</v>
      </c>
      <c r="BW9" s="203">
        <v>296</v>
      </c>
      <c r="BX9" s="203">
        <v>303</v>
      </c>
      <c r="BY9" s="203">
        <v>30</v>
      </c>
      <c r="BZ9" s="208">
        <v>830</v>
      </c>
      <c r="CA9" s="207">
        <v>830</v>
      </c>
      <c r="CB9" s="202">
        <v>0</v>
      </c>
      <c r="CC9" s="203">
        <v>0</v>
      </c>
      <c r="CD9" s="208">
        <v>0</v>
      </c>
      <c r="CE9" s="205">
        <v>0</v>
      </c>
      <c r="CF9" s="203">
        <v>0</v>
      </c>
      <c r="CG9" s="203">
        <v>8</v>
      </c>
      <c r="CH9" s="203">
        <v>0</v>
      </c>
      <c r="CI9" s="203">
        <v>3</v>
      </c>
      <c r="CJ9" s="203">
        <v>0</v>
      </c>
      <c r="CK9" s="208">
        <v>11</v>
      </c>
      <c r="CL9" s="207">
        <v>11</v>
      </c>
      <c r="CM9" s="202">
        <v>0</v>
      </c>
      <c r="CN9" s="203">
        <v>0</v>
      </c>
      <c r="CO9" s="208">
        <v>0</v>
      </c>
      <c r="CP9" s="205">
        <v>0</v>
      </c>
      <c r="CQ9" s="203">
        <v>0</v>
      </c>
      <c r="CR9" s="203">
        <v>0</v>
      </c>
      <c r="CS9" s="203">
        <v>0</v>
      </c>
      <c r="CT9" s="203">
        <v>0</v>
      </c>
      <c r="CU9" s="203">
        <v>0</v>
      </c>
      <c r="CV9" s="208">
        <v>0</v>
      </c>
      <c r="CW9" s="207">
        <v>0</v>
      </c>
      <c r="CX9" s="202">
        <v>0</v>
      </c>
      <c r="CY9" s="203">
        <v>0</v>
      </c>
      <c r="CZ9" s="208">
        <v>0</v>
      </c>
      <c r="DA9" s="205">
        <v>0</v>
      </c>
      <c r="DB9" s="203">
        <v>0</v>
      </c>
      <c r="DC9" s="203">
        <v>0</v>
      </c>
      <c r="DD9" s="203">
        <v>0</v>
      </c>
      <c r="DE9" s="203">
        <v>0</v>
      </c>
      <c r="DF9" s="203">
        <v>0</v>
      </c>
      <c r="DG9" s="208">
        <v>0</v>
      </c>
      <c r="DH9" s="207">
        <v>0</v>
      </c>
    </row>
    <row r="10" spans="2:112" ht="21" customHeight="1" x14ac:dyDescent="0.2">
      <c r="B10" s="173" t="s">
        <v>7</v>
      </c>
      <c r="C10" s="202">
        <v>0</v>
      </c>
      <c r="D10" s="203">
        <v>0</v>
      </c>
      <c r="E10" s="204">
        <v>0</v>
      </c>
      <c r="F10" s="205">
        <v>0</v>
      </c>
      <c r="G10" s="203">
        <v>1240</v>
      </c>
      <c r="H10" s="203">
        <v>1428</v>
      </c>
      <c r="I10" s="203">
        <v>1144</v>
      </c>
      <c r="J10" s="203">
        <v>1580</v>
      </c>
      <c r="K10" s="203">
        <v>1300</v>
      </c>
      <c r="L10" s="206">
        <v>6692</v>
      </c>
      <c r="M10" s="207">
        <v>6692</v>
      </c>
      <c r="N10" s="202">
        <v>0</v>
      </c>
      <c r="O10" s="203">
        <v>0</v>
      </c>
      <c r="P10" s="208">
        <v>0</v>
      </c>
      <c r="Q10" s="205">
        <v>0</v>
      </c>
      <c r="R10" s="203">
        <v>0</v>
      </c>
      <c r="S10" s="203">
        <v>21</v>
      </c>
      <c r="T10" s="203">
        <v>23</v>
      </c>
      <c r="U10" s="203">
        <v>25</v>
      </c>
      <c r="V10" s="203">
        <v>74</v>
      </c>
      <c r="W10" s="208">
        <v>143</v>
      </c>
      <c r="X10" s="207">
        <v>143</v>
      </c>
      <c r="Y10" s="202">
        <v>22</v>
      </c>
      <c r="Z10" s="203">
        <v>21</v>
      </c>
      <c r="AA10" s="208">
        <v>43</v>
      </c>
      <c r="AB10" s="205">
        <v>0</v>
      </c>
      <c r="AC10" s="203">
        <v>388</v>
      </c>
      <c r="AD10" s="203">
        <v>386</v>
      </c>
      <c r="AE10" s="203">
        <v>240</v>
      </c>
      <c r="AF10" s="203">
        <v>121</v>
      </c>
      <c r="AG10" s="203">
        <v>249</v>
      </c>
      <c r="AH10" s="208">
        <v>1384</v>
      </c>
      <c r="AI10" s="207">
        <v>1427</v>
      </c>
      <c r="AJ10" s="202">
        <v>14</v>
      </c>
      <c r="AK10" s="203">
        <v>0</v>
      </c>
      <c r="AL10" s="208">
        <v>14</v>
      </c>
      <c r="AM10" s="205">
        <v>0</v>
      </c>
      <c r="AN10" s="203">
        <v>121</v>
      </c>
      <c r="AO10" s="203">
        <v>54</v>
      </c>
      <c r="AP10" s="203">
        <v>66</v>
      </c>
      <c r="AQ10" s="203">
        <v>42</v>
      </c>
      <c r="AR10" s="203">
        <v>14</v>
      </c>
      <c r="AS10" s="208">
        <v>297</v>
      </c>
      <c r="AT10" s="207">
        <v>311</v>
      </c>
      <c r="AU10" s="202">
        <v>0</v>
      </c>
      <c r="AV10" s="203">
        <v>0</v>
      </c>
      <c r="AW10" s="208">
        <v>0</v>
      </c>
      <c r="AX10" s="205">
        <v>0</v>
      </c>
      <c r="AY10" s="203">
        <v>1140</v>
      </c>
      <c r="AZ10" s="203">
        <v>691</v>
      </c>
      <c r="BA10" s="203">
        <v>395</v>
      </c>
      <c r="BB10" s="203">
        <v>68</v>
      </c>
      <c r="BC10" s="203">
        <v>85</v>
      </c>
      <c r="BD10" s="206">
        <v>2379</v>
      </c>
      <c r="BE10" s="207">
        <v>2379</v>
      </c>
      <c r="BF10" s="202">
        <v>0</v>
      </c>
      <c r="BG10" s="203">
        <v>0</v>
      </c>
      <c r="BH10" s="208">
        <v>0</v>
      </c>
      <c r="BI10" s="205">
        <v>0</v>
      </c>
      <c r="BJ10" s="203">
        <v>135</v>
      </c>
      <c r="BK10" s="203">
        <v>147</v>
      </c>
      <c r="BL10" s="203">
        <v>77</v>
      </c>
      <c r="BM10" s="203">
        <v>24</v>
      </c>
      <c r="BN10" s="203">
        <v>17</v>
      </c>
      <c r="BO10" s="208">
        <v>400</v>
      </c>
      <c r="BP10" s="207">
        <v>400</v>
      </c>
      <c r="BQ10" s="202">
        <v>0</v>
      </c>
      <c r="BR10" s="203">
        <v>0</v>
      </c>
      <c r="BS10" s="208">
        <v>0</v>
      </c>
      <c r="BT10" s="205">
        <v>0</v>
      </c>
      <c r="BU10" s="203">
        <v>109</v>
      </c>
      <c r="BV10" s="203">
        <v>281</v>
      </c>
      <c r="BW10" s="203">
        <v>238</v>
      </c>
      <c r="BX10" s="203">
        <v>181</v>
      </c>
      <c r="BY10" s="203">
        <v>67</v>
      </c>
      <c r="BZ10" s="208">
        <v>876</v>
      </c>
      <c r="CA10" s="207">
        <v>876</v>
      </c>
      <c r="CB10" s="202">
        <v>0</v>
      </c>
      <c r="CC10" s="203">
        <v>0</v>
      </c>
      <c r="CD10" s="208">
        <v>0</v>
      </c>
      <c r="CE10" s="205">
        <v>0</v>
      </c>
      <c r="CF10" s="203">
        <v>0</v>
      </c>
      <c r="CG10" s="203">
        <v>0</v>
      </c>
      <c r="CH10" s="203">
        <v>14</v>
      </c>
      <c r="CI10" s="203">
        <v>6</v>
      </c>
      <c r="CJ10" s="203">
        <v>0</v>
      </c>
      <c r="CK10" s="208">
        <v>20</v>
      </c>
      <c r="CL10" s="207">
        <v>20</v>
      </c>
      <c r="CM10" s="202">
        <v>0</v>
      </c>
      <c r="CN10" s="203">
        <v>0</v>
      </c>
      <c r="CO10" s="208">
        <v>0</v>
      </c>
      <c r="CP10" s="205">
        <v>0</v>
      </c>
      <c r="CQ10" s="203">
        <v>0</v>
      </c>
      <c r="CR10" s="203">
        <v>0</v>
      </c>
      <c r="CS10" s="203">
        <v>0</v>
      </c>
      <c r="CT10" s="203">
        <v>0</v>
      </c>
      <c r="CU10" s="203">
        <v>0</v>
      </c>
      <c r="CV10" s="208">
        <v>0</v>
      </c>
      <c r="CW10" s="207">
        <v>0</v>
      </c>
      <c r="CX10" s="202">
        <v>0</v>
      </c>
      <c r="CY10" s="203">
        <v>0</v>
      </c>
      <c r="CZ10" s="208">
        <v>0</v>
      </c>
      <c r="DA10" s="205">
        <v>0</v>
      </c>
      <c r="DB10" s="203">
        <v>0</v>
      </c>
      <c r="DC10" s="203">
        <v>0</v>
      </c>
      <c r="DD10" s="203">
        <v>0</v>
      </c>
      <c r="DE10" s="203">
        <v>0</v>
      </c>
      <c r="DF10" s="203">
        <v>0</v>
      </c>
      <c r="DG10" s="208">
        <v>0</v>
      </c>
      <c r="DH10" s="207">
        <v>0</v>
      </c>
    </row>
    <row r="11" spans="2:112" ht="21" customHeight="1" x14ac:dyDescent="0.2">
      <c r="B11" s="173" t="s">
        <v>8</v>
      </c>
      <c r="C11" s="202">
        <v>0</v>
      </c>
      <c r="D11" s="203">
        <v>0</v>
      </c>
      <c r="E11" s="204">
        <v>0</v>
      </c>
      <c r="F11" s="205">
        <v>0</v>
      </c>
      <c r="G11" s="203">
        <v>198</v>
      </c>
      <c r="H11" s="203">
        <v>586</v>
      </c>
      <c r="I11" s="203">
        <v>855</v>
      </c>
      <c r="J11" s="203">
        <v>485</v>
      </c>
      <c r="K11" s="203">
        <v>941</v>
      </c>
      <c r="L11" s="206">
        <v>3065</v>
      </c>
      <c r="M11" s="207">
        <v>3065</v>
      </c>
      <c r="N11" s="202">
        <v>0</v>
      </c>
      <c r="O11" s="203">
        <v>0</v>
      </c>
      <c r="P11" s="208">
        <v>0</v>
      </c>
      <c r="Q11" s="205">
        <v>0</v>
      </c>
      <c r="R11" s="203">
        <v>0</v>
      </c>
      <c r="S11" s="203">
        <v>0</v>
      </c>
      <c r="T11" s="203">
        <v>13</v>
      </c>
      <c r="U11" s="203">
        <v>13</v>
      </c>
      <c r="V11" s="203">
        <v>19</v>
      </c>
      <c r="W11" s="208">
        <v>45</v>
      </c>
      <c r="X11" s="207">
        <v>45</v>
      </c>
      <c r="Y11" s="202">
        <v>9</v>
      </c>
      <c r="Z11" s="203">
        <v>7</v>
      </c>
      <c r="AA11" s="208">
        <v>16</v>
      </c>
      <c r="AB11" s="205">
        <v>0</v>
      </c>
      <c r="AC11" s="203">
        <v>97</v>
      </c>
      <c r="AD11" s="203">
        <v>136</v>
      </c>
      <c r="AE11" s="203">
        <v>213</v>
      </c>
      <c r="AF11" s="203">
        <v>103</v>
      </c>
      <c r="AG11" s="203">
        <v>102</v>
      </c>
      <c r="AH11" s="208">
        <v>651</v>
      </c>
      <c r="AI11" s="207">
        <v>667</v>
      </c>
      <c r="AJ11" s="202">
        <v>0</v>
      </c>
      <c r="AK11" s="203">
        <v>0</v>
      </c>
      <c r="AL11" s="208">
        <v>0</v>
      </c>
      <c r="AM11" s="205">
        <v>0</v>
      </c>
      <c r="AN11" s="203">
        <v>50</v>
      </c>
      <c r="AO11" s="203">
        <v>0</v>
      </c>
      <c r="AP11" s="203">
        <v>94</v>
      </c>
      <c r="AQ11" s="203">
        <v>6</v>
      </c>
      <c r="AR11" s="203">
        <v>11</v>
      </c>
      <c r="AS11" s="208">
        <v>161</v>
      </c>
      <c r="AT11" s="207">
        <v>161</v>
      </c>
      <c r="AU11" s="202">
        <v>0</v>
      </c>
      <c r="AV11" s="203">
        <v>0</v>
      </c>
      <c r="AW11" s="208">
        <v>0</v>
      </c>
      <c r="AX11" s="205">
        <v>0</v>
      </c>
      <c r="AY11" s="203">
        <v>291</v>
      </c>
      <c r="AZ11" s="203">
        <v>343</v>
      </c>
      <c r="BA11" s="203">
        <v>180</v>
      </c>
      <c r="BB11" s="203">
        <v>139</v>
      </c>
      <c r="BC11" s="203">
        <v>44</v>
      </c>
      <c r="BD11" s="206">
        <v>997</v>
      </c>
      <c r="BE11" s="207">
        <v>997</v>
      </c>
      <c r="BF11" s="202">
        <v>0</v>
      </c>
      <c r="BG11" s="203">
        <v>0</v>
      </c>
      <c r="BH11" s="208">
        <v>0</v>
      </c>
      <c r="BI11" s="205">
        <v>0</v>
      </c>
      <c r="BJ11" s="203">
        <v>74</v>
      </c>
      <c r="BK11" s="203">
        <v>54</v>
      </c>
      <c r="BL11" s="203">
        <v>72</v>
      </c>
      <c r="BM11" s="203">
        <v>12</v>
      </c>
      <c r="BN11" s="203">
        <v>0</v>
      </c>
      <c r="BO11" s="208">
        <v>212</v>
      </c>
      <c r="BP11" s="207">
        <v>212</v>
      </c>
      <c r="BQ11" s="202">
        <v>4</v>
      </c>
      <c r="BR11" s="203">
        <v>10</v>
      </c>
      <c r="BS11" s="208">
        <v>14</v>
      </c>
      <c r="BT11" s="205">
        <v>0</v>
      </c>
      <c r="BU11" s="203">
        <v>46</v>
      </c>
      <c r="BV11" s="203">
        <v>40</v>
      </c>
      <c r="BW11" s="203">
        <v>167</v>
      </c>
      <c r="BX11" s="203">
        <v>53</v>
      </c>
      <c r="BY11" s="203">
        <v>52</v>
      </c>
      <c r="BZ11" s="208">
        <v>358</v>
      </c>
      <c r="CA11" s="207">
        <v>372</v>
      </c>
      <c r="CB11" s="202">
        <v>0</v>
      </c>
      <c r="CC11" s="203">
        <v>0</v>
      </c>
      <c r="CD11" s="208">
        <v>0</v>
      </c>
      <c r="CE11" s="205">
        <v>0</v>
      </c>
      <c r="CF11" s="203">
        <v>0</v>
      </c>
      <c r="CG11" s="203">
        <v>0</v>
      </c>
      <c r="CH11" s="203">
        <v>3</v>
      </c>
      <c r="CI11" s="203">
        <v>0</v>
      </c>
      <c r="CJ11" s="203">
        <v>0</v>
      </c>
      <c r="CK11" s="208">
        <v>3</v>
      </c>
      <c r="CL11" s="207">
        <v>3</v>
      </c>
      <c r="CM11" s="202">
        <v>0</v>
      </c>
      <c r="CN11" s="203">
        <v>0</v>
      </c>
      <c r="CO11" s="208">
        <v>0</v>
      </c>
      <c r="CP11" s="205">
        <v>0</v>
      </c>
      <c r="CQ11" s="203">
        <v>0</v>
      </c>
      <c r="CR11" s="203">
        <v>0</v>
      </c>
      <c r="CS11" s="203">
        <v>0</v>
      </c>
      <c r="CT11" s="203">
        <v>0</v>
      </c>
      <c r="CU11" s="203">
        <v>0</v>
      </c>
      <c r="CV11" s="208">
        <v>0</v>
      </c>
      <c r="CW11" s="207">
        <v>0</v>
      </c>
      <c r="CX11" s="202">
        <v>0</v>
      </c>
      <c r="CY11" s="203">
        <v>0</v>
      </c>
      <c r="CZ11" s="208">
        <v>0</v>
      </c>
      <c r="DA11" s="205">
        <v>0</v>
      </c>
      <c r="DB11" s="203">
        <v>0</v>
      </c>
      <c r="DC11" s="203">
        <v>0</v>
      </c>
      <c r="DD11" s="203">
        <v>0</v>
      </c>
      <c r="DE11" s="203">
        <v>0</v>
      </c>
      <c r="DF11" s="203">
        <v>0</v>
      </c>
      <c r="DG11" s="208">
        <v>0</v>
      </c>
      <c r="DH11" s="207">
        <v>0</v>
      </c>
    </row>
    <row r="12" spans="2:112" ht="21" customHeight="1" x14ac:dyDescent="0.2">
      <c r="B12" s="173" t="s">
        <v>9</v>
      </c>
      <c r="C12" s="202">
        <v>0</v>
      </c>
      <c r="D12" s="203">
        <v>0</v>
      </c>
      <c r="E12" s="204">
        <v>0</v>
      </c>
      <c r="F12" s="205">
        <v>0</v>
      </c>
      <c r="G12" s="203">
        <v>542</v>
      </c>
      <c r="H12" s="203">
        <v>669</v>
      </c>
      <c r="I12" s="203">
        <v>716</v>
      </c>
      <c r="J12" s="203">
        <v>1036</v>
      </c>
      <c r="K12" s="203">
        <v>778</v>
      </c>
      <c r="L12" s="206">
        <v>3741</v>
      </c>
      <c r="M12" s="207">
        <v>3741</v>
      </c>
      <c r="N12" s="202">
        <v>0</v>
      </c>
      <c r="O12" s="203">
        <v>0</v>
      </c>
      <c r="P12" s="208">
        <v>0</v>
      </c>
      <c r="Q12" s="205">
        <v>0</v>
      </c>
      <c r="R12" s="203">
        <v>0</v>
      </c>
      <c r="S12" s="203">
        <v>4</v>
      </c>
      <c r="T12" s="203">
        <v>4</v>
      </c>
      <c r="U12" s="203">
        <v>11</v>
      </c>
      <c r="V12" s="203">
        <v>38</v>
      </c>
      <c r="W12" s="208">
        <v>57</v>
      </c>
      <c r="X12" s="207">
        <v>57</v>
      </c>
      <c r="Y12" s="202">
        <v>19</v>
      </c>
      <c r="Z12" s="203">
        <v>59</v>
      </c>
      <c r="AA12" s="208">
        <v>78</v>
      </c>
      <c r="AB12" s="205">
        <v>0</v>
      </c>
      <c r="AC12" s="203">
        <v>461</v>
      </c>
      <c r="AD12" s="203">
        <v>198</v>
      </c>
      <c r="AE12" s="203">
        <v>197</v>
      </c>
      <c r="AF12" s="203">
        <v>186</v>
      </c>
      <c r="AG12" s="203">
        <v>270</v>
      </c>
      <c r="AH12" s="208">
        <v>1312</v>
      </c>
      <c r="AI12" s="207">
        <v>1390</v>
      </c>
      <c r="AJ12" s="202">
        <v>0</v>
      </c>
      <c r="AK12" s="203">
        <v>24</v>
      </c>
      <c r="AL12" s="208">
        <v>24</v>
      </c>
      <c r="AM12" s="205">
        <v>0</v>
      </c>
      <c r="AN12" s="203">
        <v>29</v>
      </c>
      <c r="AO12" s="203">
        <v>56</v>
      </c>
      <c r="AP12" s="203">
        <v>21</v>
      </c>
      <c r="AQ12" s="203">
        <v>37</v>
      </c>
      <c r="AR12" s="203">
        <v>20</v>
      </c>
      <c r="AS12" s="208">
        <v>163</v>
      </c>
      <c r="AT12" s="207">
        <v>187</v>
      </c>
      <c r="AU12" s="202">
        <v>0</v>
      </c>
      <c r="AV12" s="203">
        <v>0</v>
      </c>
      <c r="AW12" s="208">
        <v>0</v>
      </c>
      <c r="AX12" s="205">
        <v>0</v>
      </c>
      <c r="AY12" s="203">
        <v>359</v>
      </c>
      <c r="AZ12" s="203">
        <v>288</v>
      </c>
      <c r="BA12" s="203">
        <v>177</v>
      </c>
      <c r="BB12" s="203">
        <v>121</v>
      </c>
      <c r="BC12" s="203">
        <v>15</v>
      </c>
      <c r="BD12" s="206">
        <v>960</v>
      </c>
      <c r="BE12" s="207">
        <v>960</v>
      </c>
      <c r="BF12" s="202">
        <v>0</v>
      </c>
      <c r="BG12" s="203">
        <v>0</v>
      </c>
      <c r="BH12" s="208">
        <v>0</v>
      </c>
      <c r="BI12" s="205">
        <v>0</v>
      </c>
      <c r="BJ12" s="203">
        <v>91</v>
      </c>
      <c r="BK12" s="203">
        <v>66</v>
      </c>
      <c r="BL12" s="203">
        <v>77</v>
      </c>
      <c r="BM12" s="203">
        <v>49</v>
      </c>
      <c r="BN12" s="203">
        <v>12</v>
      </c>
      <c r="BO12" s="208">
        <v>295</v>
      </c>
      <c r="BP12" s="207">
        <v>295</v>
      </c>
      <c r="BQ12" s="202">
        <v>8</v>
      </c>
      <c r="BR12" s="203">
        <v>2</v>
      </c>
      <c r="BS12" s="208">
        <v>10</v>
      </c>
      <c r="BT12" s="205">
        <v>0</v>
      </c>
      <c r="BU12" s="203">
        <v>40</v>
      </c>
      <c r="BV12" s="203">
        <v>54</v>
      </c>
      <c r="BW12" s="203">
        <v>111</v>
      </c>
      <c r="BX12" s="203">
        <v>42</v>
      </c>
      <c r="BY12" s="203">
        <v>35</v>
      </c>
      <c r="BZ12" s="208">
        <v>282</v>
      </c>
      <c r="CA12" s="207">
        <v>292</v>
      </c>
      <c r="CB12" s="202">
        <v>0</v>
      </c>
      <c r="CC12" s="203">
        <v>0</v>
      </c>
      <c r="CD12" s="208">
        <v>0</v>
      </c>
      <c r="CE12" s="205">
        <v>0</v>
      </c>
      <c r="CF12" s="203">
        <v>0</v>
      </c>
      <c r="CG12" s="203">
        <v>17</v>
      </c>
      <c r="CH12" s="203">
        <v>30</v>
      </c>
      <c r="CI12" s="203">
        <v>6</v>
      </c>
      <c r="CJ12" s="203">
        <v>0</v>
      </c>
      <c r="CK12" s="208">
        <v>53</v>
      </c>
      <c r="CL12" s="207">
        <v>53</v>
      </c>
      <c r="CM12" s="202">
        <v>0</v>
      </c>
      <c r="CN12" s="203">
        <v>0</v>
      </c>
      <c r="CO12" s="208">
        <v>0</v>
      </c>
      <c r="CP12" s="205">
        <v>0</v>
      </c>
      <c r="CQ12" s="203">
        <v>0</v>
      </c>
      <c r="CR12" s="203">
        <v>0</v>
      </c>
      <c r="CS12" s="203">
        <v>0</v>
      </c>
      <c r="CT12" s="203">
        <v>0</v>
      </c>
      <c r="CU12" s="203">
        <v>0</v>
      </c>
      <c r="CV12" s="208">
        <v>0</v>
      </c>
      <c r="CW12" s="207">
        <v>0</v>
      </c>
      <c r="CX12" s="202">
        <v>0</v>
      </c>
      <c r="CY12" s="203">
        <v>0</v>
      </c>
      <c r="CZ12" s="208">
        <v>0</v>
      </c>
      <c r="DA12" s="205">
        <v>0</v>
      </c>
      <c r="DB12" s="203">
        <v>0</v>
      </c>
      <c r="DC12" s="203">
        <v>0</v>
      </c>
      <c r="DD12" s="203">
        <v>0</v>
      </c>
      <c r="DE12" s="203">
        <v>0</v>
      </c>
      <c r="DF12" s="203">
        <v>0</v>
      </c>
      <c r="DG12" s="208">
        <v>0</v>
      </c>
      <c r="DH12" s="207">
        <v>0</v>
      </c>
    </row>
    <row r="13" spans="2:112" ht="21" customHeight="1" x14ac:dyDescent="0.2">
      <c r="B13" s="173" t="s">
        <v>10</v>
      </c>
      <c r="C13" s="202">
        <v>0</v>
      </c>
      <c r="D13" s="203">
        <v>0</v>
      </c>
      <c r="E13" s="204">
        <v>0</v>
      </c>
      <c r="F13" s="205">
        <v>0</v>
      </c>
      <c r="G13" s="203">
        <v>985</v>
      </c>
      <c r="H13" s="203">
        <v>1032</v>
      </c>
      <c r="I13" s="203">
        <v>1024</v>
      </c>
      <c r="J13" s="203">
        <v>1694</v>
      </c>
      <c r="K13" s="203">
        <v>1457</v>
      </c>
      <c r="L13" s="206">
        <v>6192</v>
      </c>
      <c r="M13" s="207">
        <v>6192</v>
      </c>
      <c r="N13" s="202">
        <v>0</v>
      </c>
      <c r="O13" s="203">
        <v>0</v>
      </c>
      <c r="P13" s="208">
        <v>0</v>
      </c>
      <c r="Q13" s="205">
        <v>0</v>
      </c>
      <c r="R13" s="203">
        <v>5</v>
      </c>
      <c r="S13" s="203">
        <v>4</v>
      </c>
      <c r="T13" s="203">
        <v>11</v>
      </c>
      <c r="U13" s="203">
        <v>28</v>
      </c>
      <c r="V13" s="203">
        <v>54</v>
      </c>
      <c r="W13" s="208">
        <v>102</v>
      </c>
      <c r="X13" s="207">
        <v>102</v>
      </c>
      <c r="Y13" s="202">
        <v>77</v>
      </c>
      <c r="Z13" s="203">
        <v>100</v>
      </c>
      <c r="AA13" s="208">
        <v>177</v>
      </c>
      <c r="AB13" s="205">
        <v>0</v>
      </c>
      <c r="AC13" s="203">
        <v>603</v>
      </c>
      <c r="AD13" s="203">
        <v>368</v>
      </c>
      <c r="AE13" s="203">
        <v>273</v>
      </c>
      <c r="AF13" s="203">
        <v>335</v>
      </c>
      <c r="AG13" s="203">
        <v>224</v>
      </c>
      <c r="AH13" s="208">
        <v>1803</v>
      </c>
      <c r="AI13" s="207">
        <v>1980</v>
      </c>
      <c r="AJ13" s="202">
        <v>24</v>
      </c>
      <c r="AK13" s="203">
        <v>47</v>
      </c>
      <c r="AL13" s="208">
        <v>71</v>
      </c>
      <c r="AM13" s="205">
        <v>0</v>
      </c>
      <c r="AN13" s="203">
        <v>63</v>
      </c>
      <c r="AO13" s="203">
        <v>56</v>
      </c>
      <c r="AP13" s="203">
        <v>48</v>
      </c>
      <c r="AQ13" s="203">
        <v>50</v>
      </c>
      <c r="AR13" s="203">
        <v>41</v>
      </c>
      <c r="AS13" s="208">
        <v>258</v>
      </c>
      <c r="AT13" s="207">
        <v>329</v>
      </c>
      <c r="AU13" s="202">
        <v>0</v>
      </c>
      <c r="AV13" s="203">
        <v>0</v>
      </c>
      <c r="AW13" s="208">
        <v>0</v>
      </c>
      <c r="AX13" s="205">
        <v>0</v>
      </c>
      <c r="AY13" s="203">
        <v>803</v>
      </c>
      <c r="AZ13" s="203">
        <v>497</v>
      </c>
      <c r="BA13" s="203">
        <v>294</v>
      </c>
      <c r="BB13" s="203">
        <v>193</v>
      </c>
      <c r="BC13" s="203">
        <v>72</v>
      </c>
      <c r="BD13" s="206">
        <v>1859</v>
      </c>
      <c r="BE13" s="207">
        <v>1859</v>
      </c>
      <c r="BF13" s="202">
        <v>0</v>
      </c>
      <c r="BG13" s="203">
        <v>0</v>
      </c>
      <c r="BH13" s="208">
        <v>0</v>
      </c>
      <c r="BI13" s="205">
        <v>0</v>
      </c>
      <c r="BJ13" s="203">
        <v>155</v>
      </c>
      <c r="BK13" s="203">
        <v>55</v>
      </c>
      <c r="BL13" s="203">
        <v>31</v>
      </c>
      <c r="BM13" s="203">
        <v>41</v>
      </c>
      <c r="BN13" s="203">
        <v>22</v>
      </c>
      <c r="BO13" s="208">
        <v>304</v>
      </c>
      <c r="BP13" s="207">
        <v>304</v>
      </c>
      <c r="BQ13" s="202">
        <v>0</v>
      </c>
      <c r="BR13" s="203">
        <v>2</v>
      </c>
      <c r="BS13" s="208">
        <v>2</v>
      </c>
      <c r="BT13" s="205">
        <v>0</v>
      </c>
      <c r="BU13" s="203">
        <v>152</v>
      </c>
      <c r="BV13" s="203">
        <v>67</v>
      </c>
      <c r="BW13" s="203">
        <v>152</v>
      </c>
      <c r="BX13" s="203">
        <v>156</v>
      </c>
      <c r="BY13" s="203">
        <v>46</v>
      </c>
      <c r="BZ13" s="208">
        <v>573</v>
      </c>
      <c r="CA13" s="207">
        <v>575</v>
      </c>
      <c r="CB13" s="202">
        <v>0</v>
      </c>
      <c r="CC13" s="203">
        <v>0</v>
      </c>
      <c r="CD13" s="208">
        <v>0</v>
      </c>
      <c r="CE13" s="205">
        <v>0</v>
      </c>
      <c r="CF13" s="203">
        <v>6</v>
      </c>
      <c r="CG13" s="203">
        <v>4</v>
      </c>
      <c r="CH13" s="203">
        <v>21</v>
      </c>
      <c r="CI13" s="203">
        <v>10</v>
      </c>
      <c r="CJ13" s="203">
        <v>0</v>
      </c>
      <c r="CK13" s="208">
        <v>41</v>
      </c>
      <c r="CL13" s="207">
        <v>41</v>
      </c>
      <c r="CM13" s="202">
        <v>0</v>
      </c>
      <c r="CN13" s="203">
        <v>0</v>
      </c>
      <c r="CO13" s="208">
        <v>0</v>
      </c>
      <c r="CP13" s="205">
        <v>0</v>
      </c>
      <c r="CQ13" s="203">
        <v>0</v>
      </c>
      <c r="CR13" s="203">
        <v>0</v>
      </c>
      <c r="CS13" s="203">
        <v>0</v>
      </c>
      <c r="CT13" s="203">
        <v>0</v>
      </c>
      <c r="CU13" s="203">
        <v>0</v>
      </c>
      <c r="CV13" s="208">
        <v>0</v>
      </c>
      <c r="CW13" s="207">
        <v>0</v>
      </c>
      <c r="CX13" s="202">
        <v>0</v>
      </c>
      <c r="CY13" s="203">
        <v>0</v>
      </c>
      <c r="CZ13" s="208">
        <v>0</v>
      </c>
      <c r="DA13" s="205">
        <v>0</v>
      </c>
      <c r="DB13" s="203">
        <v>0</v>
      </c>
      <c r="DC13" s="203">
        <v>0</v>
      </c>
      <c r="DD13" s="203">
        <v>0</v>
      </c>
      <c r="DE13" s="203">
        <v>0</v>
      </c>
      <c r="DF13" s="203">
        <v>0</v>
      </c>
      <c r="DG13" s="208">
        <v>0</v>
      </c>
      <c r="DH13" s="207">
        <v>0</v>
      </c>
    </row>
    <row r="14" spans="2:112" ht="21" customHeight="1" x14ac:dyDescent="0.2">
      <c r="B14" s="173" t="s">
        <v>11</v>
      </c>
      <c r="C14" s="202">
        <v>0</v>
      </c>
      <c r="D14" s="203">
        <v>0</v>
      </c>
      <c r="E14" s="204">
        <v>0</v>
      </c>
      <c r="F14" s="205">
        <v>0</v>
      </c>
      <c r="G14" s="203">
        <v>156</v>
      </c>
      <c r="H14" s="203">
        <v>265</v>
      </c>
      <c r="I14" s="203">
        <v>229</v>
      </c>
      <c r="J14" s="203">
        <v>383</v>
      </c>
      <c r="K14" s="203">
        <v>396</v>
      </c>
      <c r="L14" s="206">
        <v>1429</v>
      </c>
      <c r="M14" s="207">
        <v>1429</v>
      </c>
      <c r="N14" s="202">
        <v>0</v>
      </c>
      <c r="O14" s="203">
        <v>0</v>
      </c>
      <c r="P14" s="208">
        <v>0</v>
      </c>
      <c r="Q14" s="205">
        <v>0</v>
      </c>
      <c r="R14" s="203">
        <v>0</v>
      </c>
      <c r="S14" s="203">
        <v>20</v>
      </c>
      <c r="T14" s="203">
        <v>2</v>
      </c>
      <c r="U14" s="203">
        <v>16</v>
      </c>
      <c r="V14" s="203">
        <v>22</v>
      </c>
      <c r="W14" s="208">
        <v>60</v>
      </c>
      <c r="X14" s="207">
        <v>60</v>
      </c>
      <c r="Y14" s="202">
        <v>23</v>
      </c>
      <c r="Z14" s="203">
        <v>21</v>
      </c>
      <c r="AA14" s="208">
        <v>44</v>
      </c>
      <c r="AB14" s="205">
        <v>0</v>
      </c>
      <c r="AC14" s="203">
        <v>125</v>
      </c>
      <c r="AD14" s="203">
        <v>98</v>
      </c>
      <c r="AE14" s="203">
        <v>125</v>
      </c>
      <c r="AF14" s="203">
        <v>168</v>
      </c>
      <c r="AG14" s="203">
        <v>42</v>
      </c>
      <c r="AH14" s="208">
        <v>558</v>
      </c>
      <c r="AI14" s="207">
        <v>602</v>
      </c>
      <c r="AJ14" s="202">
        <v>0</v>
      </c>
      <c r="AK14" s="203">
        <v>23</v>
      </c>
      <c r="AL14" s="208">
        <v>23</v>
      </c>
      <c r="AM14" s="205">
        <v>0</v>
      </c>
      <c r="AN14" s="203">
        <v>40</v>
      </c>
      <c r="AO14" s="203">
        <v>32</v>
      </c>
      <c r="AP14" s="203">
        <v>0</v>
      </c>
      <c r="AQ14" s="203">
        <v>60</v>
      </c>
      <c r="AR14" s="203">
        <v>0</v>
      </c>
      <c r="AS14" s="208">
        <v>132</v>
      </c>
      <c r="AT14" s="207">
        <v>155</v>
      </c>
      <c r="AU14" s="202">
        <v>0</v>
      </c>
      <c r="AV14" s="203">
        <v>0</v>
      </c>
      <c r="AW14" s="208">
        <v>0</v>
      </c>
      <c r="AX14" s="205">
        <v>0</v>
      </c>
      <c r="AY14" s="203">
        <v>296</v>
      </c>
      <c r="AZ14" s="203">
        <v>221</v>
      </c>
      <c r="BA14" s="203">
        <v>137</v>
      </c>
      <c r="BB14" s="203">
        <v>92</v>
      </c>
      <c r="BC14" s="203">
        <v>10</v>
      </c>
      <c r="BD14" s="206">
        <v>756</v>
      </c>
      <c r="BE14" s="207">
        <v>756</v>
      </c>
      <c r="BF14" s="202">
        <v>0</v>
      </c>
      <c r="BG14" s="203">
        <v>0</v>
      </c>
      <c r="BH14" s="208">
        <v>0</v>
      </c>
      <c r="BI14" s="205">
        <v>0</v>
      </c>
      <c r="BJ14" s="203">
        <v>116</v>
      </c>
      <c r="BK14" s="203">
        <v>78</v>
      </c>
      <c r="BL14" s="203">
        <v>53</v>
      </c>
      <c r="BM14" s="203">
        <v>96</v>
      </c>
      <c r="BN14" s="203">
        <v>5</v>
      </c>
      <c r="BO14" s="208">
        <v>348</v>
      </c>
      <c r="BP14" s="207">
        <v>348</v>
      </c>
      <c r="BQ14" s="202">
        <v>0</v>
      </c>
      <c r="BR14" s="203">
        <v>0</v>
      </c>
      <c r="BS14" s="208">
        <v>0</v>
      </c>
      <c r="BT14" s="205">
        <v>0</v>
      </c>
      <c r="BU14" s="203">
        <v>30</v>
      </c>
      <c r="BV14" s="203">
        <v>90</v>
      </c>
      <c r="BW14" s="203">
        <v>90</v>
      </c>
      <c r="BX14" s="203">
        <v>16</v>
      </c>
      <c r="BY14" s="203">
        <v>60</v>
      </c>
      <c r="BZ14" s="208">
        <v>286</v>
      </c>
      <c r="CA14" s="207">
        <v>286</v>
      </c>
      <c r="CB14" s="202">
        <v>0</v>
      </c>
      <c r="CC14" s="203">
        <v>0</v>
      </c>
      <c r="CD14" s="208">
        <v>0</v>
      </c>
      <c r="CE14" s="205">
        <v>0</v>
      </c>
      <c r="CF14" s="203">
        <v>15</v>
      </c>
      <c r="CG14" s="203">
        <v>0</v>
      </c>
      <c r="CH14" s="203">
        <v>0</v>
      </c>
      <c r="CI14" s="203">
        <v>5</v>
      </c>
      <c r="CJ14" s="203">
        <v>0</v>
      </c>
      <c r="CK14" s="208">
        <v>20</v>
      </c>
      <c r="CL14" s="207">
        <v>20</v>
      </c>
      <c r="CM14" s="202">
        <v>0</v>
      </c>
      <c r="CN14" s="203">
        <v>0</v>
      </c>
      <c r="CO14" s="208">
        <v>0</v>
      </c>
      <c r="CP14" s="205">
        <v>0</v>
      </c>
      <c r="CQ14" s="203">
        <v>0</v>
      </c>
      <c r="CR14" s="203">
        <v>0</v>
      </c>
      <c r="CS14" s="203">
        <v>0</v>
      </c>
      <c r="CT14" s="203">
        <v>0</v>
      </c>
      <c r="CU14" s="203">
        <v>0</v>
      </c>
      <c r="CV14" s="208">
        <v>0</v>
      </c>
      <c r="CW14" s="207">
        <v>0</v>
      </c>
      <c r="CX14" s="202">
        <v>0</v>
      </c>
      <c r="CY14" s="203">
        <v>0</v>
      </c>
      <c r="CZ14" s="208">
        <v>0</v>
      </c>
      <c r="DA14" s="205">
        <v>0</v>
      </c>
      <c r="DB14" s="203">
        <v>0</v>
      </c>
      <c r="DC14" s="203">
        <v>0</v>
      </c>
      <c r="DD14" s="203">
        <v>0</v>
      </c>
      <c r="DE14" s="203">
        <v>0</v>
      </c>
      <c r="DF14" s="203">
        <v>0</v>
      </c>
      <c r="DG14" s="208">
        <v>0</v>
      </c>
      <c r="DH14" s="207">
        <v>0</v>
      </c>
    </row>
    <row r="15" spans="2:112" ht="21" customHeight="1" x14ac:dyDescent="0.2">
      <c r="B15" s="173" t="s">
        <v>12</v>
      </c>
      <c r="C15" s="202">
        <v>0</v>
      </c>
      <c r="D15" s="203">
        <v>0</v>
      </c>
      <c r="E15" s="204">
        <v>0</v>
      </c>
      <c r="F15" s="205">
        <v>0</v>
      </c>
      <c r="G15" s="203">
        <v>414</v>
      </c>
      <c r="H15" s="203">
        <v>768</v>
      </c>
      <c r="I15" s="203">
        <v>518</v>
      </c>
      <c r="J15" s="203">
        <v>1302</v>
      </c>
      <c r="K15" s="203">
        <v>362</v>
      </c>
      <c r="L15" s="206">
        <v>3364</v>
      </c>
      <c r="M15" s="207">
        <v>3364</v>
      </c>
      <c r="N15" s="202">
        <v>0</v>
      </c>
      <c r="O15" s="203">
        <v>0</v>
      </c>
      <c r="P15" s="208">
        <v>0</v>
      </c>
      <c r="Q15" s="205">
        <v>0</v>
      </c>
      <c r="R15" s="203">
        <v>0</v>
      </c>
      <c r="S15" s="203">
        <v>0</v>
      </c>
      <c r="T15" s="203">
        <v>3</v>
      </c>
      <c r="U15" s="203">
        <v>34</v>
      </c>
      <c r="V15" s="203">
        <v>12</v>
      </c>
      <c r="W15" s="208">
        <v>49</v>
      </c>
      <c r="X15" s="207">
        <v>49</v>
      </c>
      <c r="Y15" s="202">
        <v>71</v>
      </c>
      <c r="Z15" s="203">
        <v>139</v>
      </c>
      <c r="AA15" s="208">
        <v>210</v>
      </c>
      <c r="AB15" s="205">
        <v>0</v>
      </c>
      <c r="AC15" s="203">
        <v>133</v>
      </c>
      <c r="AD15" s="203">
        <v>222</v>
      </c>
      <c r="AE15" s="203">
        <v>105</v>
      </c>
      <c r="AF15" s="203">
        <v>154</v>
      </c>
      <c r="AG15" s="203">
        <v>94</v>
      </c>
      <c r="AH15" s="208">
        <v>708</v>
      </c>
      <c r="AI15" s="207">
        <v>918</v>
      </c>
      <c r="AJ15" s="202">
        <v>0</v>
      </c>
      <c r="AK15" s="203">
        <v>16</v>
      </c>
      <c r="AL15" s="208">
        <v>16</v>
      </c>
      <c r="AM15" s="205">
        <v>0</v>
      </c>
      <c r="AN15" s="203">
        <v>9</v>
      </c>
      <c r="AO15" s="203">
        <v>24</v>
      </c>
      <c r="AP15" s="203">
        <v>0</v>
      </c>
      <c r="AQ15" s="203">
        <v>39</v>
      </c>
      <c r="AR15" s="203">
        <v>0</v>
      </c>
      <c r="AS15" s="208">
        <v>72</v>
      </c>
      <c r="AT15" s="207">
        <v>88</v>
      </c>
      <c r="AU15" s="202">
        <v>0</v>
      </c>
      <c r="AV15" s="203">
        <v>0</v>
      </c>
      <c r="AW15" s="208">
        <v>0</v>
      </c>
      <c r="AX15" s="205">
        <v>0</v>
      </c>
      <c r="AY15" s="203">
        <v>420</v>
      </c>
      <c r="AZ15" s="203">
        <v>288</v>
      </c>
      <c r="BA15" s="203">
        <v>239</v>
      </c>
      <c r="BB15" s="203">
        <v>195</v>
      </c>
      <c r="BC15" s="203">
        <v>3</v>
      </c>
      <c r="BD15" s="206">
        <v>1145</v>
      </c>
      <c r="BE15" s="207">
        <v>1145</v>
      </c>
      <c r="BF15" s="202">
        <v>0</v>
      </c>
      <c r="BG15" s="203">
        <v>0</v>
      </c>
      <c r="BH15" s="208">
        <v>0</v>
      </c>
      <c r="BI15" s="205">
        <v>0</v>
      </c>
      <c r="BJ15" s="203">
        <v>57</v>
      </c>
      <c r="BK15" s="203">
        <v>103</v>
      </c>
      <c r="BL15" s="203">
        <v>71</v>
      </c>
      <c r="BM15" s="203">
        <v>56</v>
      </c>
      <c r="BN15" s="203">
        <v>0</v>
      </c>
      <c r="BO15" s="208">
        <v>287</v>
      </c>
      <c r="BP15" s="207">
        <v>287</v>
      </c>
      <c r="BQ15" s="202">
        <v>0</v>
      </c>
      <c r="BR15" s="203">
        <v>6</v>
      </c>
      <c r="BS15" s="208">
        <v>6</v>
      </c>
      <c r="BT15" s="205">
        <v>0</v>
      </c>
      <c r="BU15" s="203">
        <v>36</v>
      </c>
      <c r="BV15" s="203">
        <v>31</v>
      </c>
      <c r="BW15" s="203">
        <v>90</v>
      </c>
      <c r="BX15" s="203">
        <v>110</v>
      </c>
      <c r="BY15" s="203">
        <v>18</v>
      </c>
      <c r="BZ15" s="208">
        <v>285</v>
      </c>
      <c r="CA15" s="207">
        <v>291</v>
      </c>
      <c r="CB15" s="202">
        <v>0</v>
      </c>
      <c r="CC15" s="203">
        <v>0</v>
      </c>
      <c r="CD15" s="208">
        <v>0</v>
      </c>
      <c r="CE15" s="205">
        <v>0</v>
      </c>
      <c r="CF15" s="203">
        <v>6</v>
      </c>
      <c r="CG15" s="203">
        <v>1</v>
      </c>
      <c r="CH15" s="203">
        <v>0</v>
      </c>
      <c r="CI15" s="203">
        <v>0</v>
      </c>
      <c r="CJ15" s="203">
        <v>0</v>
      </c>
      <c r="CK15" s="208">
        <v>7</v>
      </c>
      <c r="CL15" s="207">
        <v>7</v>
      </c>
      <c r="CM15" s="202">
        <v>0</v>
      </c>
      <c r="CN15" s="203">
        <v>0</v>
      </c>
      <c r="CO15" s="208">
        <v>0</v>
      </c>
      <c r="CP15" s="205">
        <v>0</v>
      </c>
      <c r="CQ15" s="203">
        <v>0</v>
      </c>
      <c r="CR15" s="203">
        <v>0</v>
      </c>
      <c r="CS15" s="203">
        <v>0</v>
      </c>
      <c r="CT15" s="203">
        <v>0</v>
      </c>
      <c r="CU15" s="203">
        <v>0</v>
      </c>
      <c r="CV15" s="208">
        <v>0</v>
      </c>
      <c r="CW15" s="207">
        <v>0</v>
      </c>
      <c r="CX15" s="202">
        <v>0</v>
      </c>
      <c r="CY15" s="203">
        <v>0</v>
      </c>
      <c r="CZ15" s="208">
        <v>0</v>
      </c>
      <c r="DA15" s="205">
        <v>0</v>
      </c>
      <c r="DB15" s="203">
        <v>0</v>
      </c>
      <c r="DC15" s="203">
        <v>0</v>
      </c>
      <c r="DD15" s="203">
        <v>0</v>
      </c>
      <c r="DE15" s="203">
        <v>0</v>
      </c>
      <c r="DF15" s="203">
        <v>0</v>
      </c>
      <c r="DG15" s="208">
        <v>0</v>
      </c>
      <c r="DH15" s="207">
        <v>0</v>
      </c>
    </row>
    <row r="16" spans="2:112" ht="21" customHeight="1" x14ac:dyDescent="0.2">
      <c r="B16" s="173" t="s">
        <v>13</v>
      </c>
      <c r="C16" s="202">
        <v>0</v>
      </c>
      <c r="D16" s="203">
        <v>0</v>
      </c>
      <c r="E16" s="204">
        <v>0</v>
      </c>
      <c r="F16" s="205">
        <v>0</v>
      </c>
      <c r="G16" s="203">
        <v>124</v>
      </c>
      <c r="H16" s="203">
        <v>195</v>
      </c>
      <c r="I16" s="203">
        <v>246</v>
      </c>
      <c r="J16" s="203">
        <v>309</v>
      </c>
      <c r="K16" s="203">
        <v>395</v>
      </c>
      <c r="L16" s="206">
        <v>1269</v>
      </c>
      <c r="M16" s="207">
        <v>1269</v>
      </c>
      <c r="N16" s="202">
        <v>0</v>
      </c>
      <c r="O16" s="203">
        <v>0</v>
      </c>
      <c r="P16" s="208">
        <v>0</v>
      </c>
      <c r="Q16" s="205">
        <v>0</v>
      </c>
      <c r="R16" s="203">
        <v>0</v>
      </c>
      <c r="S16" s="203">
        <v>0</v>
      </c>
      <c r="T16" s="203">
        <v>0</v>
      </c>
      <c r="U16" s="203">
        <v>4</v>
      </c>
      <c r="V16" s="203">
        <v>16</v>
      </c>
      <c r="W16" s="208">
        <v>20</v>
      </c>
      <c r="X16" s="207">
        <v>20</v>
      </c>
      <c r="Y16" s="202">
        <v>0</v>
      </c>
      <c r="Z16" s="203">
        <v>3</v>
      </c>
      <c r="AA16" s="208">
        <v>3</v>
      </c>
      <c r="AB16" s="205">
        <v>0</v>
      </c>
      <c r="AC16" s="203">
        <v>57</v>
      </c>
      <c r="AD16" s="203">
        <v>251</v>
      </c>
      <c r="AE16" s="203">
        <v>118</v>
      </c>
      <c r="AF16" s="203">
        <v>49</v>
      </c>
      <c r="AG16" s="203">
        <v>73</v>
      </c>
      <c r="AH16" s="208">
        <v>548</v>
      </c>
      <c r="AI16" s="207">
        <v>551</v>
      </c>
      <c r="AJ16" s="202">
        <v>4</v>
      </c>
      <c r="AK16" s="203">
        <v>0</v>
      </c>
      <c r="AL16" s="208">
        <v>4</v>
      </c>
      <c r="AM16" s="205">
        <v>0</v>
      </c>
      <c r="AN16" s="203">
        <v>28</v>
      </c>
      <c r="AO16" s="203">
        <v>9</v>
      </c>
      <c r="AP16" s="203">
        <v>0</v>
      </c>
      <c r="AQ16" s="203">
        <v>8</v>
      </c>
      <c r="AR16" s="203">
        <v>6</v>
      </c>
      <c r="AS16" s="208">
        <v>51</v>
      </c>
      <c r="AT16" s="207">
        <v>55</v>
      </c>
      <c r="AU16" s="202">
        <v>0</v>
      </c>
      <c r="AV16" s="203">
        <v>0</v>
      </c>
      <c r="AW16" s="208">
        <v>0</v>
      </c>
      <c r="AX16" s="205">
        <v>0</v>
      </c>
      <c r="AY16" s="203">
        <v>74</v>
      </c>
      <c r="AZ16" s="203">
        <v>79</v>
      </c>
      <c r="BA16" s="203">
        <v>90</v>
      </c>
      <c r="BB16" s="203">
        <v>55</v>
      </c>
      <c r="BC16" s="203">
        <v>3</v>
      </c>
      <c r="BD16" s="206">
        <v>301</v>
      </c>
      <c r="BE16" s="207">
        <v>301</v>
      </c>
      <c r="BF16" s="202">
        <v>0</v>
      </c>
      <c r="BG16" s="203">
        <v>0</v>
      </c>
      <c r="BH16" s="208">
        <v>0</v>
      </c>
      <c r="BI16" s="205">
        <v>0</v>
      </c>
      <c r="BJ16" s="203">
        <v>24</v>
      </c>
      <c r="BK16" s="203">
        <v>12</v>
      </c>
      <c r="BL16" s="203">
        <v>16</v>
      </c>
      <c r="BM16" s="203">
        <v>4</v>
      </c>
      <c r="BN16" s="203">
        <v>26</v>
      </c>
      <c r="BO16" s="208">
        <v>82</v>
      </c>
      <c r="BP16" s="207">
        <v>82</v>
      </c>
      <c r="BQ16" s="202">
        <v>0</v>
      </c>
      <c r="BR16" s="203">
        <v>0</v>
      </c>
      <c r="BS16" s="208">
        <v>0</v>
      </c>
      <c r="BT16" s="205">
        <v>0</v>
      </c>
      <c r="BU16" s="203">
        <v>21</v>
      </c>
      <c r="BV16" s="203">
        <v>8</v>
      </c>
      <c r="BW16" s="203">
        <v>3</v>
      </c>
      <c r="BX16" s="203">
        <v>37</v>
      </c>
      <c r="BY16" s="203">
        <v>3</v>
      </c>
      <c r="BZ16" s="208">
        <v>72</v>
      </c>
      <c r="CA16" s="207">
        <v>72</v>
      </c>
      <c r="CB16" s="202">
        <v>0</v>
      </c>
      <c r="CC16" s="203">
        <v>0</v>
      </c>
      <c r="CD16" s="208">
        <v>0</v>
      </c>
      <c r="CE16" s="205">
        <v>0</v>
      </c>
      <c r="CF16" s="203">
        <v>0</v>
      </c>
      <c r="CG16" s="203">
        <v>0</v>
      </c>
      <c r="CH16" s="203">
        <v>0</v>
      </c>
      <c r="CI16" s="203">
        <v>0</v>
      </c>
      <c r="CJ16" s="203">
        <v>0</v>
      </c>
      <c r="CK16" s="208">
        <v>0</v>
      </c>
      <c r="CL16" s="207">
        <v>0</v>
      </c>
      <c r="CM16" s="202">
        <v>0</v>
      </c>
      <c r="CN16" s="203">
        <v>0</v>
      </c>
      <c r="CO16" s="208">
        <v>0</v>
      </c>
      <c r="CP16" s="205">
        <v>0</v>
      </c>
      <c r="CQ16" s="203">
        <v>0</v>
      </c>
      <c r="CR16" s="203">
        <v>0</v>
      </c>
      <c r="CS16" s="203">
        <v>0</v>
      </c>
      <c r="CT16" s="203">
        <v>0</v>
      </c>
      <c r="CU16" s="203">
        <v>0</v>
      </c>
      <c r="CV16" s="208">
        <v>0</v>
      </c>
      <c r="CW16" s="207">
        <v>0</v>
      </c>
      <c r="CX16" s="202">
        <v>0</v>
      </c>
      <c r="CY16" s="203">
        <v>0</v>
      </c>
      <c r="CZ16" s="208">
        <v>0</v>
      </c>
      <c r="DA16" s="205">
        <v>0</v>
      </c>
      <c r="DB16" s="203">
        <v>0</v>
      </c>
      <c r="DC16" s="203">
        <v>0</v>
      </c>
      <c r="DD16" s="203">
        <v>0</v>
      </c>
      <c r="DE16" s="203">
        <v>0</v>
      </c>
      <c r="DF16" s="203">
        <v>0</v>
      </c>
      <c r="DG16" s="208">
        <v>0</v>
      </c>
      <c r="DH16" s="207">
        <v>0</v>
      </c>
    </row>
    <row r="17" spans="2:112" ht="21" customHeight="1" x14ac:dyDescent="0.2">
      <c r="B17" s="173" t="s">
        <v>15</v>
      </c>
      <c r="C17" s="202">
        <v>0</v>
      </c>
      <c r="D17" s="203">
        <v>0</v>
      </c>
      <c r="E17" s="204">
        <v>0</v>
      </c>
      <c r="F17" s="205">
        <v>0</v>
      </c>
      <c r="G17" s="203">
        <v>68</v>
      </c>
      <c r="H17" s="203">
        <v>81</v>
      </c>
      <c r="I17" s="203">
        <v>90</v>
      </c>
      <c r="J17" s="203">
        <v>294</v>
      </c>
      <c r="K17" s="203">
        <v>99</v>
      </c>
      <c r="L17" s="206">
        <v>632</v>
      </c>
      <c r="M17" s="207">
        <v>632</v>
      </c>
      <c r="N17" s="202">
        <v>0</v>
      </c>
      <c r="O17" s="203">
        <v>0</v>
      </c>
      <c r="P17" s="208">
        <v>0</v>
      </c>
      <c r="Q17" s="205">
        <v>0</v>
      </c>
      <c r="R17" s="203">
        <v>0</v>
      </c>
      <c r="S17" s="203">
        <v>4</v>
      </c>
      <c r="T17" s="203">
        <v>0</v>
      </c>
      <c r="U17" s="203">
        <v>8</v>
      </c>
      <c r="V17" s="203">
        <v>0</v>
      </c>
      <c r="W17" s="208">
        <v>12</v>
      </c>
      <c r="X17" s="207">
        <v>12</v>
      </c>
      <c r="Y17" s="202">
        <v>0</v>
      </c>
      <c r="Z17" s="203">
        <v>6</v>
      </c>
      <c r="AA17" s="208">
        <v>6</v>
      </c>
      <c r="AB17" s="205">
        <v>0</v>
      </c>
      <c r="AC17" s="203">
        <v>27</v>
      </c>
      <c r="AD17" s="203">
        <v>28</v>
      </c>
      <c r="AE17" s="203">
        <v>27</v>
      </c>
      <c r="AF17" s="203">
        <v>30</v>
      </c>
      <c r="AG17" s="203">
        <v>0</v>
      </c>
      <c r="AH17" s="208">
        <v>112</v>
      </c>
      <c r="AI17" s="207">
        <v>118</v>
      </c>
      <c r="AJ17" s="202">
        <v>0</v>
      </c>
      <c r="AK17" s="203">
        <v>0</v>
      </c>
      <c r="AL17" s="208">
        <v>0</v>
      </c>
      <c r="AM17" s="205">
        <v>0</v>
      </c>
      <c r="AN17" s="203">
        <v>16</v>
      </c>
      <c r="AO17" s="203">
        <v>24</v>
      </c>
      <c r="AP17" s="203">
        <v>0</v>
      </c>
      <c r="AQ17" s="203">
        <v>0</v>
      </c>
      <c r="AR17" s="203">
        <v>0</v>
      </c>
      <c r="AS17" s="208">
        <v>40</v>
      </c>
      <c r="AT17" s="207">
        <v>40</v>
      </c>
      <c r="AU17" s="202">
        <v>0</v>
      </c>
      <c r="AV17" s="203">
        <v>0</v>
      </c>
      <c r="AW17" s="208">
        <v>0</v>
      </c>
      <c r="AX17" s="205">
        <v>0</v>
      </c>
      <c r="AY17" s="203">
        <v>40</v>
      </c>
      <c r="AZ17" s="203">
        <v>34</v>
      </c>
      <c r="BA17" s="203">
        <v>27</v>
      </c>
      <c r="BB17" s="203">
        <v>8</v>
      </c>
      <c r="BC17" s="203">
        <v>0</v>
      </c>
      <c r="BD17" s="206">
        <v>109</v>
      </c>
      <c r="BE17" s="207">
        <v>109</v>
      </c>
      <c r="BF17" s="202">
        <v>0</v>
      </c>
      <c r="BG17" s="203">
        <v>0</v>
      </c>
      <c r="BH17" s="208">
        <v>0</v>
      </c>
      <c r="BI17" s="205">
        <v>0</v>
      </c>
      <c r="BJ17" s="203">
        <v>6</v>
      </c>
      <c r="BK17" s="203">
        <v>6</v>
      </c>
      <c r="BL17" s="203">
        <v>15</v>
      </c>
      <c r="BM17" s="203">
        <v>0</v>
      </c>
      <c r="BN17" s="203">
        <v>0</v>
      </c>
      <c r="BO17" s="208">
        <v>27</v>
      </c>
      <c r="BP17" s="207">
        <v>27</v>
      </c>
      <c r="BQ17" s="202">
        <v>0</v>
      </c>
      <c r="BR17" s="203">
        <v>0</v>
      </c>
      <c r="BS17" s="208">
        <v>0</v>
      </c>
      <c r="BT17" s="205">
        <v>0</v>
      </c>
      <c r="BU17" s="203">
        <v>5</v>
      </c>
      <c r="BV17" s="203">
        <v>3</v>
      </c>
      <c r="BW17" s="203">
        <v>0</v>
      </c>
      <c r="BX17" s="203">
        <v>28</v>
      </c>
      <c r="BY17" s="203">
        <v>0</v>
      </c>
      <c r="BZ17" s="208">
        <v>36</v>
      </c>
      <c r="CA17" s="207">
        <v>36</v>
      </c>
      <c r="CB17" s="202">
        <v>0</v>
      </c>
      <c r="CC17" s="203">
        <v>0</v>
      </c>
      <c r="CD17" s="208">
        <v>0</v>
      </c>
      <c r="CE17" s="205">
        <v>0</v>
      </c>
      <c r="CF17" s="203">
        <v>3</v>
      </c>
      <c r="CG17" s="203">
        <v>0</v>
      </c>
      <c r="CH17" s="203">
        <v>0</v>
      </c>
      <c r="CI17" s="203">
        <v>0</v>
      </c>
      <c r="CJ17" s="203">
        <v>0</v>
      </c>
      <c r="CK17" s="208">
        <v>3</v>
      </c>
      <c r="CL17" s="207">
        <v>3</v>
      </c>
      <c r="CM17" s="202">
        <v>0</v>
      </c>
      <c r="CN17" s="203">
        <v>0</v>
      </c>
      <c r="CO17" s="208">
        <v>0</v>
      </c>
      <c r="CP17" s="205">
        <v>0</v>
      </c>
      <c r="CQ17" s="203">
        <v>0</v>
      </c>
      <c r="CR17" s="203">
        <v>0</v>
      </c>
      <c r="CS17" s="203">
        <v>0</v>
      </c>
      <c r="CT17" s="203">
        <v>0</v>
      </c>
      <c r="CU17" s="203">
        <v>0</v>
      </c>
      <c r="CV17" s="208">
        <v>0</v>
      </c>
      <c r="CW17" s="207">
        <v>0</v>
      </c>
      <c r="CX17" s="202">
        <v>0</v>
      </c>
      <c r="CY17" s="203">
        <v>0</v>
      </c>
      <c r="CZ17" s="208">
        <v>0</v>
      </c>
      <c r="DA17" s="205">
        <v>0</v>
      </c>
      <c r="DB17" s="203">
        <v>0</v>
      </c>
      <c r="DC17" s="203">
        <v>0</v>
      </c>
      <c r="DD17" s="203">
        <v>0</v>
      </c>
      <c r="DE17" s="203">
        <v>0</v>
      </c>
      <c r="DF17" s="203">
        <v>0</v>
      </c>
      <c r="DG17" s="208">
        <v>0</v>
      </c>
      <c r="DH17" s="207">
        <v>0</v>
      </c>
    </row>
    <row r="18" spans="2:112" ht="21" customHeight="1" x14ac:dyDescent="0.2">
      <c r="B18" s="173" t="s">
        <v>16</v>
      </c>
      <c r="C18" s="202">
        <v>0</v>
      </c>
      <c r="D18" s="203">
        <v>0</v>
      </c>
      <c r="E18" s="204">
        <v>0</v>
      </c>
      <c r="F18" s="205">
        <v>0</v>
      </c>
      <c r="G18" s="203">
        <v>94</v>
      </c>
      <c r="H18" s="203">
        <v>124</v>
      </c>
      <c r="I18" s="203">
        <v>100</v>
      </c>
      <c r="J18" s="203">
        <v>18</v>
      </c>
      <c r="K18" s="203">
        <v>162</v>
      </c>
      <c r="L18" s="206">
        <v>498</v>
      </c>
      <c r="M18" s="207">
        <v>498</v>
      </c>
      <c r="N18" s="202">
        <v>0</v>
      </c>
      <c r="O18" s="203">
        <v>0</v>
      </c>
      <c r="P18" s="208">
        <v>0</v>
      </c>
      <c r="Q18" s="205">
        <v>0</v>
      </c>
      <c r="R18" s="203">
        <v>0</v>
      </c>
      <c r="S18" s="203">
        <v>0</v>
      </c>
      <c r="T18" s="203">
        <v>5</v>
      </c>
      <c r="U18" s="203">
        <v>7</v>
      </c>
      <c r="V18" s="203">
        <v>10</v>
      </c>
      <c r="W18" s="208">
        <v>22</v>
      </c>
      <c r="X18" s="207">
        <v>22</v>
      </c>
      <c r="Y18" s="202">
        <v>14</v>
      </c>
      <c r="Z18" s="203">
        <v>17</v>
      </c>
      <c r="AA18" s="208">
        <v>31</v>
      </c>
      <c r="AB18" s="205">
        <v>0</v>
      </c>
      <c r="AC18" s="203">
        <v>129</v>
      </c>
      <c r="AD18" s="203">
        <v>128</v>
      </c>
      <c r="AE18" s="203">
        <v>30</v>
      </c>
      <c r="AF18" s="203">
        <v>62</v>
      </c>
      <c r="AG18" s="203">
        <v>13</v>
      </c>
      <c r="AH18" s="208">
        <v>362</v>
      </c>
      <c r="AI18" s="207">
        <v>393</v>
      </c>
      <c r="AJ18" s="202">
        <v>12</v>
      </c>
      <c r="AK18" s="203">
        <v>0</v>
      </c>
      <c r="AL18" s="208">
        <v>12</v>
      </c>
      <c r="AM18" s="205">
        <v>0</v>
      </c>
      <c r="AN18" s="203">
        <v>6</v>
      </c>
      <c r="AO18" s="203">
        <v>48</v>
      </c>
      <c r="AP18" s="203">
        <v>0</v>
      </c>
      <c r="AQ18" s="203">
        <v>0</v>
      </c>
      <c r="AR18" s="203">
        <v>0</v>
      </c>
      <c r="AS18" s="208">
        <v>54</v>
      </c>
      <c r="AT18" s="207">
        <v>66</v>
      </c>
      <c r="AU18" s="202">
        <v>0</v>
      </c>
      <c r="AV18" s="203">
        <v>0</v>
      </c>
      <c r="AW18" s="208">
        <v>0</v>
      </c>
      <c r="AX18" s="205">
        <v>0</v>
      </c>
      <c r="AY18" s="203">
        <v>159</v>
      </c>
      <c r="AZ18" s="203">
        <v>245</v>
      </c>
      <c r="BA18" s="203">
        <v>78</v>
      </c>
      <c r="BB18" s="203">
        <v>45</v>
      </c>
      <c r="BC18" s="203">
        <v>0</v>
      </c>
      <c r="BD18" s="206">
        <v>527</v>
      </c>
      <c r="BE18" s="207">
        <v>527</v>
      </c>
      <c r="BF18" s="202">
        <v>0</v>
      </c>
      <c r="BG18" s="203">
        <v>0</v>
      </c>
      <c r="BH18" s="208">
        <v>0</v>
      </c>
      <c r="BI18" s="205">
        <v>0</v>
      </c>
      <c r="BJ18" s="203">
        <v>70</v>
      </c>
      <c r="BK18" s="203">
        <v>211</v>
      </c>
      <c r="BL18" s="203">
        <v>70</v>
      </c>
      <c r="BM18" s="203">
        <v>9</v>
      </c>
      <c r="BN18" s="203">
        <v>6</v>
      </c>
      <c r="BO18" s="208">
        <v>366</v>
      </c>
      <c r="BP18" s="207">
        <v>366</v>
      </c>
      <c r="BQ18" s="202">
        <v>0</v>
      </c>
      <c r="BR18" s="203">
        <v>28</v>
      </c>
      <c r="BS18" s="208">
        <v>28</v>
      </c>
      <c r="BT18" s="205">
        <v>0</v>
      </c>
      <c r="BU18" s="203">
        <v>6</v>
      </c>
      <c r="BV18" s="203">
        <v>9</v>
      </c>
      <c r="BW18" s="203">
        <v>11</v>
      </c>
      <c r="BX18" s="203">
        <v>19</v>
      </c>
      <c r="BY18" s="203">
        <v>7</v>
      </c>
      <c r="BZ18" s="208">
        <v>52</v>
      </c>
      <c r="CA18" s="207">
        <v>80</v>
      </c>
      <c r="CB18" s="202">
        <v>0</v>
      </c>
      <c r="CC18" s="203">
        <v>0</v>
      </c>
      <c r="CD18" s="208">
        <v>0</v>
      </c>
      <c r="CE18" s="205">
        <v>0</v>
      </c>
      <c r="CF18" s="203">
        <v>0</v>
      </c>
      <c r="CG18" s="203">
        <v>2</v>
      </c>
      <c r="CH18" s="203">
        <v>8</v>
      </c>
      <c r="CI18" s="203">
        <v>0</v>
      </c>
      <c r="CJ18" s="203">
        <v>0</v>
      </c>
      <c r="CK18" s="208">
        <v>10</v>
      </c>
      <c r="CL18" s="207">
        <v>10</v>
      </c>
      <c r="CM18" s="202">
        <v>0</v>
      </c>
      <c r="CN18" s="203">
        <v>0</v>
      </c>
      <c r="CO18" s="208">
        <v>0</v>
      </c>
      <c r="CP18" s="205">
        <v>0</v>
      </c>
      <c r="CQ18" s="203">
        <v>0</v>
      </c>
      <c r="CR18" s="203">
        <v>0</v>
      </c>
      <c r="CS18" s="203">
        <v>0</v>
      </c>
      <c r="CT18" s="203">
        <v>0</v>
      </c>
      <c r="CU18" s="203">
        <v>0</v>
      </c>
      <c r="CV18" s="208">
        <v>0</v>
      </c>
      <c r="CW18" s="207">
        <v>0</v>
      </c>
      <c r="CX18" s="202">
        <v>0</v>
      </c>
      <c r="CY18" s="203">
        <v>0</v>
      </c>
      <c r="CZ18" s="208">
        <v>0</v>
      </c>
      <c r="DA18" s="205">
        <v>0</v>
      </c>
      <c r="DB18" s="203">
        <v>0</v>
      </c>
      <c r="DC18" s="203">
        <v>0</v>
      </c>
      <c r="DD18" s="203">
        <v>0</v>
      </c>
      <c r="DE18" s="203">
        <v>0</v>
      </c>
      <c r="DF18" s="203">
        <v>0</v>
      </c>
      <c r="DG18" s="208">
        <v>0</v>
      </c>
      <c r="DH18" s="207">
        <v>0</v>
      </c>
    </row>
    <row r="19" spans="2:112" ht="21" customHeight="1" x14ac:dyDescent="0.2">
      <c r="B19" s="173" t="s">
        <v>17</v>
      </c>
      <c r="C19" s="202">
        <v>0</v>
      </c>
      <c r="D19" s="203">
        <v>0</v>
      </c>
      <c r="E19" s="204">
        <v>0</v>
      </c>
      <c r="F19" s="205">
        <v>0</v>
      </c>
      <c r="G19" s="203">
        <v>148</v>
      </c>
      <c r="H19" s="203">
        <v>196</v>
      </c>
      <c r="I19" s="203">
        <v>330</v>
      </c>
      <c r="J19" s="203">
        <v>28</v>
      </c>
      <c r="K19" s="203">
        <v>578</v>
      </c>
      <c r="L19" s="206">
        <v>1280</v>
      </c>
      <c r="M19" s="207">
        <v>1280</v>
      </c>
      <c r="N19" s="202">
        <v>0</v>
      </c>
      <c r="O19" s="203">
        <v>0</v>
      </c>
      <c r="P19" s="208">
        <v>0</v>
      </c>
      <c r="Q19" s="205">
        <v>0</v>
      </c>
      <c r="R19" s="203">
        <v>0</v>
      </c>
      <c r="S19" s="203">
        <v>5</v>
      </c>
      <c r="T19" s="203">
        <v>4</v>
      </c>
      <c r="U19" s="203">
        <v>4</v>
      </c>
      <c r="V19" s="203">
        <v>11</v>
      </c>
      <c r="W19" s="208">
        <v>24</v>
      </c>
      <c r="X19" s="207">
        <v>24</v>
      </c>
      <c r="Y19" s="202">
        <v>0</v>
      </c>
      <c r="Z19" s="203">
        <v>20</v>
      </c>
      <c r="AA19" s="208">
        <v>20</v>
      </c>
      <c r="AB19" s="205">
        <v>0</v>
      </c>
      <c r="AC19" s="203">
        <v>86</v>
      </c>
      <c r="AD19" s="203">
        <v>138</v>
      </c>
      <c r="AE19" s="203">
        <v>104</v>
      </c>
      <c r="AF19" s="203">
        <v>18</v>
      </c>
      <c r="AG19" s="203">
        <v>12</v>
      </c>
      <c r="AH19" s="208">
        <v>358</v>
      </c>
      <c r="AI19" s="207">
        <v>378</v>
      </c>
      <c r="AJ19" s="202">
        <v>0</v>
      </c>
      <c r="AK19" s="203">
        <v>3</v>
      </c>
      <c r="AL19" s="208">
        <v>3</v>
      </c>
      <c r="AM19" s="205">
        <v>0</v>
      </c>
      <c r="AN19" s="203">
        <v>6</v>
      </c>
      <c r="AO19" s="203">
        <v>12</v>
      </c>
      <c r="AP19" s="203">
        <v>39</v>
      </c>
      <c r="AQ19" s="203">
        <v>0</v>
      </c>
      <c r="AR19" s="203">
        <v>0</v>
      </c>
      <c r="AS19" s="208">
        <v>57</v>
      </c>
      <c r="AT19" s="207">
        <v>60</v>
      </c>
      <c r="AU19" s="202">
        <v>0</v>
      </c>
      <c r="AV19" s="203">
        <v>0</v>
      </c>
      <c r="AW19" s="208">
        <v>0</v>
      </c>
      <c r="AX19" s="205">
        <v>0</v>
      </c>
      <c r="AY19" s="203">
        <v>144</v>
      </c>
      <c r="AZ19" s="203">
        <v>263</v>
      </c>
      <c r="BA19" s="203">
        <v>129</v>
      </c>
      <c r="BB19" s="203">
        <v>24</v>
      </c>
      <c r="BC19" s="203">
        <v>77</v>
      </c>
      <c r="BD19" s="206">
        <v>637</v>
      </c>
      <c r="BE19" s="207">
        <v>637</v>
      </c>
      <c r="BF19" s="202">
        <v>0</v>
      </c>
      <c r="BG19" s="203">
        <v>0</v>
      </c>
      <c r="BH19" s="208">
        <v>0</v>
      </c>
      <c r="BI19" s="205">
        <v>0</v>
      </c>
      <c r="BJ19" s="203">
        <v>21</v>
      </c>
      <c r="BK19" s="203">
        <v>97</v>
      </c>
      <c r="BL19" s="203">
        <v>31</v>
      </c>
      <c r="BM19" s="203">
        <v>8</v>
      </c>
      <c r="BN19" s="203">
        <v>8</v>
      </c>
      <c r="BO19" s="208">
        <v>165</v>
      </c>
      <c r="BP19" s="207">
        <v>165</v>
      </c>
      <c r="BQ19" s="202">
        <v>0</v>
      </c>
      <c r="BR19" s="203">
        <v>0</v>
      </c>
      <c r="BS19" s="208">
        <v>0</v>
      </c>
      <c r="BT19" s="205">
        <v>0</v>
      </c>
      <c r="BU19" s="203">
        <v>32</v>
      </c>
      <c r="BV19" s="203">
        <v>78</v>
      </c>
      <c r="BW19" s="203">
        <v>98</v>
      </c>
      <c r="BX19" s="203">
        <v>117</v>
      </c>
      <c r="BY19" s="203">
        <v>28</v>
      </c>
      <c r="BZ19" s="208">
        <v>353</v>
      </c>
      <c r="CA19" s="207">
        <v>353</v>
      </c>
      <c r="CB19" s="202">
        <v>0</v>
      </c>
      <c r="CC19" s="203">
        <v>0</v>
      </c>
      <c r="CD19" s="208">
        <v>0</v>
      </c>
      <c r="CE19" s="205">
        <v>0</v>
      </c>
      <c r="CF19" s="203">
        <v>0</v>
      </c>
      <c r="CG19" s="203">
        <v>2</v>
      </c>
      <c r="CH19" s="203">
        <v>9</v>
      </c>
      <c r="CI19" s="203">
        <v>0</v>
      </c>
      <c r="CJ19" s="203">
        <v>2</v>
      </c>
      <c r="CK19" s="208">
        <v>13</v>
      </c>
      <c r="CL19" s="207">
        <v>13</v>
      </c>
      <c r="CM19" s="202">
        <v>0</v>
      </c>
      <c r="CN19" s="203">
        <v>0</v>
      </c>
      <c r="CO19" s="208">
        <v>0</v>
      </c>
      <c r="CP19" s="205">
        <v>0</v>
      </c>
      <c r="CQ19" s="203">
        <v>0</v>
      </c>
      <c r="CR19" s="203">
        <v>0</v>
      </c>
      <c r="CS19" s="203">
        <v>0</v>
      </c>
      <c r="CT19" s="203">
        <v>0</v>
      </c>
      <c r="CU19" s="203">
        <v>0</v>
      </c>
      <c r="CV19" s="208">
        <v>0</v>
      </c>
      <c r="CW19" s="207">
        <v>0</v>
      </c>
      <c r="CX19" s="202">
        <v>0</v>
      </c>
      <c r="CY19" s="203">
        <v>0</v>
      </c>
      <c r="CZ19" s="208">
        <v>0</v>
      </c>
      <c r="DA19" s="205">
        <v>0</v>
      </c>
      <c r="DB19" s="203">
        <v>0</v>
      </c>
      <c r="DC19" s="203">
        <v>0</v>
      </c>
      <c r="DD19" s="203">
        <v>0</v>
      </c>
      <c r="DE19" s="203">
        <v>0</v>
      </c>
      <c r="DF19" s="203">
        <v>0</v>
      </c>
      <c r="DG19" s="208">
        <v>0</v>
      </c>
      <c r="DH19" s="207">
        <v>0</v>
      </c>
    </row>
    <row r="20" spans="2:112" ht="21" customHeight="1" x14ac:dyDescent="0.2">
      <c r="B20" s="173" t="s">
        <v>18</v>
      </c>
      <c r="C20" s="202">
        <v>0</v>
      </c>
      <c r="D20" s="203">
        <v>0</v>
      </c>
      <c r="E20" s="204">
        <v>0</v>
      </c>
      <c r="F20" s="205">
        <v>0</v>
      </c>
      <c r="G20" s="203">
        <v>334</v>
      </c>
      <c r="H20" s="203">
        <v>469</v>
      </c>
      <c r="I20" s="203">
        <v>490</v>
      </c>
      <c r="J20" s="203">
        <v>568</v>
      </c>
      <c r="K20" s="203">
        <v>223</v>
      </c>
      <c r="L20" s="206">
        <v>2084</v>
      </c>
      <c r="M20" s="207">
        <v>2084</v>
      </c>
      <c r="N20" s="202">
        <v>0</v>
      </c>
      <c r="O20" s="203">
        <v>0</v>
      </c>
      <c r="P20" s="208">
        <v>0</v>
      </c>
      <c r="Q20" s="205">
        <v>0</v>
      </c>
      <c r="R20" s="203">
        <v>13</v>
      </c>
      <c r="S20" s="203">
        <v>0</v>
      </c>
      <c r="T20" s="203">
        <v>0</v>
      </c>
      <c r="U20" s="203">
        <v>0</v>
      </c>
      <c r="V20" s="203">
        <v>11</v>
      </c>
      <c r="W20" s="208">
        <v>24</v>
      </c>
      <c r="X20" s="207">
        <v>24</v>
      </c>
      <c r="Y20" s="202">
        <v>24</v>
      </c>
      <c r="Z20" s="203">
        <v>41</v>
      </c>
      <c r="AA20" s="208">
        <v>65</v>
      </c>
      <c r="AB20" s="205">
        <v>0</v>
      </c>
      <c r="AC20" s="203">
        <v>137</v>
      </c>
      <c r="AD20" s="203">
        <v>232</v>
      </c>
      <c r="AE20" s="203">
        <v>162</v>
      </c>
      <c r="AF20" s="203">
        <v>59</v>
      </c>
      <c r="AG20" s="203">
        <v>61</v>
      </c>
      <c r="AH20" s="208">
        <v>651</v>
      </c>
      <c r="AI20" s="207">
        <v>716</v>
      </c>
      <c r="AJ20" s="202">
        <v>0</v>
      </c>
      <c r="AK20" s="203">
        <v>24</v>
      </c>
      <c r="AL20" s="208">
        <v>24</v>
      </c>
      <c r="AM20" s="205">
        <v>0</v>
      </c>
      <c r="AN20" s="203">
        <v>49</v>
      </c>
      <c r="AO20" s="203">
        <v>42</v>
      </c>
      <c r="AP20" s="203">
        <v>47</v>
      </c>
      <c r="AQ20" s="203">
        <v>51</v>
      </c>
      <c r="AR20" s="203">
        <v>0</v>
      </c>
      <c r="AS20" s="208">
        <v>189</v>
      </c>
      <c r="AT20" s="207">
        <v>213</v>
      </c>
      <c r="AU20" s="202">
        <v>0</v>
      </c>
      <c r="AV20" s="203">
        <v>0</v>
      </c>
      <c r="AW20" s="208">
        <v>0</v>
      </c>
      <c r="AX20" s="205">
        <v>0</v>
      </c>
      <c r="AY20" s="203">
        <v>408</v>
      </c>
      <c r="AZ20" s="203">
        <v>277</v>
      </c>
      <c r="BA20" s="203">
        <v>218</v>
      </c>
      <c r="BB20" s="203">
        <v>66</v>
      </c>
      <c r="BC20" s="203">
        <v>18</v>
      </c>
      <c r="BD20" s="206">
        <v>987</v>
      </c>
      <c r="BE20" s="207">
        <v>987</v>
      </c>
      <c r="BF20" s="202">
        <v>0</v>
      </c>
      <c r="BG20" s="203">
        <v>0</v>
      </c>
      <c r="BH20" s="208">
        <v>0</v>
      </c>
      <c r="BI20" s="205">
        <v>0</v>
      </c>
      <c r="BJ20" s="203">
        <v>84</v>
      </c>
      <c r="BK20" s="203">
        <v>85</v>
      </c>
      <c r="BL20" s="203">
        <v>63</v>
      </c>
      <c r="BM20" s="203">
        <v>16</v>
      </c>
      <c r="BN20" s="203">
        <v>0</v>
      </c>
      <c r="BO20" s="208">
        <v>248</v>
      </c>
      <c r="BP20" s="207">
        <v>248</v>
      </c>
      <c r="BQ20" s="202">
        <v>0</v>
      </c>
      <c r="BR20" s="203">
        <v>3</v>
      </c>
      <c r="BS20" s="208">
        <v>3</v>
      </c>
      <c r="BT20" s="205">
        <v>0</v>
      </c>
      <c r="BU20" s="203">
        <v>20</v>
      </c>
      <c r="BV20" s="203">
        <v>107</v>
      </c>
      <c r="BW20" s="203">
        <v>120</v>
      </c>
      <c r="BX20" s="203">
        <v>108</v>
      </c>
      <c r="BY20" s="203">
        <v>4</v>
      </c>
      <c r="BZ20" s="208">
        <v>359</v>
      </c>
      <c r="CA20" s="207">
        <v>362</v>
      </c>
      <c r="CB20" s="202">
        <v>0</v>
      </c>
      <c r="CC20" s="203">
        <v>0</v>
      </c>
      <c r="CD20" s="208">
        <v>0</v>
      </c>
      <c r="CE20" s="205">
        <v>0</v>
      </c>
      <c r="CF20" s="203">
        <v>0</v>
      </c>
      <c r="CG20" s="203">
        <v>0</v>
      </c>
      <c r="CH20" s="203">
        <v>0</v>
      </c>
      <c r="CI20" s="203">
        <v>0</v>
      </c>
      <c r="CJ20" s="203">
        <v>0</v>
      </c>
      <c r="CK20" s="208">
        <v>0</v>
      </c>
      <c r="CL20" s="207">
        <v>0</v>
      </c>
      <c r="CM20" s="202">
        <v>0</v>
      </c>
      <c r="CN20" s="203">
        <v>0</v>
      </c>
      <c r="CO20" s="208">
        <v>0</v>
      </c>
      <c r="CP20" s="205">
        <v>0</v>
      </c>
      <c r="CQ20" s="203">
        <v>0</v>
      </c>
      <c r="CR20" s="203">
        <v>0</v>
      </c>
      <c r="CS20" s="203">
        <v>0</v>
      </c>
      <c r="CT20" s="203">
        <v>0</v>
      </c>
      <c r="CU20" s="203">
        <v>0</v>
      </c>
      <c r="CV20" s="208">
        <v>0</v>
      </c>
      <c r="CW20" s="207">
        <v>0</v>
      </c>
      <c r="CX20" s="202">
        <v>0</v>
      </c>
      <c r="CY20" s="203">
        <v>0</v>
      </c>
      <c r="CZ20" s="208">
        <v>0</v>
      </c>
      <c r="DA20" s="205">
        <v>0</v>
      </c>
      <c r="DB20" s="203">
        <v>0</v>
      </c>
      <c r="DC20" s="203">
        <v>0</v>
      </c>
      <c r="DD20" s="203">
        <v>0</v>
      </c>
      <c r="DE20" s="203">
        <v>0</v>
      </c>
      <c r="DF20" s="203">
        <v>0</v>
      </c>
      <c r="DG20" s="208">
        <v>0</v>
      </c>
      <c r="DH20" s="207">
        <v>0</v>
      </c>
    </row>
    <row r="21" spans="2:112" ht="21" customHeight="1" x14ac:dyDescent="0.2">
      <c r="B21" s="173" t="s">
        <v>19</v>
      </c>
      <c r="C21" s="202">
        <v>0</v>
      </c>
      <c r="D21" s="203">
        <v>0</v>
      </c>
      <c r="E21" s="204">
        <v>0</v>
      </c>
      <c r="F21" s="205">
        <v>0</v>
      </c>
      <c r="G21" s="203">
        <v>87</v>
      </c>
      <c r="H21" s="203">
        <v>97</v>
      </c>
      <c r="I21" s="203">
        <v>279</v>
      </c>
      <c r="J21" s="203">
        <v>163</v>
      </c>
      <c r="K21" s="203">
        <v>253</v>
      </c>
      <c r="L21" s="206">
        <v>879</v>
      </c>
      <c r="M21" s="207">
        <v>879</v>
      </c>
      <c r="N21" s="202">
        <v>0</v>
      </c>
      <c r="O21" s="203">
        <v>0</v>
      </c>
      <c r="P21" s="208">
        <v>0</v>
      </c>
      <c r="Q21" s="205">
        <v>0</v>
      </c>
      <c r="R21" s="203">
        <v>1</v>
      </c>
      <c r="S21" s="203">
        <v>0</v>
      </c>
      <c r="T21" s="203">
        <v>4</v>
      </c>
      <c r="U21" s="203">
        <v>9</v>
      </c>
      <c r="V21" s="203">
        <v>16</v>
      </c>
      <c r="W21" s="208">
        <v>30</v>
      </c>
      <c r="X21" s="207">
        <v>30</v>
      </c>
      <c r="Y21" s="202">
        <v>0</v>
      </c>
      <c r="Z21" s="203">
        <v>12</v>
      </c>
      <c r="AA21" s="208">
        <v>12</v>
      </c>
      <c r="AB21" s="205">
        <v>0</v>
      </c>
      <c r="AC21" s="203">
        <v>101</v>
      </c>
      <c r="AD21" s="203">
        <v>54</v>
      </c>
      <c r="AE21" s="203">
        <v>100</v>
      </c>
      <c r="AF21" s="203">
        <v>43</v>
      </c>
      <c r="AG21" s="203">
        <v>39</v>
      </c>
      <c r="AH21" s="208">
        <v>337</v>
      </c>
      <c r="AI21" s="207">
        <v>349</v>
      </c>
      <c r="AJ21" s="202">
        <v>0</v>
      </c>
      <c r="AK21" s="203">
        <v>0</v>
      </c>
      <c r="AL21" s="208">
        <v>0</v>
      </c>
      <c r="AM21" s="205">
        <v>0</v>
      </c>
      <c r="AN21" s="203">
        <v>9</v>
      </c>
      <c r="AO21" s="203">
        <v>9</v>
      </c>
      <c r="AP21" s="203">
        <v>0</v>
      </c>
      <c r="AQ21" s="203">
        <v>0</v>
      </c>
      <c r="AR21" s="203">
        <v>0</v>
      </c>
      <c r="AS21" s="208">
        <v>18</v>
      </c>
      <c r="AT21" s="207">
        <v>18</v>
      </c>
      <c r="AU21" s="202">
        <v>0</v>
      </c>
      <c r="AV21" s="203">
        <v>0</v>
      </c>
      <c r="AW21" s="208">
        <v>0</v>
      </c>
      <c r="AX21" s="205">
        <v>0</v>
      </c>
      <c r="AY21" s="203">
        <v>154</v>
      </c>
      <c r="AZ21" s="203">
        <v>118</v>
      </c>
      <c r="BA21" s="203">
        <v>43</v>
      </c>
      <c r="BB21" s="203">
        <v>9</v>
      </c>
      <c r="BC21" s="203">
        <v>3</v>
      </c>
      <c r="BD21" s="206">
        <v>327</v>
      </c>
      <c r="BE21" s="207">
        <v>327</v>
      </c>
      <c r="BF21" s="202">
        <v>0</v>
      </c>
      <c r="BG21" s="203">
        <v>0</v>
      </c>
      <c r="BH21" s="208">
        <v>0</v>
      </c>
      <c r="BI21" s="205">
        <v>0</v>
      </c>
      <c r="BJ21" s="203">
        <v>53</v>
      </c>
      <c r="BK21" s="203">
        <v>45</v>
      </c>
      <c r="BL21" s="203">
        <v>24</v>
      </c>
      <c r="BM21" s="203">
        <v>11</v>
      </c>
      <c r="BN21" s="203">
        <v>0</v>
      </c>
      <c r="BO21" s="208">
        <v>133</v>
      </c>
      <c r="BP21" s="207">
        <v>133</v>
      </c>
      <c r="BQ21" s="202">
        <v>0</v>
      </c>
      <c r="BR21" s="203">
        <v>0</v>
      </c>
      <c r="BS21" s="208">
        <v>0</v>
      </c>
      <c r="BT21" s="205">
        <v>0</v>
      </c>
      <c r="BU21" s="203">
        <v>0</v>
      </c>
      <c r="BV21" s="203">
        <v>6</v>
      </c>
      <c r="BW21" s="203">
        <v>11</v>
      </c>
      <c r="BX21" s="203">
        <v>5</v>
      </c>
      <c r="BY21" s="203">
        <v>0</v>
      </c>
      <c r="BZ21" s="208">
        <v>22</v>
      </c>
      <c r="CA21" s="207">
        <v>22</v>
      </c>
      <c r="CB21" s="202">
        <v>0</v>
      </c>
      <c r="CC21" s="203">
        <v>0</v>
      </c>
      <c r="CD21" s="208">
        <v>0</v>
      </c>
      <c r="CE21" s="205">
        <v>0</v>
      </c>
      <c r="CF21" s="203">
        <v>0</v>
      </c>
      <c r="CG21" s="203">
        <v>0</v>
      </c>
      <c r="CH21" s="203">
        <v>14</v>
      </c>
      <c r="CI21" s="203">
        <v>0</v>
      </c>
      <c r="CJ21" s="203">
        <v>0</v>
      </c>
      <c r="CK21" s="208">
        <v>14</v>
      </c>
      <c r="CL21" s="207">
        <v>14</v>
      </c>
      <c r="CM21" s="202">
        <v>0</v>
      </c>
      <c r="CN21" s="203">
        <v>0</v>
      </c>
      <c r="CO21" s="208">
        <v>0</v>
      </c>
      <c r="CP21" s="205">
        <v>0</v>
      </c>
      <c r="CQ21" s="203">
        <v>0</v>
      </c>
      <c r="CR21" s="203">
        <v>0</v>
      </c>
      <c r="CS21" s="203">
        <v>0</v>
      </c>
      <c r="CT21" s="203">
        <v>0</v>
      </c>
      <c r="CU21" s="203">
        <v>0</v>
      </c>
      <c r="CV21" s="208">
        <v>0</v>
      </c>
      <c r="CW21" s="207">
        <v>0</v>
      </c>
      <c r="CX21" s="202">
        <v>0</v>
      </c>
      <c r="CY21" s="203">
        <v>0</v>
      </c>
      <c r="CZ21" s="208">
        <v>0</v>
      </c>
      <c r="DA21" s="205">
        <v>0</v>
      </c>
      <c r="DB21" s="203">
        <v>0</v>
      </c>
      <c r="DC21" s="203">
        <v>0</v>
      </c>
      <c r="DD21" s="203">
        <v>0</v>
      </c>
      <c r="DE21" s="203">
        <v>0</v>
      </c>
      <c r="DF21" s="203">
        <v>0</v>
      </c>
      <c r="DG21" s="208">
        <v>0</v>
      </c>
      <c r="DH21" s="207">
        <v>0</v>
      </c>
    </row>
    <row r="22" spans="2:112" ht="21" customHeight="1" x14ac:dyDescent="0.2">
      <c r="B22" s="173" t="s">
        <v>20</v>
      </c>
      <c r="C22" s="202">
        <v>0</v>
      </c>
      <c r="D22" s="203">
        <v>0</v>
      </c>
      <c r="E22" s="204">
        <v>0</v>
      </c>
      <c r="F22" s="205">
        <v>0</v>
      </c>
      <c r="G22" s="203">
        <v>382</v>
      </c>
      <c r="H22" s="203">
        <v>304</v>
      </c>
      <c r="I22" s="203">
        <v>198</v>
      </c>
      <c r="J22" s="203">
        <v>113</v>
      </c>
      <c r="K22" s="203">
        <v>316</v>
      </c>
      <c r="L22" s="206">
        <v>1313</v>
      </c>
      <c r="M22" s="207">
        <v>1313</v>
      </c>
      <c r="N22" s="202">
        <v>0</v>
      </c>
      <c r="O22" s="203">
        <v>0</v>
      </c>
      <c r="P22" s="208">
        <v>0</v>
      </c>
      <c r="Q22" s="205">
        <v>0</v>
      </c>
      <c r="R22" s="203">
        <v>0</v>
      </c>
      <c r="S22" s="203">
        <v>0</v>
      </c>
      <c r="T22" s="203">
        <v>8</v>
      </c>
      <c r="U22" s="203">
        <v>2</v>
      </c>
      <c r="V22" s="203">
        <v>11</v>
      </c>
      <c r="W22" s="208">
        <v>21</v>
      </c>
      <c r="X22" s="207">
        <v>21</v>
      </c>
      <c r="Y22" s="202">
        <v>24</v>
      </c>
      <c r="Z22" s="203">
        <v>10</v>
      </c>
      <c r="AA22" s="208">
        <v>34</v>
      </c>
      <c r="AB22" s="205">
        <v>0</v>
      </c>
      <c r="AC22" s="203">
        <v>170</v>
      </c>
      <c r="AD22" s="203">
        <v>139</v>
      </c>
      <c r="AE22" s="203">
        <v>103</v>
      </c>
      <c r="AF22" s="203">
        <v>80</v>
      </c>
      <c r="AG22" s="203">
        <v>34</v>
      </c>
      <c r="AH22" s="208">
        <v>526</v>
      </c>
      <c r="AI22" s="207">
        <v>560</v>
      </c>
      <c r="AJ22" s="202">
        <v>20</v>
      </c>
      <c r="AK22" s="203">
        <v>24</v>
      </c>
      <c r="AL22" s="208">
        <v>44</v>
      </c>
      <c r="AM22" s="205">
        <v>0</v>
      </c>
      <c r="AN22" s="203">
        <v>28</v>
      </c>
      <c r="AO22" s="203">
        <v>63</v>
      </c>
      <c r="AP22" s="203">
        <v>75</v>
      </c>
      <c r="AQ22" s="203">
        <v>18</v>
      </c>
      <c r="AR22" s="203">
        <v>36</v>
      </c>
      <c r="AS22" s="208">
        <v>220</v>
      </c>
      <c r="AT22" s="207">
        <v>264</v>
      </c>
      <c r="AU22" s="202">
        <v>0</v>
      </c>
      <c r="AV22" s="203">
        <v>0</v>
      </c>
      <c r="AW22" s="208">
        <v>0</v>
      </c>
      <c r="AX22" s="205">
        <v>0</v>
      </c>
      <c r="AY22" s="203">
        <v>242</v>
      </c>
      <c r="AZ22" s="203">
        <v>143</v>
      </c>
      <c r="BA22" s="203">
        <v>89</v>
      </c>
      <c r="BB22" s="203">
        <v>43</v>
      </c>
      <c r="BC22" s="203">
        <v>32</v>
      </c>
      <c r="BD22" s="206">
        <v>549</v>
      </c>
      <c r="BE22" s="207">
        <v>549</v>
      </c>
      <c r="BF22" s="202">
        <v>0</v>
      </c>
      <c r="BG22" s="203">
        <v>0</v>
      </c>
      <c r="BH22" s="208">
        <v>0</v>
      </c>
      <c r="BI22" s="205">
        <v>0</v>
      </c>
      <c r="BJ22" s="203">
        <v>68</v>
      </c>
      <c r="BK22" s="203">
        <v>79</v>
      </c>
      <c r="BL22" s="203">
        <v>36</v>
      </c>
      <c r="BM22" s="203">
        <v>14</v>
      </c>
      <c r="BN22" s="203">
        <v>7</v>
      </c>
      <c r="BO22" s="208">
        <v>204</v>
      </c>
      <c r="BP22" s="207">
        <v>204</v>
      </c>
      <c r="BQ22" s="202">
        <v>0</v>
      </c>
      <c r="BR22" s="203">
        <v>0</v>
      </c>
      <c r="BS22" s="208">
        <v>0</v>
      </c>
      <c r="BT22" s="205">
        <v>0</v>
      </c>
      <c r="BU22" s="203">
        <v>15</v>
      </c>
      <c r="BV22" s="203">
        <v>3</v>
      </c>
      <c r="BW22" s="203">
        <v>16</v>
      </c>
      <c r="BX22" s="203">
        <v>114</v>
      </c>
      <c r="BY22" s="203">
        <v>33</v>
      </c>
      <c r="BZ22" s="208">
        <v>181</v>
      </c>
      <c r="CA22" s="207">
        <v>181</v>
      </c>
      <c r="CB22" s="202">
        <v>0</v>
      </c>
      <c r="CC22" s="203">
        <v>0</v>
      </c>
      <c r="CD22" s="208">
        <v>0</v>
      </c>
      <c r="CE22" s="205">
        <v>0</v>
      </c>
      <c r="CF22" s="203">
        <v>0</v>
      </c>
      <c r="CG22" s="203">
        <v>0</v>
      </c>
      <c r="CH22" s="203">
        <v>8</v>
      </c>
      <c r="CI22" s="203">
        <v>13</v>
      </c>
      <c r="CJ22" s="203">
        <v>0</v>
      </c>
      <c r="CK22" s="208">
        <v>21</v>
      </c>
      <c r="CL22" s="207">
        <v>21</v>
      </c>
      <c r="CM22" s="202">
        <v>0</v>
      </c>
      <c r="CN22" s="203">
        <v>0</v>
      </c>
      <c r="CO22" s="208">
        <v>0</v>
      </c>
      <c r="CP22" s="205">
        <v>0</v>
      </c>
      <c r="CQ22" s="203">
        <v>0</v>
      </c>
      <c r="CR22" s="203">
        <v>0</v>
      </c>
      <c r="CS22" s="203">
        <v>0</v>
      </c>
      <c r="CT22" s="203">
        <v>0</v>
      </c>
      <c r="CU22" s="203">
        <v>0</v>
      </c>
      <c r="CV22" s="208">
        <v>0</v>
      </c>
      <c r="CW22" s="207">
        <v>0</v>
      </c>
      <c r="CX22" s="202">
        <v>0</v>
      </c>
      <c r="CY22" s="203">
        <v>0</v>
      </c>
      <c r="CZ22" s="208">
        <v>0</v>
      </c>
      <c r="DA22" s="205">
        <v>0</v>
      </c>
      <c r="DB22" s="203">
        <v>0</v>
      </c>
      <c r="DC22" s="203">
        <v>0</v>
      </c>
      <c r="DD22" s="203">
        <v>0</v>
      </c>
      <c r="DE22" s="203">
        <v>0</v>
      </c>
      <c r="DF22" s="203">
        <v>0</v>
      </c>
      <c r="DG22" s="208">
        <v>0</v>
      </c>
      <c r="DH22" s="207">
        <v>0</v>
      </c>
    </row>
    <row r="23" spans="2:112" ht="21" customHeight="1" x14ac:dyDescent="0.2">
      <c r="B23" s="173" t="s">
        <v>21</v>
      </c>
      <c r="C23" s="202">
        <v>0</v>
      </c>
      <c r="D23" s="203">
        <v>0</v>
      </c>
      <c r="E23" s="204">
        <v>0</v>
      </c>
      <c r="F23" s="205">
        <v>0</v>
      </c>
      <c r="G23" s="203">
        <v>174</v>
      </c>
      <c r="H23" s="203">
        <v>128</v>
      </c>
      <c r="I23" s="203">
        <v>206</v>
      </c>
      <c r="J23" s="203">
        <v>197</v>
      </c>
      <c r="K23" s="203">
        <v>354</v>
      </c>
      <c r="L23" s="206">
        <v>1059</v>
      </c>
      <c r="M23" s="207">
        <v>1059</v>
      </c>
      <c r="N23" s="202">
        <v>0</v>
      </c>
      <c r="O23" s="203">
        <v>0</v>
      </c>
      <c r="P23" s="208">
        <v>0</v>
      </c>
      <c r="Q23" s="205">
        <v>0</v>
      </c>
      <c r="R23" s="203">
        <v>4</v>
      </c>
      <c r="S23" s="203">
        <v>0</v>
      </c>
      <c r="T23" s="203">
        <v>0</v>
      </c>
      <c r="U23" s="203">
        <v>8</v>
      </c>
      <c r="V23" s="203">
        <v>21</v>
      </c>
      <c r="W23" s="208">
        <v>33</v>
      </c>
      <c r="X23" s="207">
        <v>33</v>
      </c>
      <c r="Y23" s="202">
        <v>25</v>
      </c>
      <c r="Z23" s="203">
        <v>15</v>
      </c>
      <c r="AA23" s="208">
        <v>40</v>
      </c>
      <c r="AB23" s="205">
        <v>0</v>
      </c>
      <c r="AC23" s="203">
        <v>103</v>
      </c>
      <c r="AD23" s="203">
        <v>172</v>
      </c>
      <c r="AE23" s="203">
        <v>96</v>
      </c>
      <c r="AF23" s="203">
        <v>114</v>
      </c>
      <c r="AG23" s="203">
        <v>17</v>
      </c>
      <c r="AH23" s="208">
        <v>502</v>
      </c>
      <c r="AI23" s="207">
        <v>542</v>
      </c>
      <c r="AJ23" s="202">
        <v>14</v>
      </c>
      <c r="AK23" s="203">
        <v>6</v>
      </c>
      <c r="AL23" s="208">
        <v>20</v>
      </c>
      <c r="AM23" s="205">
        <v>0</v>
      </c>
      <c r="AN23" s="203">
        <v>18</v>
      </c>
      <c r="AO23" s="203">
        <v>32</v>
      </c>
      <c r="AP23" s="203">
        <v>0</v>
      </c>
      <c r="AQ23" s="203">
        <v>18</v>
      </c>
      <c r="AR23" s="203">
        <v>26</v>
      </c>
      <c r="AS23" s="208">
        <v>94</v>
      </c>
      <c r="AT23" s="207">
        <v>114</v>
      </c>
      <c r="AU23" s="202">
        <v>0</v>
      </c>
      <c r="AV23" s="203">
        <v>0</v>
      </c>
      <c r="AW23" s="208">
        <v>0</v>
      </c>
      <c r="AX23" s="205">
        <v>0</v>
      </c>
      <c r="AY23" s="203">
        <v>145</v>
      </c>
      <c r="AZ23" s="203">
        <v>121</v>
      </c>
      <c r="BA23" s="203">
        <v>72</v>
      </c>
      <c r="BB23" s="203">
        <v>31</v>
      </c>
      <c r="BC23" s="203">
        <v>4</v>
      </c>
      <c r="BD23" s="206">
        <v>373</v>
      </c>
      <c r="BE23" s="207">
        <v>373</v>
      </c>
      <c r="BF23" s="202">
        <v>0</v>
      </c>
      <c r="BG23" s="203">
        <v>0</v>
      </c>
      <c r="BH23" s="208">
        <v>0</v>
      </c>
      <c r="BI23" s="205">
        <v>0</v>
      </c>
      <c r="BJ23" s="203">
        <v>58</v>
      </c>
      <c r="BK23" s="203">
        <v>44</v>
      </c>
      <c r="BL23" s="203">
        <v>22</v>
      </c>
      <c r="BM23" s="203">
        <v>0</v>
      </c>
      <c r="BN23" s="203">
        <v>4</v>
      </c>
      <c r="BO23" s="208">
        <v>128</v>
      </c>
      <c r="BP23" s="207">
        <v>128</v>
      </c>
      <c r="BQ23" s="202">
        <v>0</v>
      </c>
      <c r="BR23" s="203">
        <v>0</v>
      </c>
      <c r="BS23" s="208">
        <v>0</v>
      </c>
      <c r="BT23" s="205">
        <v>0</v>
      </c>
      <c r="BU23" s="203">
        <v>17</v>
      </c>
      <c r="BV23" s="203">
        <v>14</v>
      </c>
      <c r="BW23" s="203">
        <v>60</v>
      </c>
      <c r="BX23" s="203">
        <v>33</v>
      </c>
      <c r="BY23" s="203">
        <v>56</v>
      </c>
      <c r="BZ23" s="208">
        <v>180</v>
      </c>
      <c r="CA23" s="207">
        <v>180</v>
      </c>
      <c r="CB23" s="202">
        <v>0</v>
      </c>
      <c r="CC23" s="203">
        <v>0</v>
      </c>
      <c r="CD23" s="208">
        <v>0</v>
      </c>
      <c r="CE23" s="205">
        <v>0</v>
      </c>
      <c r="CF23" s="203">
        <v>0</v>
      </c>
      <c r="CG23" s="203">
        <v>0</v>
      </c>
      <c r="CH23" s="203">
        <v>2</v>
      </c>
      <c r="CI23" s="203">
        <v>0</v>
      </c>
      <c r="CJ23" s="203">
        <v>0</v>
      </c>
      <c r="CK23" s="208">
        <v>2</v>
      </c>
      <c r="CL23" s="207">
        <v>2</v>
      </c>
      <c r="CM23" s="202">
        <v>0</v>
      </c>
      <c r="CN23" s="203">
        <v>0</v>
      </c>
      <c r="CO23" s="208">
        <v>0</v>
      </c>
      <c r="CP23" s="205">
        <v>0</v>
      </c>
      <c r="CQ23" s="203">
        <v>0</v>
      </c>
      <c r="CR23" s="203">
        <v>0</v>
      </c>
      <c r="CS23" s="203">
        <v>0</v>
      </c>
      <c r="CT23" s="203">
        <v>0</v>
      </c>
      <c r="CU23" s="203">
        <v>0</v>
      </c>
      <c r="CV23" s="208">
        <v>0</v>
      </c>
      <c r="CW23" s="207">
        <v>0</v>
      </c>
      <c r="CX23" s="202">
        <v>0</v>
      </c>
      <c r="CY23" s="203">
        <v>0</v>
      </c>
      <c r="CZ23" s="208">
        <v>0</v>
      </c>
      <c r="DA23" s="205">
        <v>0</v>
      </c>
      <c r="DB23" s="203">
        <v>0</v>
      </c>
      <c r="DC23" s="203">
        <v>0</v>
      </c>
      <c r="DD23" s="203">
        <v>0</v>
      </c>
      <c r="DE23" s="203">
        <v>0</v>
      </c>
      <c r="DF23" s="203">
        <v>0</v>
      </c>
      <c r="DG23" s="208">
        <v>0</v>
      </c>
      <c r="DH23" s="207">
        <v>0</v>
      </c>
    </row>
    <row r="24" spans="2:112" ht="21" customHeight="1" x14ac:dyDescent="0.2">
      <c r="B24" s="173" t="s">
        <v>22</v>
      </c>
      <c r="C24" s="202">
        <v>0</v>
      </c>
      <c r="D24" s="203">
        <v>0</v>
      </c>
      <c r="E24" s="204">
        <v>0</v>
      </c>
      <c r="F24" s="205">
        <v>0</v>
      </c>
      <c r="G24" s="203">
        <v>112</v>
      </c>
      <c r="H24" s="203">
        <v>28</v>
      </c>
      <c r="I24" s="203">
        <v>96</v>
      </c>
      <c r="J24" s="203">
        <v>0</v>
      </c>
      <c r="K24" s="203">
        <v>37</v>
      </c>
      <c r="L24" s="206">
        <v>273</v>
      </c>
      <c r="M24" s="207">
        <v>273</v>
      </c>
      <c r="N24" s="202">
        <v>0</v>
      </c>
      <c r="O24" s="203">
        <v>0</v>
      </c>
      <c r="P24" s="208">
        <v>0</v>
      </c>
      <c r="Q24" s="205">
        <v>0</v>
      </c>
      <c r="R24" s="203">
        <v>0</v>
      </c>
      <c r="S24" s="203">
        <v>0</v>
      </c>
      <c r="T24" s="203">
        <v>0</v>
      </c>
      <c r="U24" s="203">
        <v>3</v>
      </c>
      <c r="V24" s="203">
        <v>0</v>
      </c>
      <c r="W24" s="208">
        <v>3</v>
      </c>
      <c r="X24" s="207">
        <v>3</v>
      </c>
      <c r="Y24" s="202">
        <v>0</v>
      </c>
      <c r="Z24" s="203">
        <v>12</v>
      </c>
      <c r="AA24" s="208">
        <v>12</v>
      </c>
      <c r="AB24" s="205">
        <v>0</v>
      </c>
      <c r="AC24" s="203">
        <v>16</v>
      </c>
      <c r="AD24" s="203">
        <v>23</v>
      </c>
      <c r="AE24" s="203">
        <v>20</v>
      </c>
      <c r="AF24" s="203">
        <v>4</v>
      </c>
      <c r="AG24" s="203">
        <v>15</v>
      </c>
      <c r="AH24" s="208">
        <v>78</v>
      </c>
      <c r="AI24" s="207">
        <v>90</v>
      </c>
      <c r="AJ24" s="202">
        <v>12</v>
      </c>
      <c r="AK24" s="203">
        <v>0</v>
      </c>
      <c r="AL24" s="208">
        <v>12</v>
      </c>
      <c r="AM24" s="205">
        <v>0</v>
      </c>
      <c r="AN24" s="203">
        <v>0</v>
      </c>
      <c r="AO24" s="203">
        <v>24</v>
      </c>
      <c r="AP24" s="203">
        <v>0</v>
      </c>
      <c r="AQ24" s="203">
        <v>0</v>
      </c>
      <c r="AR24" s="203">
        <v>0</v>
      </c>
      <c r="AS24" s="208">
        <v>24</v>
      </c>
      <c r="AT24" s="207">
        <v>36</v>
      </c>
      <c r="AU24" s="202">
        <v>0</v>
      </c>
      <c r="AV24" s="203">
        <v>0</v>
      </c>
      <c r="AW24" s="208">
        <v>0</v>
      </c>
      <c r="AX24" s="205">
        <v>0</v>
      </c>
      <c r="AY24" s="203">
        <v>92</v>
      </c>
      <c r="AZ24" s="203">
        <v>45</v>
      </c>
      <c r="BA24" s="203">
        <v>77</v>
      </c>
      <c r="BB24" s="203">
        <v>5</v>
      </c>
      <c r="BC24" s="203">
        <v>8</v>
      </c>
      <c r="BD24" s="206">
        <v>227</v>
      </c>
      <c r="BE24" s="207">
        <v>227</v>
      </c>
      <c r="BF24" s="202">
        <v>0</v>
      </c>
      <c r="BG24" s="203">
        <v>0</v>
      </c>
      <c r="BH24" s="208">
        <v>0</v>
      </c>
      <c r="BI24" s="205">
        <v>0</v>
      </c>
      <c r="BJ24" s="203">
        <v>35</v>
      </c>
      <c r="BK24" s="203">
        <v>0</v>
      </c>
      <c r="BL24" s="203">
        <v>10</v>
      </c>
      <c r="BM24" s="203">
        <v>9</v>
      </c>
      <c r="BN24" s="203">
        <v>8</v>
      </c>
      <c r="BO24" s="208">
        <v>62</v>
      </c>
      <c r="BP24" s="207">
        <v>62</v>
      </c>
      <c r="BQ24" s="202">
        <v>0</v>
      </c>
      <c r="BR24" s="203">
        <v>0</v>
      </c>
      <c r="BS24" s="208">
        <v>0</v>
      </c>
      <c r="BT24" s="205">
        <v>0</v>
      </c>
      <c r="BU24" s="203">
        <v>0</v>
      </c>
      <c r="BV24" s="203">
        <v>0</v>
      </c>
      <c r="BW24" s="203">
        <v>2</v>
      </c>
      <c r="BX24" s="203">
        <v>23</v>
      </c>
      <c r="BY24" s="203">
        <v>0</v>
      </c>
      <c r="BZ24" s="208">
        <v>25</v>
      </c>
      <c r="CA24" s="207">
        <v>25</v>
      </c>
      <c r="CB24" s="202">
        <v>0</v>
      </c>
      <c r="CC24" s="203">
        <v>0</v>
      </c>
      <c r="CD24" s="208">
        <v>0</v>
      </c>
      <c r="CE24" s="205">
        <v>0</v>
      </c>
      <c r="CF24" s="203">
        <v>3</v>
      </c>
      <c r="CG24" s="203">
        <v>0</v>
      </c>
      <c r="CH24" s="203">
        <v>3</v>
      </c>
      <c r="CI24" s="203">
        <v>0</v>
      </c>
      <c r="CJ24" s="203">
        <v>0</v>
      </c>
      <c r="CK24" s="208">
        <v>6</v>
      </c>
      <c r="CL24" s="207">
        <v>6</v>
      </c>
      <c r="CM24" s="202">
        <v>0</v>
      </c>
      <c r="CN24" s="203">
        <v>0</v>
      </c>
      <c r="CO24" s="208">
        <v>0</v>
      </c>
      <c r="CP24" s="205">
        <v>0</v>
      </c>
      <c r="CQ24" s="203">
        <v>0</v>
      </c>
      <c r="CR24" s="203">
        <v>0</v>
      </c>
      <c r="CS24" s="203">
        <v>0</v>
      </c>
      <c r="CT24" s="203">
        <v>0</v>
      </c>
      <c r="CU24" s="203">
        <v>0</v>
      </c>
      <c r="CV24" s="208">
        <v>0</v>
      </c>
      <c r="CW24" s="207">
        <v>0</v>
      </c>
      <c r="CX24" s="202">
        <v>0</v>
      </c>
      <c r="CY24" s="203">
        <v>0</v>
      </c>
      <c r="CZ24" s="208">
        <v>0</v>
      </c>
      <c r="DA24" s="205">
        <v>0</v>
      </c>
      <c r="DB24" s="203">
        <v>0</v>
      </c>
      <c r="DC24" s="203">
        <v>0</v>
      </c>
      <c r="DD24" s="203">
        <v>0</v>
      </c>
      <c r="DE24" s="203">
        <v>0</v>
      </c>
      <c r="DF24" s="203">
        <v>0</v>
      </c>
      <c r="DG24" s="208">
        <v>0</v>
      </c>
      <c r="DH24" s="207">
        <v>0</v>
      </c>
    </row>
    <row r="25" spans="2:112" ht="21" customHeight="1" x14ac:dyDescent="0.2">
      <c r="B25" s="173" t="s">
        <v>23</v>
      </c>
      <c r="C25" s="202">
        <v>0</v>
      </c>
      <c r="D25" s="203">
        <v>0</v>
      </c>
      <c r="E25" s="204">
        <v>0</v>
      </c>
      <c r="F25" s="205">
        <v>0</v>
      </c>
      <c r="G25" s="203">
        <v>60</v>
      </c>
      <c r="H25" s="203">
        <v>283</v>
      </c>
      <c r="I25" s="203">
        <v>144</v>
      </c>
      <c r="J25" s="203">
        <v>26</v>
      </c>
      <c r="K25" s="203">
        <v>6</v>
      </c>
      <c r="L25" s="206">
        <v>519</v>
      </c>
      <c r="M25" s="207">
        <v>519</v>
      </c>
      <c r="N25" s="202">
        <v>0</v>
      </c>
      <c r="O25" s="203">
        <v>0</v>
      </c>
      <c r="P25" s="208">
        <v>0</v>
      </c>
      <c r="Q25" s="205">
        <v>0</v>
      </c>
      <c r="R25" s="203">
        <v>0</v>
      </c>
      <c r="S25" s="203">
        <v>0</v>
      </c>
      <c r="T25" s="203">
        <v>0</v>
      </c>
      <c r="U25" s="203">
        <v>17</v>
      </c>
      <c r="V25" s="203">
        <v>0</v>
      </c>
      <c r="W25" s="208">
        <v>17</v>
      </c>
      <c r="X25" s="207">
        <v>17</v>
      </c>
      <c r="Y25" s="202">
        <v>29</v>
      </c>
      <c r="Z25" s="203">
        <v>19</v>
      </c>
      <c r="AA25" s="208">
        <v>48</v>
      </c>
      <c r="AB25" s="205">
        <v>0</v>
      </c>
      <c r="AC25" s="203">
        <v>43</v>
      </c>
      <c r="AD25" s="203">
        <v>130</v>
      </c>
      <c r="AE25" s="203">
        <v>4</v>
      </c>
      <c r="AF25" s="203">
        <v>62</v>
      </c>
      <c r="AG25" s="203">
        <v>12</v>
      </c>
      <c r="AH25" s="208">
        <v>251</v>
      </c>
      <c r="AI25" s="207">
        <v>299</v>
      </c>
      <c r="AJ25" s="202">
        <v>0</v>
      </c>
      <c r="AK25" s="203">
        <v>6</v>
      </c>
      <c r="AL25" s="208">
        <v>6</v>
      </c>
      <c r="AM25" s="205">
        <v>0</v>
      </c>
      <c r="AN25" s="203">
        <v>0</v>
      </c>
      <c r="AO25" s="203">
        <v>0</v>
      </c>
      <c r="AP25" s="203">
        <v>0</v>
      </c>
      <c r="AQ25" s="203">
        <v>0</v>
      </c>
      <c r="AR25" s="203">
        <v>0</v>
      </c>
      <c r="AS25" s="208">
        <v>0</v>
      </c>
      <c r="AT25" s="207">
        <v>6</v>
      </c>
      <c r="AU25" s="202">
        <v>0</v>
      </c>
      <c r="AV25" s="203">
        <v>0</v>
      </c>
      <c r="AW25" s="208">
        <v>0</v>
      </c>
      <c r="AX25" s="205">
        <v>0</v>
      </c>
      <c r="AY25" s="203">
        <v>108</v>
      </c>
      <c r="AZ25" s="203">
        <v>121</v>
      </c>
      <c r="BA25" s="203">
        <v>58</v>
      </c>
      <c r="BB25" s="203">
        <v>30</v>
      </c>
      <c r="BC25" s="203">
        <v>28</v>
      </c>
      <c r="BD25" s="206">
        <v>345</v>
      </c>
      <c r="BE25" s="207">
        <v>345</v>
      </c>
      <c r="BF25" s="202">
        <v>0</v>
      </c>
      <c r="BG25" s="203">
        <v>0</v>
      </c>
      <c r="BH25" s="208">
        <v>0</v>
      </c>
      <c r="BI25" s="205">
        <v>0</v>
      </c>
      <c r="BJ25" s="203">
        <v>20</v>
      </c>
      <c r="BK25" s="203">
        <v>7</v>
      </c>
      <c r="BL25" s="203">
        <v>3</v>
      </c>
      <c r="BM25" s="203">
        <v>13</v>
      </c>
      <c r="BN25" s="203">
        <v>3</v>
      </c>
      <c r="BO25" s="208">
        <v>46</v>
      </c>
      <c r="BP25" s="207">
        <v>46</v>
      </c>
      <c r="BQ25" s="202">
        <v>0</v>
      </c>
      <c r="BR25" s="203">
        <v>0</v>
      </c>
      <c r="BS25" s="208">
        <v>0</v>
      </c>
      <c r="BT25" s="205">
        <v>0</v>
      </c>
      <c r="BU25" s="203">
        <v>0</v>
      </c>
      <c r="BV25" s="203">
        <v>28</v>
      </c>
      <c r="BW25" s="203">
        <v>9</v>
      </c>
      <c r="BX25" s="203">
        <v>8</v>
      </c>
      <c r="BY25" s="203">
        <v>5</v>
      </c>
      <c r="BZ25" s="208">
        <v>50</v>
      </c>
      <c r="CA25" s="207">
        <v>50</v>
      </c>
      <c r="CB25" s="202">
        <v>0</v>
      </c>
      <c r="CC25" s="203">
        <v>0</v>
      </c>
      <c r="CD25" s="208">
        <v>0</v>
      </c>
      <c r="CE25" s="205">
        <v>0</v>
      </c>
      <c r="CF25" s="203">
        <v>3</v>
      </c>
      <c r="CG25" s="203">
        <v>0</v>
      </c>
      <c r="CH25" s="203">
        <v>0</v>
      </c>
      <c r="CI25" s="203">
        <v>0</v>
      </c>
      <c r="CJ25" s="203">
        <v>0</v>
      </c>
      <c r="CK25" s="208">
        <v>3</v>
      </c>
      <c r="CL25" s="207">
        <v>3</v>
      </c>
      <c r="CM25" s="202">
        <v>0</v>
      </c>
      <c r="CN25" s="203">
        <v>0</v>
      </c>
      <c r="CO25" s="208">
        <v>0</v>
      </c>
      <c r="CP25" s="205">
        <v>0</v>
      </c>
      <c r="CQ25" s="203">
        <v>0</v>
      </c>
      <c r="CR25" s="203">
        <v>0</v>
      </c>
      <c r="CS25" s="203">
        <v>0</v>
      </c>
      <c r="CT25" s="203">
        <v>0</v>
      </c>
      <c r="CU25" s="203">
        <v>0</v>
      </c>
      <c r="CV25" s="208">
        <v>0</v>
      </c>
      <c r="CW25" s="207">
        <v>0</v>
      </c>
      <c r="CX25" s="202">
        <v>0</v>
      </c>
      <c r="CY25" s="203">
        <v>0</v>
      </c>
      <c r="CZ25" s="208">
        <v>0</v>
      </c>
      <c r="DA25" s="205">
        <v>0</v>
      </c>
      <c r="DB25" s="203">
        <v>0</v>
      </c>
      <c r="DC25" s="203">
        <v>0</v>
      </c>
      <c r="DD25" s="203">
        <v>0</v>
      </c>
      <c r="DE25" s="203">
        <v>0</v>
      </c>
      <c r="DF25" s="203">
        <v>0</v>
      </c>
      <c r="DG25" s="208">
        <v>0</v>
      </c>
      <c r="DH25" s="207">
        <v>0</v>
      </c>
    </row>
    <row r="26" spans="2:112" ht="21" customHeight="1" x14ac:dyDescent="0.2">
      <c r="B26" s="173" t="s">
        <v>24</v>
      </c>
      <c r="C26" s="202">
        <v>0</v>
      </c>
      <c r="D26" s="203">
        <v>0</v>
      </c>
      <c r="E26" s="204">
        <v>0</v>
      </c>
      <c r="F26" s="205">
        <v>0</v>
      </c>
      <c r="G26" s="203">
        <v>142</v>
      </c>
      <c r="H26" s="203">
        <v>44</v>
      </c>
      <c r="I26" s="203">
        <v>33</v>
      </c>
      <c r="J26" s="203">
        <v>294</v>
      </c>
      <c r="K26" s="203">
        <v>198</v>
      </c>
      <c r="L26" s="206">
        <v>711</v>
      </c>
      <c r="M26" s="207">
        <v>711</v>
      </c>
      <c r="N26" s="202">
        <v>0</v>
      </c>
      <c r="O26" s="203">
        <v>0</v>
      </c>
      <c r="P26" s="208">
        <v>0</v>
      </c>
      <c r="Q26" s="205">
        <v>0</v>
      </c>
      <c r="R26" s="203">
        <v>0</v>
      </c>
      <c r="S26" s="203">
        <v>0</v>
      </c>
      <c r="T26" s="203">
        <v>0</v>
      </c>
      <c r="U26" s="203">
        <v>16</v>
      </c>
      <c r="V26" s="203">
        <v>23</v>
      </c>
      <c r="W26" s="208">
        <v>39</v>
      </c>
      <c r="X26" s="207">
        <v>39</v>
      </c>
      <c r="Y26" s="202">
        <v>2</v>
      </c>
      <c r="Z26" s="203">
        <v>33</v>
      </c>
      <c r="AA26" s="208">
        <v>35</v>
      </c>
      <c r="AB26" s="205">
        <v>0</v>
      </c>
      <c r="AC26" s="203">
        <v>91</v>
      </c>
      <c r="AD26" s="203">
        <v>42</v>
      </c>
      <c r="AE26" s="203">
        <v>20</v>
      </c>
      <c r="AF26" s="203">
        <v>71</v>
      </c>
      <c r="AG26" s="203">
        <v>21</v>
      </c>
      <c r="AH26" s="208">
        <v>245</v>
      </c>
      <c r="AI26" s="207">
        <v>280</v>
      </c>
      <c r="AJ26" s="202">
        <v>0</v>
      </c>
      <c r="AK26" s="203">
        <v>0</v>
      </c>
      <c r="AL26" s="208">
        <v>0</v>
      </c>
      <c r="AM26" s="205">
        <v>0</v>
      </c>
      <c r="AN26" s="203">
        <v>12</v>
      </c>
      <c r="AO26" s="203">
        <v>16</v>
      </c>
      <c r="AP26" s="203">
        <v>8</v>
      </c>
      <c r="AQ26" s="203">
        <v>0</v>
      </c>
      <c r="AR26" s="203">
        <v>0</v>
      </c>
      <c r="AS26" s="208">
        <v>36</v>
      </c>
      <c r="AT26" s="207">
        <v>36</v>
      </c>
      <c r="AU26" s="202">
        <v>0</v>
      </c>
      <c r="AV26" s="203">
        <v>0</v>
      </c>
      <c r="AW26" s="208">
        <v>0</v>
      </c>
      <c r="AX26" s="205">
        <v>0</v>
      </c>
      <c r="AY26" s="203">
        <v>130</v>
      </c>
      <c r="AZ26" s="203">
        <v>83</v>
      </c>
      <c r="BA26" s="203">
        <v>29</v>
      </c>
      <c r="BB26" s="203">
        <v>4</v>
      </c>
      <c r="BC26" s="203">
        <v>9</v>
      </c>
      <c r="BD26" s="206">
        <v>255</v>
      </c>
      <c r="BE26" s="207">
        <v>255</v>
      </c>
      <c r="BF26" s="202">
        <v>0</v>
      </c>
      <c r="BG26" s="203">
        <v>0</v>
      </c>
      <c r="BH26" s="208">
        <v>0</v>
      </c>
      <c r="BI26" s="205">
        <v>0</v>
      </c>
      <c r="BJ26" s="203">
        <v>13</v>
      </c>
      <c r="BK26" s="203">
        <v>40</v>
      </c>
      <c r="BL26" s="203">
        <v>40</v>
      </c>
      <c r="BM26" s="203">
        <v>8</v>
      </c>
      <c r="BN26" s="203">
        <v>0</v>
      </c>
      <c r="BO26" s="208">
        <v>101</v>
      </c>
      <c r="BP26" s="207">
        <v>101</v>
      </c>
      <c r="BQ26" s="202">
        <v>0</v>
      </c>
      <c r="BR26" s="203">
        <v>0</v>
      </c>
      <c r="BS26" s="208">
        <v>0</v>
      </c>
      <c r="BT26" s="205">
        <v>0</v>
      </c>
      <c r="BU26" s="203">
        <v>12</v>
      </c>
      <c r="BV26" s="203">
        <v>8</v>
      </c>
      <c r="BW26" s="203">
        <v>0</v>
      </c>
      <c r="BX26" s="203">
        <v>5</v>
      </c>
      <c r="BY26" s="203">
        <v>16</v>
      </c>
      <c r="BZ26" s="208">
        <v>41</v>
      </c>
      <c r="CA26" s="207">
        <v>41</v>
      </c>
      <c r="CB26" s="202">
        <v>0</v>
      </c>
      <c r="CC26" s="203">
        <v>0</v>
      </c>
      <c r="CD26" s="208">
        <v>0</v>
      </c>
      <c r="CE26" s="205">
        <v>0</v>
      </c>
      <c r="CF26" s="203">
        <v>4</v>
      </c>
      <c r="CG26" s="203">
        <v>0</v>
      </c>
      <c r="CH26" s="203">
        <v>0</v>
      </c>
      <c r="CI26" s="203">
        <v>0</v>
      </c>
      <c r="CJ26" s="203">
        <v>0</v>
      </c>
      <c r="CK26" s="208">
        <v>4</v>
      </c>
      <c r="CL26" s="207">
        <v>4</v>
      </c>
      <c r="CM26" s="202">
        <v>0</v>
      </c>
      <c r="CN26" s="203">
        <v>0</v>
      </c>
      <c r="CO26" s="208">
        <v>0</v>
      </c>
      <c r="CP26" s="205">
        <v>0</v>
      </c>
      <c r="CQ26" s="203">
        <v>0</v>
      </c>
      <c r="CR26" s="203">
        <v>0</v>
      </c>
      <c r="CS26" s="203">
        <v>0</v>
      </c>
      <c r="CT26" s="203">
        <v>0</v>
      </c>
      <c r="CU26" s="203">
        <v>0</v>
      </c>
      <c r="CV26" s="208">
        <v>0</v>
      </c>
      <c r="CW26" s="207">
        <v>0</v>
      </c>
      <c r="CX26" s="202">
        <v>0</v>
      </c>
      <c r="CY26" s="203">
        <v>0</v>
      </c>
      <c r="CZ26" s="208">
        <v>0</v>
      </c>
      <c r="DA26" s="205">
        <v>0</v>
      </c>
      <c r="DB26" s="203">
        <v>0</v>
      </c>
      <c r="DC26" s="203">
        <v>0</v>
      </c>
      <c r="DD26" s="203">
        <v>0</v>
      </c>
      <c r="DE26" s="203">
        <v>0</v>
      </c>
      <c r="DF26" s="203">
        <v>0</v>
      </c>
      <c r="DG26" s="208">
        <v>0</v>
      </c>
      <c r="DH26" s="207">
        <v>0</v>
      </c>
    </row>
    <row r="27" spans="2:112" ht="21" customHeight="1" x14ac:dyDescent="0.2">
      <c r="B27" s="173" t="s">
        <v>25</v>
      </c>
      <c r="C27" s="202">
        <v>0</v>
      </c>
      <c r="D27" s="203">
        <v>0</v>
      </c>
      <c r="E27" s="204">
        <v>0</v>
      </c>
      <c r="F27" s="205">
        <v>0</v>
      </c>
      <c r="G27" s="203">
        <v>117</v>
      </c>
      <c r="H27" s="203">
        <v>67</v>
      </c>
      <c r="I27" s="203">
        <v>0</v>
      </c>
      <c r="J27" s="203">
        <v>6</v>
      </c>
      <c r="K27" s="203">
        <v>2</v>
      </c>
      <c r="L27" s="206">
        <v>192</v>
      </c>
      <c r="M27" s="207">
        <v>192</v>
      </c>
      <c r="N27" s="202">
        <v>0</v>
      </c>
      <c r="O27" s="203">
        <v>0</v>
      </c>
      <c r="P27" s="208">
        <v>0</v>
      </c>
      <c r="Q27" s="205">
        <v>0</v>
      </c>
      <c r="R27" s="203">
        <v>0</v>
      </c>
      <c r="S27" s="203">
        <v>0</v>
      </c>
      <c r="T27" s="203">
        <v>6</v>
      </c>
      <c r="U27" s="203">
        <v>11</v>
      </c>
      <c r="V27" s="203">
        <v>3</v>
      </c>
      <c r="W27" s="208">
        <v>20</v>
      </c>
      <c r="X27" s="207">
        <v>20</v>
      </c>
      <c r="Y27" s="202">
        <v>2</v>
      </c>
      <c r="Z27" s="203">
        <v>20</v>
      </c>
      <c r="AA27" s="208">
        <v>22</v>
      </c>
      <c r="AB27" s="205">
        <v>0</v>
      </c>
      <c r="AC27" s="203">
        <v>12</v>
      </c>
      <c r="AD27" s="203">
        <v>64</v>
      </c>
      <c r="AE27" s="203">
        <v>24</v>
      </c>
      <c r="AF27" s="203">
        <v>33</v>
      </c>
      <c r="AG27" s="203">
        <v>5</v>
      </c>
      <c r="AH27" s="208">
        <v>138</v>
      </c>
      <c r="AI27" s="207">
        <v>160</v>
      </c>
      <c r="AJ27" s="202">
        <v>0</v>
      </c>
      <c r="AK27" s="203">
        <v>24</v>
      </c>
      <c r="AL27" s="208">
        <v>24</v>
      </c>
      <c r="AM27" s="205">
        <v>0</v>
      </c>
      <c r="AN27" s="203">
        <v>0</v>
      </c>
      <c r="AO27" s="203">
        <v>44</v>
      </c>
      <c r="AP27" s="203">
        <v>0</v>
      </c>
      <c r="AQ27" s="203">
        <v>0</v>
      </c>
      <c r="AR27" s="203">
        <v>0</v>
      </c>
      <c r="AS27" s="208">
        <v>44</v>
      </c>
      <c r="AT27" s="207">
        <v>68</v>
      </c>
      <c r="AU27" s="202">
        <v>0</v>
      </c>
      <c r="AV27" s="203">
        <v>0</v>
      </c>
      <c r="AW27" s="208">
        <v>0</v>
      </c>
      <c r="AX27" s="205">
        <v>0</v>
      </c>
      <c r="AY27" s="203">
        <v>67</v>
      </c>
      <c r="AZ27" s="203">
        <v>8</v>
      </c>
      <c r="BA27" s="203">
        <v>3</v>
      </c>
      <c r="BB27" s="203">
        <v>0</v>
      </c>
      <c r="BC27" s="203">
        <v>0</v>
      </c>
      <c r="BD27" s="206">
        <v>78</v>
      </c>
      <c r="BE27" s="207">
        <v>78</v>
      </c>
      <c r="BF27" s="202">
        <v>0</v>
      </c>
      <c r="BG27" s="203">
        <v>0</v>
      </c>
      <c r="BH27" s="208">
        <v>0</v>
      </c>
      <c r="BI27" s="205">
        <v>0</v>
      </c>
      <c r="BJ27" s="203">
        <v>12</v>
      </c>
      <c r="BK27" s="203">
        <v>49</v>
      </c>
      <c r="BL27" s="203">
        <v>34</v>
      </c>
      <c r="BM27" s="203">
        <v>15</v>
      </c>
      <c r="BN27" s="203">
        <v>6</v>
      </c>
      <c r="BO27" s="208">
        <v>116</v>
      </c>
      <c r="BP27" s="207">
        <v>116</v>
      </c>
      <c r="BQ27" s="202">
        <v>0</v>
      </c>
      <c r="BR27" s="203">
        <v>0</v>
      </c>
      <c r="BS27" s="208">
        <v>0</v>
      </c>
      <c r="BT27" s="205">
        <v>0</v>
      </c>
      <c r="BU27" s="203">
        <v>26</v>
      </c>
      <c r="BV27" s="203">
        <v>0</v>
      </c>
      <c r="BW27" s="203">
        <v>0</v>
      </c>
      <c r="BX27" s="203">
        <v>6</v>
      </c>
      <c r="BY27" s="203">
        <v>12</v>
      </c>
      <c r="BZ27" s="208">
        <v>44</v>
      </c>
      <c r="CA27" s="207">
        <v>44</v>
      </c>
      <c r="CB27" s="202">
        <v>0</v>
      </c>
      <c r="CC27" s="203">
        <v>0</v>
      </c>
      <c r="CD27" s="208">
        <v>0</v>
      </c>
      <c r="CE27" s="205">
        <v>0</v>
      </c>
      <c r="CF27" s="203">
        <v>3</v>
      </c>
      <c r="CG27" s="203">
        <v>0</v>
      </c>
      <c r="CH27" s="203">
        <v>0</v>
      </c>
      <c r="CI27" s="203">
        <v>3</v>
      </c>
      <c r="CJ27" s="203">
        <v>0</v>
      </c>
      <c r="CK27" s="208">
        <v>6</v>
      </c>
      <c r="CL27" s="207">
        <v>6</v>
      </c>
      <c r="CM27" s="202">
        <v>0</v>
      </c>
      <c r="CN27" s="203">
        <v>0</v>
      </c>
      <c r="CO27" s="208">
        <v>0</v>
      </c>
      <c r="CP27" s="205">
        <v>0</v>
      </c>
      <c r="CQ27" s="203">
        <v>0</v>
      </c>
      <c r="CR27" s="203">
        <v>0</v>
      </c>
      <c r="CS27" s="203">
        <v>0</v>
      </c>
      <c r="CT27" s="203">
        <v>0</v>
      </c>
      <c r="CU27" s="203">
        <v>0</v>
      </c>
      <c r="CV27" s="208">
        <v>0</v>
      </c>
      <c r="CW27" s="207">
        <v>0</v>
      </c>
      <c r="CX27" s="202">
        <v>0</v>
      </c>
      <c r="CY27" s="203">
        <v>0</v>
      </c>
      <c r="CZ27" s="208">
        <v>0</v>
      </c>
      <c r="DA27" s="205">
        <v>0</v>
      </c>
      <c r="DB27" s="203">
        <v>0</v>
      </c>
      <c r="DC27" s="203">
        <v>0</v>
      </c>
      <c r="DD27" s="203">
        <v>0</v>
      </c>
      <c r="DE27" s="203">
        <v>0</v>
      </c>
      <c r="DF27" s="203">
        <v>0</v>
      </c>
      <c r="DG27" s="208">
        <v>0</v>
      </c>
      <c r="DH27" s="207">
        <v>0</v>
      </c>
    </row>
    <row r="28" spans="2:112" ht="21" customHeight="1" x14ac:dyDescent="0.2">
      <c r="B28" s="173" t="s">
        <v>26</v>
      </c>
      <c r="C28" s="202">
        <v>0</v>
      </c>
      <c r="D28" s="203">
        <v>0</v>
      </c>
      <c r="E28" s="204">
        <v>0</v>
      </c>
      <c r="F28" s="205">
        <v>0</v>
      </c>
      <c r="G28" s="203">
        <v>88</v>
      </c>
      <c r="H28" s="203">
        <v>124</v>
      </c>
      <c r="I28" s="203">
        <v>93</v>
      </c>
      <c r="J28" s="203">
        <v>110</v>
      </c>
      <c r="K28" s="203">
        <v>114</v>
      </c>
      <c r="L28" s="206">
        <v>529</v>
      </c>
      <c r="M28" s="207">
        <v>529</v>
      </c>
      <c r="N28" s="202">
        <v>0</v>
      </c>
      <c r="O28" s="203">
        <v>0</v>
      </c>
      <c r="P28" s="208">
        <v>0</v>
      </c>
      <c r="Q28" s="205">
        <v>0</v>
      </c>
      <c r="R28" s="203">
        <v>0</v>
      </c>
      <c r="S28" s="203">
        <v>0</v>
      </c>
      <c r="T28" s="203">
        <v>0</v>
      </c>
      <c r="U28" s="203">
        <v>8</v>
      </c>
      <c r="V28" s="203">
        <v>0</v>
      </c>
      <c r="W28" s="208">
        <v>8</v>
      </c>
      <c r="X28" s="207">
        <v>8</v>
      </c>
      <c r="Y28" s="202">
        <v>7</v>
      </c>
      <c r="Z28" s="203">
        <v>0</v>
      </c>
      <c r="AA28" s="208">
        <v>7</v>
      </c>
      <c r="AB28" s="205">
        <v>0</v>
      </c>
      <c r="AC28" s="203">
        <v>14</v>
      </c>
      <c r="AD28" s="203">
        <v>71</v>
      </c>
      <c r="AE28" s="203">
        <v>5</v>
      </c>
      <c r="AF28" s="203">
        <v>38</v>
      </c>
      <c r="AG28" s="203">
        <v>32</v>
      </c>
      <c r="AH28" s="208">
        <v>160</v>
      </c>
      <c r="AI28" s="207">
        <v>167</v>
      </c>
      <c r="AJ28" s="202">
        <v>0</v>
      </c>
      <c r="AK28" s="203">
        <v>0</v>
      </c>
      <c r="AL28" s="208">
        <v>0</v>
      </c>
      <c r="AM28" s="205">
        <v>0</v>
      </c>
      <c r="AN28" s="203">
        <v>0</v>
      </c>
      <c r="AO28" s="203">
        <v>15</v>
      </c>
      <c r="AP28" s="203">
        <v>0</v>
      </c>
      <c r="AQ28" s="203">
        <v>0</v>
      </c>
      <c r="AR28" s="203">
        <v>15</v>
      </c>
      <c r="AS28" s="208">
        <v>30</v>
      </c>
      <c r="AT28" s="207">
        <v>30</v>
      </c>
      <c r="AU28" s="202">
        <v>0</v>
      </c>
      <c r="AV28" s="203">
        <v>0</v>
      </c>
      <c r="AW28" s="208">
        <v>0</v>
      </c>
      <c r="AX28" s="205">
        <v>0</v>
      </c>
      <c r="AY28" s="203">
        <v>20</v>
      </c>
      <c r="AZ28" s="203">
        <v>58</v>
      </c>
      <c r="BA28" s="203">
        <v>52</v>
      </c>
      <c r="BB28" s="203">
        <v>20</v>
      </c>
      <c r="BC28" s="203">
        <v>0</v>
      </c>
      <c r="BD28" s="206">
        <v>150</v>
      </c>
      <c r="BE28" s="207">
        <v>150</v>
      </c>
      <c r="BF28" s="202">
        <v>0</v>
      </c>
      <c r="BG28" s="203">
        <v>0</v>
      </c>
      <c r="BH28" s="208">
        <v>0</v>
      </c>
      <c r="BI28" s="205">
        <v>0</v>
      </c>
      <c r="BJ28" s="203">
        <v>23</v>
      </c>
      <c r="BK28" s="203">
        <v>12</v>
      </c>
      <c r="BL28" s="203">
        <v>0</v>
      </c>
      <c r="BM28" s="203">
        <v>8</v>
      </c>
      <c r="BN28" s="203">
        <v>0</v>
      </c>
      <c r="BO28" s="208">
        <v>43</v>
      </c>
      <c r="BP28" s="207">
        <v>43</v>
      </c>
      <c r="BQ28" s="202">
        <v>0</v>
      </c>
      <c r="BR28" s="203">
        <v>0</v>
      </c>
      <c r="BS28" s="208">
        <v>0</v>
      </c>
      <c r="BT28" s="205">
        <v>0</v>
      </c>
      <c r="BU28" s="203">
        <v>13</v>
      </c>
      <c r="BV28" s="203">
        <v>20</v>
      </c>
      <c r="BW28" s="203">
        <v>0</v>
      </c>
      <c r="BX28" s="203">
        <v>0</v>
      </c>
      <c r="BY28" s="203">
        <v>4</v>
      </c>
      <c r="BZ28" s="208">
        <v>37</v>
      </c>
      <c r="CA28" s="207">
        <v>37</v>
      </c>
      <c r="CB28" s="202">
        <v>0</v>
      </c>
      <c r="CC28" s="203">
        <v>0</v>
      </c>
      <c r="CD28" s="208">
        <v>0</v>
      </c>
      <c r="CE28" s="205">
        <v>0</v>
      </c>
      <c r="CF28" s="203">
        <v>0</v>
      </c>
      <c r="CG28" s="203">
        <v>0</v>
      </c>
      <c r="CH28" s="203">
        <v>8</v>
      </c>
      <c r="CI28" s="203">
        <v>7</v>
      </c>
      <c r="CJ28" s="203">
        <v>0</v>
      </c>
      <c r="CK28" s="208">
        <v>15</v>
      </c>
      <c r="CL28" s="207">
        <v>15</v>
      </c>
      <c r="CM28" s="202">
        <v>0</v>
      </c>
      <c r="CN28" s="203">
        <v>0</v>
      </c>
      <c r="CO28" s="208">
        <v>0</v>
      </c>
      <c r="CP28" s="205">
        <v>0</v>
      </c>
      <c r="CQ28" s="203">
        <v>0</v>
      </c>
      <c r="CR28" s="203">
        <v>0</v>
      </c>
      <c r="CS28" s="203">
        <v>0</v>
      </c>
      <c r="CT28" s="203">
        <v>0</v>
      </c>
      <c r="CU28" s="203">
        <v>0</v>
      </c>
      <c r="CV28" s="208">
        <v>0</v>
      </c>
      <c r="CW28" s="207">
        <v>0</v>
      </c>
      <c r="CX28" s="202">
        <v>0</v>
      </c>
      <c r="CY28" s="203">
        <v>0</v>
      </c>
      <c r="CZ28" s="208">
        <v>0</v>
      </c>
      <c r="DA28" s="205">
        <v>0</v>
      </c>
      <c r="DB28" s="203">
        <v>0</v>
      </c>
      <c r="DC28" s="203">
        <v>0</v>
      </c>
      <c r="DD28" s="203">
        <v>0</v>
      </c>
      <c r="DE28" s="203">
        <v>0</v>
      </c>
      <c r="DF28" s="203">
        <v>0</v>
      </c>
      <c r="DG28" s="208">
        <v>0</v>
      </c>
      <c r="DH28" s="207">
        <v>0</v>
      </c>
    </row>
    <row r="29" spans="2:112" ht="21" customHeight="1" x14ac:dyDescent="0.2">
      <c r="B29" s="173" t="s">
        <v>27</v>
      </c>
      <c r="C29" s="202">
        <v>0</v>
      </c>
      <c r="D29" s="203">
        <v>0</v>
      </c>
      <c r="E29" s="204">
        <v>0</v>
      </c>
      <c r="F29" s="205">
        <v>0</v>
      </c>
      <c r="G29" s="203">
        <v>34</v>
      </c>
      <c r="H29" s="203">
        <v>50</v>
      </c>
      <c r="I29" s="203">
        <v>152</v>
      </c>
      <c r="J29" s="203">
        <v>75</v>
      </c>
      <c r="K29" s="203">
        <v>132</v>
      </c>
      <c r="L29" s="206">
        <v>443</v>
      </c>
      <c r="M29" s="207">
        <v>443</v>
      </c>
      <c r="N29" s="202">
        <v>0</v>
      </c>
      <c r="O29" s="203">
        <v>0</v>
      </c>
      <c r="P29" s="208">
        <v>0</v>
      </c>
      <c r="Q29" s="205">
        <v>0</v>
      </c>
      <c r="R29" s="203">
        <v>0</v>
      </c>
      <c r="S29" s="203">
        <v>0</v>
      </c>
      <c r="T29" s="203">
        <v>0</v>
      </c>
      <c r="U29" s="203">
        <v>0</v>
      </c>
      <c r="V29" s="203">
        <v>0</v>
      </c>
      <c r="W29" s="208">
        <v>0</v>
      </c>
      <c r="X29" s="207">
        <v>0</v>
      </c>
      <c r="Y29" s="202">
        <v>0</v>
      </c>
      <c r="Z29" s="203">
        <v>25</v>
      </c>
      <c r="AA29" s="208">
        <v>25</v>
      </c>
      <c r="AB29" s="205">
        <v>0</v>
      </c>
      <c r="AC29" s="203">
        <v>64</v>
      </c>
      <c r="AD29" s="203">
        <v>50</v>
      </c>
      <c r="AE29" s="203">
        <v>5</v>
      </c>
      <c r="AF29" s="203">
        <v>39</v>
      </c>
      <c r="AG29" s="203">
        <v>21</v>
      </c>
      <c r="AH29" s="208">
        <v>179</v>
      </c>
      <c r="AI29" s="207">
        <v>204</v>
      </c>
      <c r="AJ29" s="202">
        <v>0</v>
      </c>
      <c r="AK29" s="203">
        <v>0</v>
      </c>
      <c r="AL29" s="208">
        <v>0</v>
      </c>
      <c r="AM29" s="205">
        <v>0</v>
      </c>
      <c r="AN29" s="203">
        <v>0</v>
      </c>
      <c r="AO29" s="203">
        <v>9</v>
      </c>
      <c r="AP29" s="203">
        <v>0</v>
      </c>
      <c r="AQ29" s="203">
        <v>0</v>
      </c>
      <c r="AR29" s="203">
        <v>0</v>
      </c>
      <c r="AS29" s="208">
        <v>9</v>
      </c>
      <c r="AT29" s="207">
        <v>9</v>
      </c>
      <c r="AU29" s="202">
        <v>0</v>
      </c>
      <c r="AV29" s="203">
        <v>0</v>
      </c>
      <c r="AW29" s="208">
        <v>0</v>
      </c>
      <c r="AX29" s="205">
        <v>0</v>
      </c>
      <c r="AY29" s="203">
        <v>76</v>
      </c>
      <c r="AZ29" s="203">
        <v>63</v>
      </c>
      <c r="BA29" s="203">
        <v>21</v>
      </c>
      <c r="BB29" s="203">
        <v>31</v>
      </c>
      <c r="BC29" s="203">
        <v>0</v>
      </c>
      <c r="BD29" s="206">
        <v>191</v>
      </c>
      <c r="BE29" s="207">
        <v>191</v>
      </c>
      <c r="BF29" s="202">
        <v>0</v>
      </c>
      <c r="BG29" s="203">
        <v>0</v>
      </c>
      <c r="BH29" s="208">
        <v>0</v>
      </c>
      <c r="BI29" s="205">
        <v>0</v>
      </c>
      <c r="BJ29" s="203">
        <v>23</v>
      </c>
      <c r="BK29" s="203">
        <v>21</v>
      </c>
      <c r="BL29" s="203">
        <v>8</v>
      </c>
      <c r="BM29" s="203">
        <v>0</v>
      </c>
      <c r="BN29" s="203">
        <v>0</v>
      </c>
      <c r="BO29" s="208">
        <v>52</v>
      </c>
      <c r="BP29" s="207">
        <v>52</v>
      </c>
      <c r="BQ29" s="202">
        <v>0</v>
      </c>
      <c r="BR29" s="203">
        <v>0</v>
      </c>
      <c r="BS29" s="208">
        <v>0</v>
      </c>
      <c r="BT29" s="205">
        <v>0</v>
      </c>
      <c r="BU29" s="203">
        <v>0</v>
      </c>
      <c r="BV29" s="203">
        <v>0</v>
      </c>
      <c r="BW29" s="203">
        <v>5</v>
      </c>
      <c r="BX29" s="203">
        <v>0</v>
      </c>
      <c r="BY29" s="203">
        <v>0</v>
      </c>
      <c r="BZ29" s="208">
        <v>5</v>
      </c>
      <c r="CA29" s="207">
        <v>5</v>
      </c>
      <c r="CB29" s="202">
        <v>0</v>
      </c>
      <c r="CC29" s="203">
        <v>0</v>
      </c>
      <c r="CD29" s="208">
        <v>0</v>
      </c>
      <c r="CE29" s="205">
        <v>0</v>
      </c>
      <c r="CF29" s="203">
        <v>0</v>
      </c>
      <c r="CG29" s="203">
        <v>0</v>
      </c>
      <c r="CH29" s="203">
        <v>0</v>
      </c>
      <c r="CI29" s="203">
        <v>0</v>
      </c>
      <c r="CJ29" s="203">
        <v>0</v>
      </c>
      <c r="CK29" s="208">
        <v>0</v>
      </c>
      <c r="CL29" s="207">
        <v>0</v>
      </c>
      <c r="CM29" s="202">
        <v>0</v>
      </c>
      <c r="CN29" s="203">
        <v>0</v>
      </c>
      <c r="CO29" s="208">
        <v>0</v>
      </c>
      <c r="CP29" s="205">
        <v>0</v>
      </c>
      <c r="CQ29" s="203">
        <v>0</v>
      </c>
      <c r="CR29" s="203">
        <v>0</v>
      </c>
      <c r="CS29" s="203">
        <v>0</v>
      </c>
      <c r="CT29" s="203">
        <v>0</v>
      </c>
      <c r="CU29" s="203">
        <v>0</v>
      </c>
      <c r="CV29" s="208">
        <v>0</v>
      </c>
      <c r="CW29" s="207">
        <v>0</v>
      </c>
      <c r="CX29" s="202">
        <v>0</v>
      </c>
      <c r="CY29" s="203">
        <v>0</v>
      </c>
      <c r="CZ29" s="208">
        <v>0</v>
      </c>
      <c r="DA29" s="205">
        <v>0</v>
      </c>
      <c r="DB29" s="203">
        <v>0</v>
      </c>
      <c r="DC29" s="203">
        <v>0</v>
      </c>
      <c r="DD29" s="203">
        <v>0</v>
      </c>
      <c r="DE29" s="203">
        <v>0</v>
      </c>
      <c r="DF29" s="203">
        <v>0</v>
      </c>
      <c r="DG29" s="208">
        <v>0</v>
      </c>
      <c r="DH29" s="207">
        <v>0</v>
      </c>
    </row>
    <row r="30" spans="2:112" ht="21" customHeight="1" x14ac:dyDescent="0.2">
      <c r="B30" s="173" t="s">
        <v>28</v>
      </c>
      <c r="C30" s="202">
        <v>0</v>
      </c>
      <c r="D30" s="203">
        <v>0</v>
      </c>
      <c r="E30" s="204">
        <v>0</v>
      </c>
      <c r="F30" s="205">
        <v>0</v>
      </c>
      <c r="G30" s="203">
        <v>0</v>
      </c>
      <c r="H30" s="203">
        <v>0</v>
      </c>
      <c r="I30" s="203">
        <v>19</v>
      </c>
      <c r="J30" s="203">
        <v>0</v>
      </c>
      <c r="K30" s="203">
        <v>0</v>
      </c>
      <c r="L30" s="206">
        <v>19</v>
      </c>
      <c r="M30" s="207">
        <v>19</v>
      </c>
      <c r="N30" s="202">
        <v>0</v>
      </c>
      <c r="O30" s="203">
        <v>0</v>
      </c>
      <c r="P30" s="208">
        <v>0</v>
      </c>
      <c r="Q30" s="205">
        <v>0</v>
      </c>
      <c r="R30" s="203">
        <v>0</v>
      </c>
      <c r="S30" s="203">
        <v>0</v>
      </c>
      <c r="T30" s="203">
        <v>0</v>
      </c>
      <c r="U30" s="203">
        <v>0</v>
      </c>
      <c r="V30" s="203">
        <v>0</v>
      </c>
      <c r="W30" s="208">
        <v>0</v>
      </c>
      <c r="X30" s="207">
        <v>0</v>
      </c>
      <c r="Y30" s="202">
        <v>0</v>
      </c>
      <c r="Z30" s="203">
        <v>0</v>
      </c>
      <c r="AA30" s="208">
        <v>0</v>
      </c>
      <c r="AB30" s="205">
        <v>0</v>
      </c>
      <c r="AC30" s="203">
        <v>18</v>
      </c>
      <c r="AD30" s="203">
        <v>0</v>
      </c>
      <c r="AE30" s="203">
        <v>8</v>
      </c>
      <c r="AF30" s="203">
        <v>0</v>
      </c>
      <c r="AG30" s="203">
        <v>0</v>
      </c>
      <c r="AH30" s="208">
        <v>26</v>
      </c>
      <c r="AI30" s="207">
        <v>26</v>
      </c>
      <c r="AJ30" s="202">
        <v>0</v>
      </c>
      <c r="AK30" s="203">
        <v>0</v>
      </c>
      <c r="AL30" s="208">
        <v>0</v>
      </c>
      <c r="AM30" s="205">
        <v>0</v>
      </c>
      <c r="AN30" s="203">
        <v>0</v>
      </c>
      <c r="AO30" s="203">
        <v>0</v>
      </c>
      <c r="AP30" s="203">
        <v>0</v>
      </c>
      <c r="AQ30" s="203">
        <v>0</v>
      </c>
      <c r="AR30" s="203">
        <v>0</v>
      </c>
      <c r="AS30" s="208">
        <v>0</v>
      </c>
      <c r="AT30" s="207">
        <v>0</v>
      </c>
      <c r="AU30" s="202">
        <v>0</v>
      </c>
      <c r="AV30" s="203">
        <v>0</v>
      </c>
      <c r="AW30" s="208">
        <v>0</v>
      </c>
      <c r="AX30" s="205">
        <v>0</v>
      </c>
      <c r="AY30" s="203">
        <v>0</v>
      </c>
      <c r="AZ30" s="203">
        <v>35</v>
      </c>
      <c r="BA30" s="203">
        <v>0</v>
      </c>
      <c r="BB30" s="203">
        <v>0</v>
      </c>
      <c r="BC30" s="203">
        <v>0</v>
      </c>
      <c r="BD30" s="206">
        <v>35</v>
      </c>
      <c r="BE30" s="207">
        <v>35</v>
      </c>
      <c r="BF30" s="202">
        <v>0</v>
      </c>
      <c r="BG30" s="203">
        <v>0</v>
      </c>
      <c r="BH30" s="208">
        <v>0</v>
      </c>
      <c r="BI30" s="205">
        <v>0</v>
      </c>
      <c r="BJ30" s="203">
        <v>12</v>
      </c>
      <c r="BK30" s="203">
        <v>0</v>
      </c>
      <c r="BL30" s="203">
        <v>6</v>
      </c>
      <c r="BM30" s="203">
        <v>0</v>
      </c>
      <c r="BN30" s="203">
        <v>0</v>
      </c>
      <c r="BO30" s="208">
        <v>18</v>
      </c>
      <c r="BP30" s="207">
        <v>18</v>
      </c>
      <c r="BQ30" s="202">
        <v>0</v>
      </c>
      <c r="BR30" s="203">
        <v>0</v>
      </c>
      <c r="BS30" s="208">
        <v>0</v>
      </c>
      <c r="BT30" s="205">
        <v>0</v>
      </c>
      <c r="BU30" s="203">
        <v>0</v>
      </c>
      <c r="BV30" s="203">
        <v>0</v>
      </c>
      <c r="BW30" s="203">
        <v>9</v>
      </c>
      <c r="BX30" s="203">
        <v>0</v>
      </c>
      <c r="BY30" s="203">
        <v>0</v>
      </c>
      <c r="BZ30" s="208">
        <v>9</v>
      </c>
      <c r="CA30" s="207">
        <v>9</v>
      </c>
      <c r="CB30" s="202">
        <v>0</v>
      </c>
      <c r="CC30" s="203">
        <v>0</v>
      </c>
      <c r="CD30" s="208">
        <v>0</v>
      </c>
      <c r="CE30" s="205">
        <v>0</v>
      </c>
      <c r="CF30" s="203">
        <v>0</v>
      </c>
      <c r="CG30" s="203">
        <v>0</v>
      </c>
      <c r="CH30" s="203">
        <v>0</v>
      </c>
      <c r="CI30" s="203">
        <v>0</v>
      </c>
      <c r="CJ30" s="203">
        <v>0</v>
      </c>
      <c r="CK30" s="208">
        <v>0</v>
      </c>
      <c r="CL30" s="207">
        <v>0</v>
      </c>
      <c r="CM30" s="202">
        <v>0</v>
      </c>
      <c r="CN30" s="203">
        <v>0</v>
      </c>
      <c r="CO30" s="208">
        <v>0</v>
      </c>
      <c r="CP30" s="205">
        <v>0</v>
      </c>
      <c r="CQ30" s="203">
        <v>0</v>
      </c>
      <c r="CR30" s="203">
        <v>0</v>
      </c>
      <c r="CS30" s="203">
        <v>0</v>
      </c>
      <c r="CT30" s="203">
        <v>0</v>
      </c>
      <c r="CU30" s="203">
        <v>0</v>
      </c>
      <c r="CV30" s="208">
        <v>0</v>
      </c>
      <c r="CW30" s="207">
        <v>0</v>
      </c>
      <c r="CX30" s="202">
        <v>0</v>
      </c>
      <c r="CY30" s="203">
        <v>0</v>
      </c>
      <c r="CZ30" s="208">
        <v>0</v>
      </c>
      <c r="DA30" s="205">
        <v>0</v>
      </c>
      <c r="DB30" s="203">
        <v>0</v>
      </c>
      <c r="DC30" s="203">
        <v>0</v>
      </c>
      <c r="DD30" s="203">
        <v>0</v>
      </c>
      <c r="DE30" s="203">
        <v>0</v>
      </c>
      <c r="DF30" s="203">
        <v>0</v>
      </c>
      <c r="DG30" s="208">
        <v>0</v>
      </c>
      <c r="DH30" s="207">
        <v>0</v>
      </c>
    </row>
    <row r="31" spans="2:112" ht="21" customHeight="1" x14ac:dyDescent="0.2">
      <c r="B31" s="173" t="s">
        <v>29</v>
      </c>
      <c r="C31" s="202">
        <v>0</v>
      </c>
      <c r="D31" s="203">
        <v>0</v>
      </c>
      <c r="E31" s="204">
        <v>0</v>
      </c>
      <c r="F31" s="205">
        <v>0</v>
      </c>
      <c r="G31" s="203">
        <v>0</v>
      </c>
      <c r="H31" s="203">
        <v>29</v>
      </c>
      <c r="I31" s="203">
        <v>3</v>
      </c>
      <c r="J31" s="203">
        <v>0</v>
      </c>
      <c r="K31" s="203">
        <v>116</v>
      </c>
      <c r="L31" s="206">
        <v>148</v>
      </c>
      <c r="M31" s="207">
        <v>148</v>
      </c>
      <c r="N31" s="202">
        <v>0</v>
      </c>
      <c r="O31" s="203">
        <v>0</v>
      </c>
      <c r="P31" s="208">
        <v>0</v>
      </c>
      <c r="Q31" s="205">
        <v>0</v>
      </c>
      <c r="R31" s="203">
        <v>0</v>
      </c>
      <c r="S31" s="203">
        <v>0</v>
      </c>
      <c r="T31" s="203">
        <v>0</v>
      </c>
      <c r="U31" s="203">
        <v>0</v>
      </c>
      <c r="V31" s="203">
        <v>7</v>
      </c>
      <c r="W31" s="208">
        <v>7</v>
      </c>
      <c r="X31" s="207">
        <v>7</v>
      </c>
      <c r="Y31" s="202">
        <v>0</v>
      </c>
      <c r="Z31" s="203">
        <v>1</v>
      </c>
      <c r="AA31" s="208">
        <v>1</v>
      </c>
      <c r="AB31" s="205">
        <v>0</v>
      </c>
      <c r="AC31" s="203">
        <v>0</v>
      </c>
      <c r="AD31" s="203">
        <v>5</v>
      </c>
      <c r="AE31" s="203">
        <v>4</v>
      </c>
      <c r="AF31" s="203">
        <v>0</v>
      </c>
      <c r="AG31" s="203">
        <v>0</v>
      </c>
      <c r="AH31" s="208">
        <v>9</v>
      </c>
      <c r="AI31" s="207">
        <v>10</v>
      </c>
      <c r="AJ31" s="202">
        <v>0</v>
      </c>
      <c r="AK31" s="203">
        <v>0</v>
      </c>
      <c r="AL31" s="208">
        <v>0</v>
      </c>
      <c r="AM31" s="205">
        <v>0</v>
      </c>
      <c r="AN31" s="203">
        <v>0</v>
      </c>
      <c r="AO31" s="203">
        <v>9</v>
      </c>
      <c r="AP31" s="203">
        <v>0</v>
      </c>
      <c r="AQ31" s="203">
        <v>0</v>
      </c>
      <c r="AR31" s="203">
        <v>0</v>
      </c>
      <c r="AS31" s="208">
        <v>9</v>
      </c>
      <c r="AT31" s="207">
        <v>9</v>
      </c>
      <c r="AU31" s="202">
        <v>0</v>
      </c>
      <c r="AV31" s="203">
        <v>0</v>
      </c>
      <c r="AW31" s="208">
        <v>0</v>
      </c>
      <c r="AX31" s="205">
        <v>0</v>
      </c>
      <c r="AY31" s="203">
        <v>0</v>
      </c>
      <c r="AZ31" s="203">
        <v>26</v>
      </c>
      <c r="BA31" s="203">
        <v>18</v>
      </c>
      <c r="BB31" s="203">
        <v>0</v>
      </c>
      <c r="BC31" s="203">
        <v>0</v>
      </c>
      <c r="BD31" s="206">
        <v>44</v>
      </c>
      <c r="BE31" s="207">
        <v>44</v>
      </c>
      <c r="BF31" s="202">
        <v>0</v>
      </c>
      <c r="BG31" s="203">
        <v>0</v>
      </c>
      <c r="BH31" s="208">
        <v>0</v>
      </c>
      <c r="BI31" s="205">
        <v>0</v>
      </c>
      <c r="BJ31" s="203">
        <v>0</v>
      </c>
      <c r="BK31" s="203">
        <v>0</v>
      </c>
      <c r="BL31" s="203">
        <v>0</v>
      </c>
      <c r="BM31" s="203">
        <v>0</v>
      </c>
      <c r="BN31" s="203">
        <v>0</v>
      </c>
      <c r="BO31" s="208">
        <v>0</v>
      </c>
      <c r="BP31" s="207">
        <v>0</v>
      </c>
      <c r="BQ31" s="202">
        <v>0</v>
      </c>
      <c r="BR31" s="203">
        <v>0</v>
      </c>
      <c r="BS31" s="208">
        <v>0</v>
      </c>
      <c r="BT31" s="205">
        <v>0</v>
      </c>
      <c r="BU31" s="203">
        <v>0</v>
      </c>
      <c r="BV31" s="203">
        <v>0</v>
      </c>
      <c r="BW31" s="203">
        <v>7</v>
      </c>
      <c r="BX31" s="203">
        <v>0</v>
      </c>
      <c r="BY31" s="203">
        <v>0</v>
      </c>
      <c r="BZ31" s="208">
        <v>7</v>
      </c>
      <c r="CA31" s="207">
        <v>7</v>
      </c>
      <c r="CB31" s="202">
        <v>0</v>
      </c>
      <c r="CC31" s="203">
        <v>0</v>
      </c>
      <c r="CD31" s="208">
        <v>0</v>
      </c>
      <c r="CE31" s="205">
        <v>0</v>
      </c>
      <c r="CF31" s="203">
        <v>0</v>
      </c>
      <c r="CG31" s="203">
        <v>0</v>
      </c>
      <c r="CH31" s="203">
        <v>0</v>
      </c>
      <c r="CI31" s="203">
        <v>0</v>
      </c>
      <c r="CJ31" s="203">
        <v>0</v>
      </c>
      <c r="CK31" s="208">
        <v>0</v>
      </c>
      <c r="CL31" s="207">
        <v>0</v>
      </c>
      <c r="CM31" s="202">
        <v>0</v>
      </c>
      <c r="CN31" s="203">
        <v>0</v>
      </c>
      <c r="CO31" s="208">
        <v>0</v>
      </c>
      <c r="CP31" s="205">
        <v>0</v>
      </c>
      <c r="CQ31" s="203">
        <v>0</v>
      </c>
      <c r="CR31" s="203">
        <v>0</v>
      </c>
      <c r="CS31" s="203">
        <v>0</v>
      </c>
      <c r="CT31" s="203">
        <v>0</v>
      </c>
      <c r="CU31" s="203">
        <v>0</v>
      </c>
      <c r="CV31" s="208">
        <v>0</v>
      </c>
      <c r="CW31" s="207">
        <v>0</v>
      </c>
      <c r="CX31" s="202">
        <v>0</v>
      </c>
      <c r="CY31" s="203">
        <v>0</v>
      </c>
      <c r="CZ31" s="208">
        <v>0</v>
      </c>
      <c r="DA31" s="205">
        <v>0</v>
      </c>
      <c r="DB31" s="203">
        <v>0</v>
      </c>
      <c r="DC31" s="203">
        <v>0</v>
      </c>
      <c r="DD31" s="203">
        <v>0</v>
      </c>
      <c r="DE31" s="203">
        <v>0</v>
      </c>
      <c r="DF31" s="203">
        <v>0</v>
      </c>
      <c r="DG31" s="208">
        <v>0</v>
      </c>
      <c r="DH31" s="207">
        <v>0</v>
      </c>
    </row>
    <row r="32" spans="2:112" ht="21" customHeight="1" x14ac:dyDescent="0.2">
      <c r="B32" s="173" t="s">
        <v>30</v>
      </c>
      <c r="C32" s="202">
        <v>0</v>
      </c>
      <c r="D32" s="203">
        <v>0</v>
      </c>
      <c r="E32" s="204">
        <v>0</v>
      </c>
      <c r="F32" s="205">
        <v>0</v>
      </c>
      <c r="G32" s="203">
        <v>12</v>
      </c>
      <c r="H32" s="203">
        <v>36</v>
      </c>
      <c r="I32" s="203">
        <v>0</v>
      </c>
      <c r="J32" s="203">
        <v>10</v>
      </c>
      <c r="K32" s="203">
        <v>0</v>
      </c>
      <c r="L32" s="206">
        <v>58</v>
      </c>
      <c r="M32" s="207">
        <v>58</v>
      </c>
      <c r="N32" s="202">
        <v>0</v>
      </c>
      <c r="O32" s="203">
        <v>0</v>
      </c>
      <c r="P32" s="208">
        <v>0</v>
      </c>
      <c r="Q32" s="205">
        <v>0</v>
      </c>
      <c r="R32" s="203">
        <v>0</v>
      </c>
      <c r="S32" s="203">
        <v>0</v>
      </c>
      <c r="T32" s="203">
        <v>0</v>
      </c>
      <c r="U32" s="203">
        <v>0</v>
      </c>
      <c r="V32" s="203">
        <v>0</v>
      </c>
      <c r="W32" s="208">
        <v>0</v>
      </c>
      <c r="X32" s="207">
        <v>0</v>
      </c>
      <c r="Y32" s="202">
        <v>0</v>
      </c>
      <c r="Z32" s="203">
        <v>20</v>
      </c>
      <c r="AA32" s="208">
        <v>20</v>
      </c>
      <c r="AB32" s="205">
        <v>0</v>
      </c>
      <c r="AC32" s="203">
        <v>5</v>
      </c>
      <c r="AD32" s="203">
        <v>0</v>
      </c>
      <c r="AE32" s="203">
        <v>2</v>
      </c>
      <c r="AF32" s="203">
        <v>3</v>
      </c>
      <c r="AG32" s="203">
        <v>0</v>
      </c>
      <c r="AH32" s="208">
        <v>10</v>
      </c>
      <c r="AI32" s="207">
        <v>30</v>
      </c>
      <c r="AJ32" s="202">
        <v>0</v>
      </c>
      <c r="AK32" s="203">
        <v>0</v>
      </c>
      <c r="AL32" s="208">
        <v>0</v>
      </c>
      <c r="AM32" s="205">
        <v>0</v>
      </c>
      <c r="AN32" s="203">
        <v>0</v>
      </c>
      <c r="AO32" s="203">
        <v>0</v>
      </c>
      <c r="AP32" s="203">
        <v>0</v>
      </c>
      <c r="AQ32" s="203">
        <v>0</v>
      </c>
      <c r="AR32" s="203">
        <v>0</v>
      </c>
      <c r="AS32" s="208">
        <v>0</v>
      </c>
      <c r="AT32" s="207">
        <v>0</v>
      </c>
      <c r="AU32" s="202">
        <v>0</v>
      </c>
      <c r="AV32" s="203">
        <v>0</v>
      </c>
      <c r="AW32" s="208">
        <v>0</v>
      </c>
      <c r="AX32" s="205">
        <v>0</v>
      </c>
      <c r="AY32" s="203">
        <v>0</v>
      </c>
      <c r="AZ32" s="203">
        <v>0</v>
      </c>
      <c r="BA32" s="203">
        <v>0</v>
      </c>
      <c r="BB32" s="203">
        <v>10</v>
      </c>
      <c r="BC32" s="203">
        <v>0</v>
      </c>
      <c r="BD32" s="206">
        <v>10</v>
      </c>
      <c r="BE32" s="207">
        <v>10</v>
      </c>
      <c r="BF32" s="202">
        <v>0</v>
      </c>
      <c r="BG32" s="203">
        <v>0</v>
      </c>
      <c r="BH32" s="208">
        <v>0</v>
      </c>
      <c r="BI32" s="205">
        <v>0</v>
      </c>
      <c r="BJ32" s="203">
        <v>0</v>
      </c>
      <c r="BK32" s="203">
        <v>0</v>
      </c>
      <c r="BL32" s="203">
        <v>0</v>
      </c>
      <c r="BM32" s="203">
        <v>0</v>
      </c>
      <c r="BN32" s="203">
        <v>0</v>
      </c>
      <c r="BO32" s="208">
        <v>0</v>
      </c>
      <c r="BP32" s="207">
        <v>0</v>
      </c>
      <c r="BQ32" s="202">
        <v>0</v>
      </c>
      <c r="BR32" s="203">
        <v>0</v>
      </c>
      <c r="BS32" s="208">
        <v>0</v>
      </c>
      <c r="BT32" s="205">
        <v>0</v>
      </c>
      <c r="BU32" s="203">
        <v>0</v>
      </c>
      <c r="BV32" s="203">
        <v>0</v>
      </c>
      <c r="BW32" s="203">
        <v>0</v>
      </c>
      <c r="BX32" s="203">
        <v>11</v>
      </c>
      <c r="BY32" s="203">
        <v>0</v>
      </c>
      <c r="BZ32" s="208">
        <v>11</v>
      </c>
      <c r="CA32" s="207">
        <v>11</v>
      </c>
      <c r="CB32" s="202">
        <v>0</v>
      </c>
      <c r="CC32" s="203">
        <v>0</v>
      </c>
      <c r="CD32" s="208">
        <v>0</v>
      </c>
      <c r="CE32" s="205">
        <v>0</v>
      </c>
      <c r="CF32" s="203">
        <v>0</v>
      </c>
      <c r="CG32" s="203">
        <v>0</v>
      </c>
      <c r="CH32" s="203">
        <v>0</v>
      </c>
      <c r="CI32" s="203">
        <v>0</v>
      </c>
      <c r="CJ32" s="203">
        <v>0</v>
      </c>
      <c r="CK32" s="208">
        <v>0</v>
      </c>
      <c r="CL32" s="207">
        <v>0</v>
      </c>
      <c r="CM32" s="202">
        <v>0</v>
      </c>
      <c r="CN32" s="203">
        <v>0</v>
      </c>
      <c r="CO32" s="208">
        <v>0</v>
      </c>
      <c r="CP32" s="205">
        <v>0</v>
      </c>
      <c r="CQ32" s="203">
        <v>0</v>
      </c>
      <c r="CR32" s="203">
        <v>0</v>
      </c>
      <c r="CS32" s="203">
        <v>0</v>
      </c>
      <c r="CT32" s="203">
        <v>0</v>
      </c>
      <c r="CU32" s="203">
        <v>0</v>
      </c>
      <c r="CV32" s="208">
        <v>0</v>
      </c>
      <c r="CW32" s="207">
        <v>0</v>
      </c>
      <c r="CX32" s="202">
        <v>0</v>
      </c>
      <c r="CY32" s="203">
        <v>0</v>
      </c>
      <c r="CZ32" s="208">
        <v>0</v>
      </c>
      <c r="DA32" s="205">
        <v>0</v>
      </c>
      <c r="DB32" s="203">
        <v>0</v>
      </c>
      <c r="DC32" s="203">
        <v>0</v>
      </c>
      <c r="DD32" s="203">
        <v>0</v>
      </c>
      <c r="DE32" s="203">
        <v>0</v>
      </c>
      <c r="DF32" s="203">
        <v>0</v>
      </c>
      <c r="DG32" s="208">
        <v>0</v>
      </c>
      <c r="DH32" s="207">
        <v>0</v>
      </c>
    </row>
    <row r="33" spans="2:112" ht="21" customHeight="1" x14ac:dyDescent="0.2">
      <c r="B33" s="173" t="s">
        <v>31</v>
      </c>
      <c r="C33" s="202">
        <v>0</v>
      </c>
      <c r="D33" s="203">
        <v>0</v>
      </c>
      <c r="E33" s="204">
        <v>0</v>
      </c>
      <c r="F33" s="205">
        <v>0</v>
      </c>
      <c r="G33" s="203">
        <v>0</v>
      </c>
      <c r="H33" s="203">
        <v>0</v>
      </c>
      <c r="I33" s="203">
        <v>62</v>
      </c>
      <c r="J33" s="203">
        <v>0</v>
      </c>
      <c r="K33" s="203">
        <v>0</v>
      </c>
      <c r="L33" s="206">
        <v>62</v>
      </c>
      <c r="M33" s="207">
        <v>62</v>
      </c>
      <c r="N33" s="202">
        <v>0</v>
      </c>
      <c r="O33" s="203">
        <v>0</v>
      </c>
      <c r="P33" s="208">
        <v>0</v>
      </c>
      <c r="Q33" s="205">
        <v>0</v>
      </c>
      <c r="R33" s="203">
        <v>0</v>
      </c>
      <c r="S33" s="203">
        <v>5</v>
      </c>
      <c r="T33" s="203">
        <v>8</v>
      </c>
      <c r="U33" s="203">
        <v>0</v>
      </c>
      <c r="V33" s="203">
        <v>0</v>
      </c>
      <c r="W33" s="208">
        <v>13</v>
      </c>
      <c r="X33" s="207">
        <v>13</v>
      </c>
      <c r="Y33" s="202">
        <v>0</v>
      </c>
      <c r="Z33" s="203">
        <v>0</v>
      </c>
      <c r="AA33" s="208">
        <v>0</v>
      </c>
      <c r="AB33" s="205">
        <v>0</v>
      </c>
      <c r="AC33" s="203">
        <v>3</v>
      </c>
      <c r="AD33" s="203">
        <v>0</v>
      </c>
      <c r="AE33" s="203">
        <v>8</v>
      </c>
      <c r="AF33" s="203">
        <v>0</v>
      </c>
      <c r="AG33" s="203">
        <v>0</v>
      </c>
      <c r="AH33" s="208">
        <v>11</v>
      </c>
      <c r="AI33" s="207">
        <v>11</v>
      </c>
      <c r="AJ33" s="202">
        <v>0</v>
      </c>
      <c r="AK33" s="203">
        <v>0</v>
      </c>
      <c r="AL33" s="208">
        <v>0</v>
      </c>
      <c r="AM33" s="205">
        <v>0</v>
      </c>
      <c r="AN33" s="203">
        <v>0</v>
      </c>
      <c r="AO33" s="203">
        <v>0</v>
      </c>
      <c r="AP33" s="203">
        <v>0</v>
      </c>
      <c r="AQ33" s="203">
        <v>0</v>
      </c>
      <c r="AR33" s="203">
        <v>0</v>
      </c>
      <c r="AS33" s="208">
        <v>0</v>
      </c>
      <c r="AT33" s="207">
        <v>0</v>
      </c>
      <c r="AU33" s="202">
        <v>0</v>
      </c>
      <c r="AV33" s="203">
        <v>0</v>
      </c>
      <c r="AW33" s="208">
        <v>0</v>
      </c>
      <c r="AX33" s="205">
        <v>0</v>
      </c>
      <c r="AY33" s="203">
        <v>20</v>
      </c>
      <c r="AZ33" s="203">
        <v>0</v>
      </c>
      <c r="BA33" s="203">
        <v>0</v>
      </c>
      <c r="BB33" s="203">
        <v>0</v>
      </c>
      <c r="BC33" s="203">
        <v>0</v>
      </c>
      <c r="BD33" s="206">
        <v>20</v>
      </c>
      <c r="BE33" s="207">
        <v>20</v>
      </c>
      <c r="BF33" s="202">
        <v>0</v>
      </c>
      <c r="BG33" s="203">
        <v>0</v>
      </c>
      <c r="BH33" s="208">
        <v>0</v>
      </c>
      <c r="BI33" s="205">
        <v>0</v>
      </c>
      <c r="BJ33" s="203">
        <v>6</v>
      </c>
      <c r="BK33" s="203">
        <v>7</v>
      </c>
      <c r="BL33" s="203">
        <v>5</v>
      </c>
      <c r="BM33" s="203">
        <v>0</v>
      </c>
      <c r="BN33" s="203">
        <v>0</v>
      </c>
      <c r="BO33" s="208">
        <v>18</v>
      </c>
      <c r="BP33" s="207">
        <v>18</v>
      </c>
      <c r="BQ33" s="202">
        <v>0</v>
      </c>
      <c r="BR33" s="203">
        <v>0</v>
      </c>
      <c r="BS33" s="208">
        <v>0</v>
      </c>
      <c r="BT33" s="205">
        <v>0</v>
      </c>
      <c r="BU33" s="203">
        <v>0</v>
      </c>
      <c r="BV33" s="203">
        <v>0</v>
      </c>
      <c r="BW33" s="203">
        <v>28</v>
      </c>
      <c r="BX33" s="203">
        <v>3</v>
      </c>
      <c r="BY33" s="203">
        <v>0</v>
      </c>
      <c r="BZ33" s="208">
        <v>31</v>
      </c>
      <c r="CA33" s="207">
        <v>31</v>
      </c>
      <c r="CB33" s="202">
        <v>0</v>
      </c>
      <c r="CC33" s="203">
        <v>0</v>
      </c>
      <c r="CD33" s="208">
        <v>0</v>
      </c>
      <c r="CE33" s="205">
        <v>0</v>
      </c>
      <c r="CF33" s="203">
        <v>0</v>
      </c>
      <c r="CG33" s="203">
        <v>0</v>
      </c>
      <c r="CH33" s="203">
        <v>0</v>
      </c>
      <c r="CI33" s="203">
        <v>0</v>
      </c>
      <c r="CJ33" s="203">
        <v>0</v>
      </c>
      <c r="CK33" s="208">
        <v>0</v>
      </c>
      <c r="CL33" s="207">
        <v>0</v>
      </c>
      <c r="CM33" s="202">
        <v>0</v>
      </c>
      <c r="CN33" s="203">
        <v>0</v>
      </c>
      <c r="CO33" s="208">
        <v>0</v>
      </c>
      <c r="CP33" s="205">
        <v>0</v>
      </c>
      <c r="CQ33" s="203">
        <v>0</v>
      </c>
      <c r="CR33" s="203">
        <v>0</v>
      </c>
      <c r="CS33" s="203">
        <v>0</v>
      </c>
      <c r="CT33" s="203">
        <v>0</v>
      </c>
      <c r="CU33" s="203">
        <v>0</v>
      </c>
      <c r="CV33" s="208">
        <v>0</v>
      </c>
      <c r="CW33" s="207">
        <v>0</v>
      </c>
      <c r="CX33" s="202">
        <v>0</v>
      </c>
      <c r="CY33" s="203">
        <v>0</v>
      </c>
      <c r="CZ33" s="208">
        <v>0</v>
      </c>
      <c r="DA33" s="205">
        <v>0</v>
      </c>
      <c r="DB33" s="203">
        <v>0</v>
      </c>
      <c r="DC33" s="203">
        <v>0</v>
      </c>
      <c r="DD33" s="203">
        <v>0</v>
      </c>
      <c r="DE33" s="203">
        <v>0</v>
      </c>
      <c r="DF33" s="203">
        <v>0</v>
      </c>
      <c r="DG33" s="208">
        <v>0</v>
      </c>
      <c r="DH33" s="207">
        <v>0</v>
      </c>
    </row>
    <row r="34" spans="2:112" ht="21" customHeight="1" x14ac:dyDescent="0.2">
      <c r="B34" s="173" t="s">
        <v>32</v>
      </c>
      <c r="C34" s="202">
        <v>0</v>
      </c>
      <c r="D34" s="203">
        <v>0</v>
      </c>
      <c r="E34" s="204">
        <v>0</v>
      </c>
      <c r="F34" s="205">
        <v>0</v>
      </c>
      <c r="G34" s="203">
        <v>38</v>
      </c>
      <c r="H34" s="203">
        <v>29</v>
      </c>
      <c r="I34" s="203">
        <v>0</v>
      </c>
      <c r="J34" s="203">
        <v>0</v>
      </c>
      <c r="K34" s="203">
        <v>84</v>
      </c>
      <c r="L34" s="206">
        <v>151</v>
      </c>
      <c r="M34" s="207">
        <v>151</v>
      </c>
      <c r="N34" s="202">
        <v>0</v>
      </c>
      <c r="O34" s="203">
        <v>0</v>
      </c>
      <c r="P34" s="208">
        <v>0</v>
      </c>
      <c r="Q34" s="205">
        <v>0</v>
      </c>
      <c r="R34" s="203">
        <v>0</v>
      </c>
      <c r="S34" s="203">
        <v>0</v>
      </c>
      <c r="T34" s="203">
        <v>0</v>
      </c>
      <c r="U34" s="203">
        <v>0</v>
      </c>
      <c r="V34" s="203">
        <v>4</v>
      </c>
      <c r="W34" s="208">
        <v>4</v>
      </c>
      <c r="X34" s="207">
        <v>4</v>
      </c>
      <c r="Y34" s="202">
        <v>0</v>
      </c>
      <c r="Z34" s="203">
        <v>0</v>
      </c>
      <c r="AA34" s="208">
        <v>0</v>
      </c>
      <c r="AB34" s="205">
        <v>0</v>
      </c>
      <c r="AC34" s="203">
        <v>30</v>
      </c>
      <c r="AD34" s="203">
        <v>27</v>
      </c>
      <c r="AE34" s="203">
        <v>0</v>
      </c>
      <c r="AF34" s="203">
        <v>0</v>
      </c>
      <c r="AG34" s="203">
        <v>0</v>
      </c>
      <c r="AH34" s="208">
        <v>57</v>
      </c>
      <c r="AI34" s="207">
        <v>57</v>
      </c>
      <c r="AJ34" s="202">
        <v>0</v>
      </c>
      <c r="AK34" s="203">
        <v>0</v>
      </c>
      <c r="AL34" s="208">
        <v>0</v>
      </c>
      <c r="AM34" s="205">
        <v>0</v>
      </c>
      <c r="AN34" s="203">
        <v>0</v>
      </c>
      <c r="AO34" s="203">
        <v>9</v>
      </c>
      <c r="AP34" s="203">
        <v>0</v>
      </c>
      <c r="AQ34" s="203">
        <v>0</v>
      </c>
      <c r="AR34" s="203">
        <v>0</v>
      </c>
      <c r="AS34" s="208">
        <v>9</v>
      </c>
      <c r="AT34" s="207">
        <v>9</v>
      </c>
      <c r="AU34" s="202">
        <v>0</v>
      </c>
      <c r="AV34" s="203">
        <v>0</v>
      </c>
      <c r="AW34" s="208">
        <v>0</v>
      </c>
      <c r="AX34" s="205">
        <v>0</v>
      </c>
      <c r="AY34" s="203">
        <v>20</v>
      </c>
      <c r="AZ34" s="203">
        <v>46</v>
      </c>
      <c r="BA34" s="203">
        <v>25</v>
      </c>
      <c r="BB34" s="203">
        <v>0</v>
      </c>
      <c r="BC34" s="203">
        <v>0</v>
      </c>
      <c r="BD34" s="206">
        <v>91</v>
      </c>
      <c r="BE34" s="207">
        <v>91</v>
      </c>
      <c r="BF34" s="202">
        <v>0</v>
      </c>
      <c r="BG34" s="203">
        <v>0</v>
      </c>
      <c r="BH34" s="208">
        <v>0</v>
      </c>
      <c r="BI34" s="205">
        <v>0</v>
      </c>
      <c r="BJ34" s="203">
        <v>0</v>
      </c>
      <c r="BK34" s="203">
        <v>13</v>
      </c>
      <c r="BL34" s="203">
        <v>0</v>
      </c>
      <c r="BM34" s="203">
        <v>0</v>
      </c>
      <c r="BN34" s="203">
        <v>0</v>
      </c>
      <c r="BO34" s="208">
        <v>13</v>
      </c>
      <c r="BP34" s="207">
        <v>13</v>
      </c>
      <c r="BQ34" s="202">
        <v>0</v>
      </c>
      <c r="BR34" s="203">
        <v>0</v>
      </c>
      <c r="BS34" s="208">
        <v>0</v>
      </c>
      <c r="BT34" s="205">
        <v>0</v>
      </c>
      <c r="BU34" s="203">
        <v>0</v>
      </c>
      <c r="BV34" s="203">
        <v>0</v>
      </c>
      <c r="BW34" s="203">
        <v>0</v>
      </c>
      <c r="BX34" s="203">
        <v>0</v>
      </c>
      <c r="BY34" s="203">
        <v>0</v>
      </c>
      <c r="BZ34" s="208">
        <v>0</v>
      </c>
      <c r="CA34" s="207">
        <v>0</v>
      </c>
      <c r="CB34" s="202">
        <v>0</v>
      </c>
      <c r="CC34" s="203">
        <v>0</v>
      </c>
      <c r="CD34" s="208">
        <v>0</v>
      </c>
      <c r="CE34" s="205">
        <v>0</v>
      </c>
      <c r="CF34" s="203">
        <v>0</v>
      </c>
      <c r="CG34" s="203">
        <v>0</v>
      </c>
      <c r="CH34" s="203">
        <v>0</v>
      </c>
      <c r="CI34" s="203">
        <v>0</v>
      </c>
      <c r="CJ34" s="203">
        <v>0</v>
      </c>
      <c r="CK34" s="208">
        <v>0</v>
      </c>
      <c r="CL34" s="207">
        <v>0</v>
      </c>
      <c r="CM34" s="202">
        <v>0</v>
      </c>
      <c r="CN34" s="203">
        <v>0</v>
      </c>
      <c r="CO34" s="208">
        <v>0</v>
      </c>
      <c r="CP34" s="205">
        <v>0</v>
      </c>
      <c r="CQ34" s="203">
        <v>0</v>
      </c>
      <c r="CR34" s="203">
        <v>0</v>
      </c>
      <c r="CS34" s="203">
        <v>0</v>
      </c>
      <c r="CT34" s="203">
        <v>0</v>
      </c>
      <c r="CU34" s="203">
        <v>0</v>
      </c>
      <c r="CV34" s="208">
        <v>0</v>
      </c>
      <c r="CW34" s="207">
        <v>0</v>
      </c>
      <c r="CX34" s="202">
        <v>0</v>
      </c>
      <c r="CY34" s="203">
        <v>0</v>
      </c>
      <c r="CZ34" s="208">
        <v>0</v>
      </c>
      <c r="DA34" s="205">
        <v>0</v>
      </c>
      <c r="DB34" s="203">
        <v>0</v>
      </c>
      <c r="DC34" s="203">
        <v>0</v>
      </c>
      <c r="DD34" s="203">
        <v>0</v>
      </c>
      <c r="DE34" s="203">
        <v>0</v>
      </c>
      <c r="DF34" s="203">
        <v>0</v>
      </c>
      <c r="DG34" s="208">
        <v>0</v>
      </c>
      <c r="DH34" s="207">
        <v>0</v>
      </c>
    </row>
    <row r="35" spans="2:112" ht="21" customHeight="1" x14ac:dyDescent="0.2">
      <c r="B35" s="173" t="s">
        <v>33</v>
      </c>
      <c r="C35" s="202">
        <v>0</v>
      </c>
      <c r="D35" s="203">
        <v>0</v>
      </c>
      <c r="E35" s="204">
        <v>0</v>
      </c>
      <c r="F35" s="205">
        <v>0</v>
      </c>
      <c r="G35" s="203">
        <v>9</v>
      </c>
      <c r="H35" s="203">
        <v>0</v>
      </c>
      <c r="I35" s="203">
        <v>11</v>
      </c>
      <c r="J35" s="203">
        <v>0</v>
      </c>
      <c r="K35" s="203">
        <v>0</v>
      </c>
      <c r="L35" s="206">
        <v>20</v>
      </c>
      <c r="M35" s="207">
        <v>20</v>
      </c>
      <c r="N35" s="202">
        <v>0</v>
      </c>
      <c r="O35" s="203">
        <v>0</v>
      </c>
      <c r="P35" s="208">
        <v>0</v>
      </c>
      <c r="Q35" s="205">
        <v>0</v>
      </c>
      <c r="R35" s="203">
        <v>0</v>
      </c>
      <c r="S35" s="203">
        <v>0</v>
      </c>
      <c r="T35" s="203">
        <v>0</v>
      </c>
      <c r="U35" s="203">
        <v>0</v>
      </c>
      <c r="V35" s="203">
        <v>0</v>
      </c>
      <c r="W35" s="208">
        <v>0</v>
      </c>
      <c r="X35" s="207">
        <v>0</v>
      </c>
      <c r="Y35" s="202">
        <v>0</v>
      </c>
      <c r="Z35" s="203">
        <v>0</v>
      </c>
      <c r="AA35" s="208">
        <v>0</v>
      </c>
      <c r="AB35" s="205">
        <v>0</v>
      </c>
      <c r="AC35" s="203">
        <v>25</v>
      </c>
      <c r="AD35" s="203">
        <v>3</v>
      </c>
      <c r="AE35" s="203">
        <v>5</v>
      </c>
      <c r="AF35" s="203">
        <v>0</v>
      </c>
      <c r="AG35" s="203">
        <v>0</v>
      </c>
      <c r="AH35" s="208">
        <v>33</v>
      </c>
      <c r="AI35" s="207">
        <v>33</v>
      </c>
      <c r="AJ35" s="202">
        <v>18</v>
      </c>
      <c r="AK35" s="203">
        <v>9</v>
      </c>
      <c r="AL35" s="208">
        <v>27</v>
      </c>
      <c r="AM35" s="205">
        <v>0</v>
      </c>
      <c r="AN35" s="203">
        <v>0</v>
      </c>
      <c r="AO35" s="203">
        <v>0</v>
      </c>
      <c r="AP35" s="203">
        <v>15</v>
      </c>
      <c r="AQ35" s="203">
        <v>0</v>
      </c>
      <c r="AR35" s="203">
        <v>0</v>
      </c>
      <c r="AS35" s="208">
        <v>15</v>
      </c>
      <c r="AT35" s="207">
        <v>42</v>
      </c>
      <c r="AU35" s="202">
        <v>0</v>
      </c>
      <c r="AV35" s="203">
        <v>0</v>
      </c>
      <c r="AW35" s="208">
        <v>0</v>
      </c>
      <c r="AX35" s="205">
        <v>0</v>
      </c>
      <c r="AY35" s="203">
        <v>4</v>
      </c>
      <c r="AZ35" s="203">
        <v>0</v>
      </c>
      <c r="BA35" s="203">
        <v>0</v>
      </c>
      <c r="BB35" s="203">
        <v>0</v>
      </c>
      <c r="BC35" s="203">
        <v>0</v>
      </c>
      <c r="BD35" s="206">
        <v>4</v>
      </c>
      <c r="BE35" s="207">
        <v>4</v>
      </c>
      <c r="BF35" s="202">
        <v>0</v>
      </c>
      <c r="BG35" s="203">
        <v>0</v>
      </c>
      <c r="BH35" s="208">
        <v>0</v>
      </c>
      <c r="BI35" s="205">
        <v>0</v>
      </c>
      <c r="BJ35" s="203">
        <v>0</v>
      </c>
      <c r="BK35" s="203">
        <v>0</v>
      </c>
      <c r="BL35" s="203">
        <v>0</v>
      </c>
      <c r="BM35" s="203">
        <v>0</v>
      </c>
      <c r="BN35" s="203">
        <v>0</v>
      </c>
      <c r="BO35" s="208">
        <v>0</v>
      </c>
      <c r="BP35" s="207">
        <v>0</v>
      </c>
      <c r="BQ35" s="202">
        <v>0</v>
      </c>
      <c r="BR35" s="203">
        <v>0</v>
      </c>
      <c r="BS35" s="208">
        <v>0</v>
      </c>
      <c r="BT35" s="205">
        <v>0</v>
      </c>
      <c r="BU35" s="203">
        <v>0</v>
      </c>
      <c r="BV35" s="203">
        <v>0</v>
      </c>
      <c r="BW35" s="203">
        <v>0</v>
      </c>
      <c r="BX35" s="203">
        <v>0</v>
      </c>
      <c r="BY35" s="203">
        <v>0</v>
      </c>
      <c r="BZ35" s="208">
        <v>0</v>
      </c>
      <c r="CA35" s="207">
        <v>0</v>
      </c>
      <c r="CB35" s="202">
        <v>0</v>
      </c>
      <c r="CC35" s="203">
        <v>0</v>
      </c>
      <c r="CD35" s="208">
        <v>0</v>
      </c>
      <c r="CE35" s="205">
        <v>0</v>
      </c>
      <c r="CF35" s="203">
        <v>0</v>
      </c>
      <c r="CG35" s="203">
        <v>0</v>
      </c>
      <c r="CH35" s="203">
        <v>0</v>
      </c>
      <c r="CI35" s="203">
        <v>0</v>
      </c>
      <c r="CJ35" s="203">
        <v>0</v>
      </c>
      <c r="CK35" s="208">
        <v>0</v>
      </c>
      <c r="CL35" s="207">
        <v>0</v>
      </c>
      <c r="CM35" s="202">
        <v>0</v>
      </c>
      <c r="CN35" s="203">
        <v>0</v>
      </c>
      <c r="CO35" s="208">
        <v>0</v>
      </c>
      <c r="CP35" s="205">
        <v>0</v>
      </c>
      <c r="CQ35" s="203">
        <v>0</v>
      </c>
      <c r="CR35" s="203">
        <v>0</v>
      </c>
      <c r="CS35" s="203">
        <v>0</v>
      </c>
      <c r="CT35" s="203">
        <v>0</v>
      </c>
      <c r="CU35" s="203">
        <v>0</v>
      </c>
      <c r="CV35" s="208">
        <v>0</v>
      </c>
      <c r="CW35" s="207">
        <v>0</v>
      </c>
      <c r="CX35" s="202">
        <v>0</v>
      </c>
      <c r="CY35" s="203">
        <v>0</v>
      </c>
      <c r="CZ35" s="208">
        <v>0</v>
      </c>
      <c r="DA35" s="205">
        <v>0</v>
      </c>
      <c r="DB35" s="203">
        <v>0</v>
      </c>
      <c r="DC35" s="203">
        <v>0</v>
      </c>
      <c r="DD35" s="203">
        <v>0</v>
      </c>
      <c r="DE35" s="203">
        <v>0</v>
      </c>
      <c r="DF35" s="203">
        <v>0</v>
      </c>
      <c r="DG35" s="208">
        <v>0</v>
      </c>
      <c r="DH35" s="207">
        <v>0</v>
      </c>
    </row>
    <row r="36" spans="2:112" ht="21" customHeight="1" x14ac:dyDescent="0.2">
      <c r="B36" s="173" t="s">
        <v>34</v>
      </c>
      <c r="C36" s="202">
        <v>0</v>
      </c>
      <c r="D36" s="203">
        <v>0</v>
      </c>
      <c r="E36" s="204">
        <v>0</v>
      </c>
      <c r="F36" s="205">
        <v>0</v>
      </c>
      <c r="G36" s="203">
        <v>0</v>
      </c>
      <c r="H36" s="203">
        <v>0</v>
      </c>
      <c r="I36" s="203">
        <v>0</v>
      </c>
      <c r="J36" s="203">
        <v>0</v>
      </c>
      <c r="K36" s="203">
        <v>0</v>
      </c>
      <c r="L36" s="206">
        <v>0</v>
      </c>
      <c r="M36" s="207">
        <v>0</v>
      </c>
      <c r="N36" s="202">
        <v>0</v>
      </c>
      <c r="O36" s="203">
        <v>0</v>
      </c>
      <c r="P36" s="208">
        <v>0</v>
      </c>
      <c r="Q36" s="205">
        <v>0</v>
      </c>
      <c r="R36" s="203">
        <v>0</v>
      </c>
      <c r="S36" s="203">
        <v>0</v>
      </c>
      <c r="T36" s="203">
        <v>0</v>
      </c>
      <c r="U36" s="203">
        <v>0</v>
      </c>
      <c r="V36" s="203">
        <v>0</v>
      </c>
      <c r="W36" s="208">
        <v>0</v>
      </c>
      <c r="X36" s="207">
        <v>0</v>
      </c>
      <c r="Y36" s="202">
        <v>0</v>
      </c>
      <c r="Z36" s="203">
        <v>0</v>
      </c>
      <c r="AA36" s="208">
        <v>0</v>
      </c>
      <c r="AB36" s="205">
        <v>0</v>
      </c>
      <c r="AC36" s="203">
        <v>4</v>
      </c>
      <c r="AD36" s="203">
        <v>16</v>
      </c>
      <c r="AE36" s="203">
        <v>0</v>
      </c>
      <c r="AF36" s="203">
        <v>9</v>
      </c>
      <c r="AG36" s="203">
        <v>0</v>
      </c>
      <c r="AH36" s="208">
        <v>29</v>
      </c>
      <c r="AI36" s="207">
        <v>29</v>
      </c>
      <c r="AJ36" s="202">
        <v>0</v>
      </c>
      <c r="AK36" s="203">
        <v>0</v>
      </c>
      <c r="AL36" s="208">
        <v>0</v>
      </c>
      <c r="AM36" s="205">
        <v>0</v>
      </c>
      <c r="AN36" s="203">
        <v>0</v>
      </c>
      <c r="AO36" s="203">
        <v>0</v>
      </c>
      <c r="AP36" s="203">
        <v>0</v>
      </c>
      <c r="AQ36" s="203">
        <v>0</v>
      </c>
      <c r="AR36" s="203">
        <v>0</v>
      </c>
      <c r="AS36" s="208">
        <v>0</v>
      </c>
      <c r="AT36" s="207">
        <v>0</v>
      </c>
      <c r="AU36" s="202">
        <v>0</v>
      </c>
      <c r="AV36" s="203">
        <v>0</v>
      </c>
      <c r="AW36" s="208">
        <v>0</v>
      </c>
      <c r="AX36" s="205">
        <v>0</v>
      </c>
      <c r="AY36" s="203">
        <v>0</v>
      </c>
      <c r="AZ36" s="203">
        <v>21</v>
      </c>
      <c r="BA36" s="203">
        <v>0</v>
      </c>
      <c r="BB36" s="203">
        <v>0</v>
      </c>
      <c r="BC36" s="203">
        <v>0</v>
      </c>
      <c r="BD36" s="206">
        <v>21</v>
      </c>
      <c r="BE36" s="207">
        <v>21</v>
      </c>
      <c r="BF36" s="202">
        <v>0</v>
      </c>
      <c r="BG36" s="203">
        <v>0</v>
      </c>
      <c r="BH36" s="208">
        <v>0</v>
      </c>
      <c r="BI36" s="205">
        <v>0</v>
      </c>
      <c r="BJ36" s="203">
        <v>0</v>
      </c>
      <c r="BK36" s="203">
        <v>0</v>
      </c>
      <c r="BL36" s="203">
        <v>0</v>
      </c>
      <c r="BM36" s="203">
        <v>0</v>
      </c>
      <c r="BN36" s="203">
        <v>0</v>
      </c>
      <c r="BO36" s="208">
        <v>0</v>
      </c>
      <c r="BP36" s="207">
        <v>0</v>
      </c>
      <c r="BQ36" s="202">
        <v>0</v>
      </c>
      <c r="BR36" s="203">
        <v>0</v>
      </c>
      <c r="BS36" s="208">
        <v>0</v>
      </c>
      <c r="BT36" s="205">
        <v>0</v>
      </c>
      <c r="BU36" s="203">
        <v>0</v>
      </c>
      <c r="BV36" s="203">
        <v>0</v>
      </c>
      <c r="BW36" s="203">
        <v>0</v>
      </c>
      <c r="BX36" s="203">
        <v>0</v>
      </c>
      <c r="BY36" s="203">
        <v>0</v>
      </c>
      <c r="BZ36" s="208">
        <v>0</v>
      </c>
      <c r="CA36" s="207">
        <v>0</v>
      </c>
      <c r="CB36" s="202">
        <v>0</v>
      </c>
      <c r="CC36" s="203">
        <v>0</v>
      </c>
      <c r="CD36" s="208">
        <v>0</v>
      </c>
      <c r="CE36" s="205">
        <v>0</v>
      </c>
      <c r="CF36" s="203">
        <v>0</v>
      </c>
      <c r="CG36" s="203">
        <v>0</v>
      </c>
      <c r="CH36" s="203">
        <v>0</v>
      </c>
      <c r="CI36" s="203">
        <v>0</v>
      </c>
      <c r="CJ36" s="203">
        <v>0</v>
      </c>
      <c r="CK36" s="208">
        <v>0</v>
      </c>
      <c r="CL36" s="207">
        <v>0</v>
      </c>
      <c r="CM36" s="202">
        <v>0</v>
      </c>
      <c r="CN36" s="203">
        <v>0</v>
      </c>
      <c r="CO36" s="208">
        <v>0</v>
      </c>
      <c r="CP36" s="205">
        <v>0</v>
      </c>
      <c r="CQ36" s="203">
        <v>0</v>
      </c>
      <c r="CR36" s="203">
        <v>0</v>
      </c>
      <c r="CS36" s="203">
        <v>0</v>
      </c>
      <c r="CT36" s="203">
        <v>0</v>
      </c>
      <c r="CU36" s="203">
        <v>0</v>
      </c>
      <c r="CV36" s="208">
        <v>0</v>
      </c>
      <c r="CW36" s="207">
        <v>0</v>
      </c>
      <c r="CX36" s="202">
        <v>0</v>
      </c>
      <c r="CY36" s="203">
        <v>0</v>
      </c>
      <c r="CZ36" s="208">
        <v>0</v>
      </c>
      <c r="DA36" s="205">
        <v>0</v>
      </c>
      <c r="DB36" s="203">
        <v>0</v>
      </c>
      <c r="DC36" s="203">
        <v>0</v>
      </c>
      <c r="DD36" s="203">
        <v>0</v>
      </c>
      <c r="DE36" s="203">
        <v>0</v>
      </c>
      <c r="DF36" s="203">
        <v>0</v>
      </c>
      <c r="DG36" s="208">
        <v>0</v>
      </c>
      <c r="DH36" s="207">
        <v>0</v>
      </c>
    </row>
    <row r="37" spans="2:112" ht="21" customHeight="1" x14ac:dyDescent="0.2">
      <c r="B37" s="173" t="s">
        <v>35</v>
      </c>
      <c r="C37" s="202">
        <v>0</v>
      </c>
      <c r="D37" s="203">
        <v>0</v>
      </c>
      <c r="E37" s="204">
        <v>0</v>
      </c>
      <c r="F37" s="205">
        <v>0</v>
      </c>
      <c r="G37" s="203">
        <v>45</v>
      </c>
      <c r="H37" s="203">
        <v>9</v>
      </c>
      <c r="I37" s="203">
        <v>12</v>
      </c>
      <c r="J37" s="203">
        <v>71</v>
      </c>
      <c r="K37" s="203">
        <v>0</v>
      </c>
      <c r="L37" s="206">
        <v>137</v>
      </c>
      <c r="M37" s="207">
        <v>137</v>
      </c>
      <c r="N37" s="202">
        <v>0</v>
      </c>
      <c r="O37" s="203">
        <v>0</v>
      </c>
      <c r="P37" s="208">
        <v>0</v>
      </c>
      <c r="Q37" s="205">
        <v>0</v>
      </c>
      <c r="R37" s="203">
        <v>0</v>
      </c>
      <c r="S37" s="203">
        <v>0</v>
      </c>
      <c r="T37" s="203">
        <v>0</v>
      </c>
      <c r="U37" s="203">
        <v>8</v>
      </c>
      <c r="V37" s="203">
        <v>0</v>
      </c>
      <c r="W37" s="208">
        <v>8</v>
      </c>
      <c r="X37" s="207">
        <v>8</v>
      </c>
      <c r="Y37" s="202">
        <v>0</v>
      </c>
      <c r="Z37" s="203">
        <v>0</v>
      </c>
      <c r="AA37" s="208">
        <v>0</v>
      </c>
      <c r="AB37" s="205">
        <v>0</v>
      </c>
      <c r="AC37" s="203">
        <v>5</v>
      </c>
      <c r="AD37" s="203">
        <v>0</v>
      </c>
      <c r="AE37" s="203">
        <v>1</v>
      </c>
      <c r="AF37" s="203">
        <v>0</v>
      </c>
      <c r="AG37" s="203">
        <v>0</v>
      </c>
      <c r="AH37" s="208">
        <v>6</v>
      </c>
      <c r="AI37" s="207">
        <v>6</v>
      </c>
      <c r="AJ37" s="202">
        <v>10</v>
      </c>
      <c r="AK37" s="203">
        <v>24</v>
      </c>
      <c r="AL37" s="208">
        <v>34</v>
      </c>
      <c r="AM37" s="205">
        <v>0</v>
      </c>
      <c r="AN37" s="203">
        <v>12</v>
      </c>
      <c r="AO37" s="203">
        <v>0</v>
      </c>
      <c r="AP37" s="203">
        <v>0</v>
      </c>
      <c r="AQ37" s="203">
        <v>0</v>
      </c>
      <c r="AR37" s="203">
        <v>0</v>
      </c>
      <c r="AS37" s="208">
        <v>12</v>
      </c>
      <c r="AT37" s="207">
        <v>46</v>
      </c>
      <c r="AU37" s="202">
        <v>0</v>
      </c>
      <c r="AV37" s="203">
        <v>0</v>
      </c>
      <c r="AW37" s="208">
        <v>0</v>
      </c>
      <c r="AX37" s="205">
        <v>0</v>
      </c>
      <c r="AY37" s="203">
        <v>31</v>
      </c>
      <c r="AZ37" s="203">
        <v>27</v>
      </c>
      <c r="BA37" s="203">
        <v>42</v>
      </c>
      <c r="BB37" s="203">
        <v>0</v>
      </c>
      <c r="BC37" s="203">
        <v>0</v>
      </c>
      <c r="BD37" s="206">
        <v>100</v>
      </c>
      <c r="BE37" s="207">
        <v>100</v>
      </c>
      <c r="BF37" s="202">
        <v>0</v>
      </c>
      <c r="BG37" s="203">
        <v>0</v>
      </c>
      <c r="BH37" s="208">
        <v>0</v>
      </c>
      <c r="BI37" s="205">
        <v>0</v>
      </c>
      <c r="BJ37" s="203">
        <v>29</v>
      </c>
      <c r="BK37" s="203">
        <v>0</v>
      </c>
      <c r="BL37" s="203">
        <v>3</v>
      </c>
      <c r="BM37" s="203">
        <v>14</v>
      </c>
      <c r="BN37" s="203">
        <v>0</v>
      </c>
      <c r="BO37" s="208">
        <v>46</v>
      </c>
      <c r="BP37" s="207">
        <v>46</v>
      </c>
      <c r="BQ37" s="202">
        <v>0</v>
      </c>
      <c r="BR37" s="203">
        <v>0</v>
      </c>
      <c r="BS37" s="208">
        <v>0</v>
      </c>
      <c r="BT37" s="205">
        <v>0</v>
      </c>
      <c r="BU37" s="203">
        <v>9</v>
      </c>
      <c r="BV37" s="203">
        <v>0</v>
      </c>
      <c r="BW37" s="203">
        <v>0</v>
      </c>
      <c r="BX37" s="203">
        <v>0</v>
      </c>
      <c r="BY37" s="203">
        <v>0</v>
      </c>
      <c r="BZ37" s="208">
        <v>9</v>
      </c>
      <c r="CA37" s="207">
        <v>9</v>
      </c>
      <c r="CB37" s="202">
        <v>0</v>
      </c>
      <c r="CC37" s="203">
        <v>0</v>
      </c>
      <c r="CD37" s="208">
        <v>0</v>
      </c>
      <c r="CE37" s="205">
        <v>0</v>
      </c>
      <c r="CF37" s="203">
        <v>0</v>
      </c>
      <c r="CG37" s="203">
        <v>0</v>
      </c>
      <c r="CH37" s="203">
        <v>0</v>
      </c>
      <c r="CI37" s="203">
        <v>0</v>
      </c>
      <c r="CJ37" s="203">
        <v>0</v>
      </c>
      <c r="CK37" s="208">
        <v>0</v>
      </c>
      <c r="CL37" s="207">
        <v>0</v>
      </c>
      <c r="CM37" s="202">
        <v>0</v>
      </c>
      <c r="CN37" s="203">
        <v>0</v>
      </c>
      <c r="CO37" s="208">
        <v>0</v>
      </c>
      <c r="CP37" s="205">
        <v>0</v>
      </c>
      <c r="CQ37" s="203">
        <v>0</v>
      </c>
      <c r="CR37" s="203">
        <v>0</v>
      </c>
      <c r="CS37" s="203">
        <v>0</v>
      </c>
      <c r="CT37" s="203">
        <v>0</v>
      </c>
      <c r="CU37" s="203">
        <v>0</v>
      </c>
      <c r="CV37" s="208">
        <v>0</v>
      </c>
      <c r="CW37" s="207">
        <v>0</v>
      </c>
      <c r="CX37" s="202">
        <v>0</v>
      </c>
      <c r="CY37" s="203">
        <v>0</v>
      </c>
      <c r="CZ37" s="208">
        <v>0</v>
      </c>
      <c r="DA37" s="205">
        <v>0</v>
      </c>
      <c r="DB37" s="203">
        <v>0</v>
      </c>
      <c r="DC37" s="203">
        <v>0</v>
      </c>
      <c r="DD37" s="203">
        <v>0</v>
      </c>
      <c r="DE37" s="203">
        <v>0</v>
      </c>
      <c r="DF37" s="203">
        <v>0</v>
      </c>
      <c r="DG37" s="208">
        <v>0</v>
      </c>
      <c r="DH37" s="207">
        <v>0</v>
      </c>
    </row>
    <row r="38" spans="2:112" ht="21" customHeight="1" x14ac:dyDescent="0.2">
      <c r="B38" s="173" t="s">
        <v>36</v>
      </c>
      <c r="C38" s="202">
        <v>0</v>
      </c>
      <c r="D38" s="203">
        <v>0</v>
      </c>
      <c r="E38" s="204">
        <v>0</v>
      </c>
      <c r="F38" s="205">
        <v>0</v>
      </c>
      <c r="G38" s="203">
        <v>12</v>
      </c>
      <c r="H38" s="203">
        <v>0</v>
      </c>
      <c r="I38" s="203">
        <v>9</v>
      </c>
      <c r="J38" s="203">
        <v>0</v>
      </c>
      <c r="K38" s="203">
        <v>116</v>
      </c>
      <c r="L38" s="206">
        <v>137</v>
      </c>
      <c r="M38" s="207">
        <v>137</v>
      </c>
      <c r="N38" s="202">
        <v>0</v>
      </c>
      <c r="O38" s="203">
        <v>0</v>
      </c>
      <c r="P38" s="208">
        <v>0</v>
      </c>
      <c r="Q38" s="205">
        <v>0</v>
      </c>
      <c r="R38" s="203">
        <v>0</v>
      </c>
      <c r="S38" s="203">
        <v>0</v>
      </c>
      <c r="T38" s="203">
        <v>0</v>
      </c>
      <c r="U38" s="203">
        <v>4</v>
      </c>
      <c r="V38" s="203">
        <v>0</v>
      </c>
      <c r="W38" s="208">
        <v>4</v>
      </c>
      <c r="X38" s="207">
        <v>4</v>
      </c>
      <c r="Y38" s="202">
        <v>0</v>
      </c>
      <c r="Z38" s="203">
        <v>0</v>
      </c>
      <c r="AA38" s="208">
        <v>0</v>
      </c>
      <c r="AB38" s="205">
        <v>0</v>
      </c>
      <c r="AC38" s="203">
        <v>5</v>
      </c>
      <c r="AD38" s="203">
        <v>0</v>
      </c>
      <c r="AE38" s="203">
        <v>13</v>
      </c>
      <c r="AF38" s="203">
        <v>17</v>
      </c>
      <c r="AG38" s="203">
        <v>-1</v>
      </c>
      <c r="AH38" s="208">
        <v>34</v>
      </c>
      <c r="AI38" s="207">
        <v>34</v>
      </c>
      <c r="AJ38" s="202">
        <v>0</v>
      </c>
      <c r="AK38" s="203">
        <v>14</v>
      </c>
      <c r="AL38" s="208">
        <v>14</v>
      </c>
      <c r="AM38" s="205">
        <v>0</v>
      </c>
      <c r="AN38" s="203">
        <v>0</v>
      </c>
      <c r="AO38" s="203">
        <v>10</v>
      </c>
      <c r="AP38" s="203">
        <v>6</v>
      </c>
      <c r="AQ38" s="203">
        <v>8</v>
      </c>
      <c r="AR38" s="203">
        <v>0</v>
      </c>
      <c r="AS38" s="208">
        <v>24</v>
      </c>
      <c r="AT38" s="207">
        <v>38</v>
      </c>
      <c r="AU38" s="202">
        <v>0</v>
      </c>
      <c r="AV38" s="203">
        <v>0</v>
      </c>
      <c r="AW38" s="208">
        <v>0</v>
      </c>
      <c r="AX38" s="205">
        <v>0</v>
      </c>
      <c r="AY38" s="203">
        <v>12</v>
      </c>
      <c r="AZ38" s="203">
        <v>9</v>
      </c>
      <c r="BA38" s="203">
        <v>0</v>
      </c>
      <c r="BB38" s="203">
        <v>0</v>
      </c>
      <c r="BC38" s="203">
        <v>0</v>
      </c>
      <c r="BD38" s="206">
        <v>21</v>
      </c>
      <c r="BE38" s="207">
        <v>21</v>
      </c>
      <c r="BF38" s="202">
        <v>0</v>
      </c>
      <c r="BG38" s="203">
        <v>0</v>
      </c>
      <c r="BH38" s="208">
        <v>0</v>
      </c>
      <c r="BI38" s="205">
        <v>0</v>
      </c>
      <c r="BJ38" s="203">
        <v>0</v>
      </c>
      <c r="BK38" s="203">
        <v>0</v>
      </c>
      <c r="BL38" s="203">
        <v>0</v>
      </c>
      <c r="BM38" s="203">
        <v>8</v>
      </c>
      <c r="BN38" s="203">
        <v>0</v>
      </c>
      <c r="BO38" s="208">
        <v>8</v>
      </c>
      <c r="BP38" s="207">
        <v>8</v>
      </c>
      <c r="BQ38" s="202">
        <v>0</v>
      </c>
      <c r="BR38" s="203">
        <v>0</v>
      </c>
      <c r="BS38" s="208">
        <v>0</v>
      </c>
      <c r="BT38" s="205">
        <v>0</v>
      </c>
      <c r="BU38" s="203">
        <v>0</v>
      </c>
      <c r="BV38" s="203">
        <v>3</v>
      </c>
      <c r="BW38" s="203">
        <v>0</v>
      </c>
      <c r="BX38" s="203">
        <v>28</v>
      </c>
      <c r="BY38" s="203">
        <v>0</v>
      </c>
      <c r="BZ38" s="208">
        <v>31</v>
      </c>
      <c r="CA38" s="207">
        <v>31</v>
      </c>
      <c r="CB38" s="202">
        <v>0</v>
      </c>
      <c r="CC38" s="203">
        <v>0</v>
      </c>
      <c r="CD38" s="208">
        <v>0</v>
      </c>
      <c r="CE38" s="205">
        <v>0</v>
      </c>
      <c r="CF38" s="203">
        <v>0</v>
      </c>
      <c r="CG38" s="203">
        <v>0</v>
      </c>
      <c r="CH38" s="203">
        <v>0</v>
      </c>
      <c r="CI38" s="203">
        <v>0</v>
      </c>
      <c r="CJ38" s="203">
        <v>0</v>
      </c>
      <c r="CK38" s="208">
        <v>0</v>
      </c>
      <c r="CL38" s="207">
        <v>0</v>
      </c>
      <c r="CM38" s="202">
        <v>0</v>
      </c>
      <c r="CN38" s="203">
        <v>0</v>
      </c>
      <c r="CO38" s="208">
        <v>0</v>
      </c>
      <c r="CP38" s="205">
        <v>0</v>
      </c>
      <c r="CQ38" s="203">
        <v>0</v>
      </c>
      <c r="CR38" s="203">
        <v>0</v>
      </c>
      <c r="CS38" s="203">
        <v>0</v>
      </c>
      <c r="CT38" s="203">
        <v>0</v>
      </c>
      <c r="CU38" s="203">
        <v>0</v>
      </c>
      <c r="CV38" s="208">
        <v>0</v>
      </c>
      <c r="CW38" s="207">
        <v>0</v>
      </c>
      <c r="CX38" s="202">
        <v>0</v>
      </c>
      <c r="CY38" s="203">
        <v>0</v>
      </c>
      <c r="CZ38" s="208">
        <v>0</v>
      </c>
      <c r="DA38" s="205">
        <v>0</v>
      </c>
      <c r="DB38" s="203">
        <v>0</v>
      </c>
      <c r="DC38" s="203">
        <v>0</v>
      </c>
      <c r="DD38" s="203">
        <v>0</v>
      </c>
      <c r="DE38" s="203">
        <v>0</v>
      </c>
      <c r="DF38" s="203">
        <v>0</v>
      </c>
      <c r="DG38" s="208">
        <v>0</v>
      </c>
      <c r="DH38" s="207">
        <v>0</v>
      </c>
    </row>
    <row r="39" spans="2:112" ht="21" customHeight="1" thickBot="1" x14ac:dyDescent="0.25">
      <c r="B39" s="175" t="s">
        <v>37</v>
      </c>
      <c r="C39" s="209">
        <v>0</v>
      </c>
      <c r="D39" s="210">
        <v>0</v>
      </c>
      <c r="E39" s="211">
        <v>0</v>
      </c>
      <c r="F39" s="212">
        <v>0</v>
      </c>
      <c r="G39" s="210">
        <v>0</v>
      </c>
      <c r="H39" s="210">
        <v>0</v>
      </c>
      <c r="I39" s="210">
        <v>0</v>
      </c>
      <c r="J39" s="210">
        <v>0</v>
      </c>
      <c r="K39" s="210">
        <v>0</v>
      </c>
      <c r="L39" s="213">
        <v>0</v>
      </c>
      <c r="M39" s="214">
        <v>0</v>
      </c>
      <c r="N39" s="209">
        <v>0</v>
      </c>
      <c r="O39" s="210">
        <v>0</v>
      </c>
      <c r="P39" s="215">
        <v>0</v>
      </c>
      <c r="Q39" s="212">
        <v>0</v>
      </c>
      <c r="R39" s="210">
        <v>0</v>
      </c>
      <c r="S39" s="210">
        <v>0</v>
      </c>
      <c r="T39" s="210">
        <v>0</v>
      </c>
      <c r="U39" s="210">
        <v>0</v>
      </c>
      <c r="V39" s="210">
        <v>0</v>
      </c>
      <c r="W39" s="215">
        <v>0</v>
      </c>
      <c r="X39" s="214">
        <v>0</v>
      </c>
      <c r="Y39" s="209">
        <v>0</v>
      </c>
      <c r="Z39" s="210">
        <v>0</v>
      </c>
      <c r="AA39" s="215">
        <v>0</v>
      </c>
      <c r="AB39" s="212">
        <v>0</v>
      </c>
      <c r="AC39" s="210">
        <v>0</v>
      </c>
      <c r="AD39" s="210">
        <v>0</v>
      </c>
      <c r="AE39" s="210">
        <v>0</v>
      </c>
      <c r="AF39" s="210">
        <v>0</v>
      </c>
      <c r="AG39" s="210">
        <v>0</v>
      </c>
      <c r="AH39" s="215">
        <v>0</v>
      </c>
      <c r="AI39" s="214">
        <v>0</v>
      </c>
      <c r="AJ39" s="209">
        <v>0</v>
      </c>
      <c r="AK39" s="210">
        <v>0</v>
      </c>
      <c r="AL39" s="215">
        <v>0</v>
      </c>
      <c r="AM39" s="212">
        <v>0</v>
      </c>
      <c r="AN39" s="210">
        <v>0</v>
      </c>
      <c r="AO39" s="210">
        <v>0</v>
      </c>
      <c r="AP39" s="210">
        <v>0</v>
      </c>
      <c r="AQ39" s="210">
        <v>0</v>
      </c>
      <c r="AR39" s="210">
        <v>0</v>
      </c>
      <c r="AS39" s="215">
        <v>0</v>
      </c>
      <c r="AT39" s="214">
        <v>0</v>
      </c>
      <c r="AU39" s="209">
        <v>0</v>
      </c>
      <c r="AV39" s="210">
        <v>0</v>
      </c>
      <c r="AW39" s="215">
        <v>0</v>
      </c>
      <c r="AX39" s="212">
        <v>0</v>
      </c>
      <c r="AY39" s="210">
        <v>0</v>
      </c>
      <c r="AZ39" s="210">
        <v>8</v>
      </c>
      <c r="BA39" s="210">
        <v>0</v>
      </c>
      <c r="BB39" s="210">
        <v>0</v>
      </c>
      <c r="BC39" s="210">
        <v>0</v>
      </c>
      <c r="BD39" s="213">
        <v>8</v>
      </c>
      <c r="BE39" s="214">
        <v>8</v>
      </c>
      <c r="BF39" s="209">
        <v>0</v>
      </c>
      <c r="BG39" s="210">
        <v>0</v>
      </c>
      <c r="BH39" s="215">
        <v>0</v>
      </c>
      <c r="BI39" s="212">
        <v>0</v>
      </c>
      <c r="BJ39" s="210">
        <v>4</v>
      </c>
      <c r="BK39" s="210">
        <v>0</v>
      </c>
      <c r="BL39" s="210">
        <v>8</v>
      </c>
      <c r="BM39" s="210">
        <v>0</v>
      </c>
      <c r="BN39" s="210">
        <v>0</v>
      </c>
      <c r="BO39" s="215">
        <v>12</v>
      </c>
      <c r="BP39" s="214">
        <v>12</v>
      </c>
      <c r="BQ39" s="209">
        <v>0</v>
      </c>
      <c r="BR39" s="210">
        <v>0</v>
      </c>
      <c r="BS39" s="215">
        <v>0</v>
      </c>
      <c r="BT39" s="212">
        <v>0</v>
      </c>
      <c r="BU39" s="210">
        <v>0</v>
      </c>
      <c r="BV39" s="210">
        <v>0</v>
      </c>
      <c r="BW39" s="210">
        <v>0</v>
      </c>
      <c r="BX39" s="210">
        <v>0</v>
      </c>
      <c r="BY39" s="210">
        <v>0</v>
      </c>
      <c r="BZ39" s="215">
        <v>0</v>
      </c>
      <c r="CA39" s="214">
        <v>0</v>
      </c>
      <c r="CB39" s="209">
        <v>0</v>
      </c>
      <c r="CC39" s="210">
        <v>0</v>
      </c>
      <c r="CD39" s="215">
        <v>0</v>
      </c>
      <c r="CE39" s="212">
        <v>0</v>
      </c>
      <c r="CF39" s="210">
        <v>0</v>
      </c>
      <c r="CG39" s="210">
        <v>0</v>
      </c>
      <c r="CH39" s="210">
        <v>0</v>
      </c>
      <c r="CI39" s="210">
        <v>0</v>
      </c>
      <c r="CJ39" s="210">
        <v>0</v>
      </c>
      <c r="CK39" s="215">
        <v>0</v>
      </c>
      <c r="CL39" s="214">
        <v>0</v>
      </c>
      <c r="CM39" s="209">
        <v>0</v>
      </c>
      <c r="CN39" s="210">
        <v>0</v>
      </c>
      <c r="CO39" s="215">
        <v>0</v>
      </c>
      <c r="CP39" s="212">
        <v>0</v>
      </c>
      <c r="CQ39" s="210">
        <v>0</v>
      </c>
      <c r="CR39" s="210">
        <v>0</v>
      </c>
      <c r="CS39" s="210">
        <v>0</v>
      </c>
      <c r="CT39" s="210">
        <v>0</v>
      </c>
      <c r="CU39" s="210">
        <v>0</v>
      </c>
      <c r="CV39" s="215">
        <v>0</v>
      </c>
      <c r="CW39" s="214">
        <v>0</v>
      </c>
      <c r="CX39" s="209">
        <v>0</v>
      </c>
      <c r="CY39" s="210">
        <v>0</v>
      </c>
      <c r="CZ39" s="215">
        <v>0</v>
      </c>
      <c r="DA39" s="212">
        <v>0</v>
      </c>
      <c r="DB39" s="210">
        <v>0</v>
      </c>
      <c r="DC39" s="210">
        <v>0</v>
      </c>
      <c r="DD39" s="210">
        <v>0</v>
      </c>
      <c r="DE39" s="210">
        <v>0</v>
      </c>
      <c r="DF39" s="210">
        <v>0</v>
      </c>
      <c r="DG39" s="215">
        <v>0</v>
      </c>
      <c r="DH39" s="214">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38" customWidth="1"/>
    <col min="2" max="2" width="9.77734375" style="187" customWidth="1"/>
    <col min="3" max="5" width="9" style="187"/>
    <col min="6" max="6" width="7.77734375" style="187" customWidth="1"/>
    <col min="7" max="7" width="9" style="187"/>
    <col min="8" max="8" width="10.6640625" style="187" customWidth="1"/>
    <col min="9" max="16" width="9" style="187"/>
    <col min="17" max="17" width="7.88671875" style="187" customWidth="1"/>
    <col min="18" max="27" width="9" style="187"/>
    <col min="28" max="28" width="7.77734375" style="187" customWidth="1"/>
    <col min="29" max="38" width="9" style="187"/>
    <col min="39" max="39" width="7.5546875" style="187" customWidth="1"/>
    <col min="40" max="49" width="9" style="187"/>
    <col min="50" max="50" width="7.77734375" style="187" customWidth="1"/>
    <col min="51" max="60" width="9" style="187"/>
    <col min="61" max="61" width="7.44140625" style="187" customWidth="1"/>
    <col min="62" max="71" width="9" style="187"/>
    <col min="72" max="72" width="7.33203125" style="187" customWidth="1"/>
    <col min="73" max="82" width="9" style="187"/>
    <col min="83" max="83" width="7.44140625" style="187" customWidth="1"/>
    <col min="84" max="93" width="9" style="187"/>
    <col min="94" max="94" width="7.6640625" style="187" customWidth="1"/>
    <col min="95" max="16384" width="9" style="187"/>
  </cols>
  <sheetData>
    <row r="1" spans="2:112" ht="24" customHeight="1" x14ac:dyDescent="0.2">
      <c r="B1" s="186" t="s">
        <v>121</v>
      </c>
      <c r="J1" s="464">
        <f>第１表!F2</f>
        <v>6</v>
      </c>
      <c r="K1" s="464"/>
      <c r="L1" s="43">
        <f>第１表!G2</f>
        <v>4</v>
      </c>
      <c r="M1" s="503">
        <f>IF(L1&lt;3,L1+12-2,L1-2)</f>
        <v>2</v>
      </c>
      <c r="N1" s="503"/>
    </row>
    <row r="2" spans="2:112" ht="24" customHeight="1" thickBot="1" x14ac:dyDescent="0.25">
      <c r="B2" s="186" t="s">
        <v>151</v>
      </c>
    </row>
    <row r="3" spans="2:112" ht="21" customHeight="1" thickBot="1" x14ac:dyDescent="0.25">
      <c r="B3" s="504"/>
      <c r="C3" s="507" t="s">
        <v>111</v>
      </c>
      <c r="D3" s="507"/>
      <c r="E3" s="507"/>
      <c r="F3" s="507"/>
      <c r="G3" s="507"/>
      <c r="H3" s="507"/>
      <c r="I3" s="507"/>
      <c r="J3" s="507"/>
      <c r="K3" s="507"/>
      <c r="L3" s="507"/>
      <c r="M3" s="508"/>
      <c r="N3" s="495" t="s">
        <v>110</v>
      </c>
      <c r="O3" s="495"/>
      <c r="P3" s="495"/>
      <c r="Q3" s="495"/>
      <c r="R3" s="495"/>
      <c r="S3" s="495"/>
      <c r="T3" s="495"/>
      <c r="U3" s="495"/>
      <c r="V3" s="495"/>
      <c r="W3" s="495"/>
      <c r="X3" s="496"/>
      <c r="Y3" s="494" t="s">
        <v>109</v>
      </c>
      <c r="Z3" s="495"/>
      <c r="AA3" s="495"/>
      <c r="AB3" s="495"/>
      <c r="AC3" s="495"/>
      <c r="AD3" s="495"/>
      <c r="AE3" s="495"/>
      <c r="AF3" s="495"/>
      <c r="AG3" s="495"/>
      <c r="AH3" s="495"/>
      <c r="AI3" s="496"/>
      <c r="AJ3" s="494" t="s">
        <v>108</v>
      </c>
      <c r="AK3" s="495"/>
      <c r="AL3" s="495"/>
      <c r="AM3" s="495"/>
      <c r="AN3" s="495"/>
      <c r="AO3" s="495"/>
      <c r="AP3" s="495"/>
      <c r="AQ3" s="495"/>
      <c r="AR3" s="495"/>
      <c r="AS3" s="495"/>
      <c r="AT3" s="496"/>
      <c r="AU3" s="494" t="s">
        <v>107</v>
      </c>
      <c r="AV3" s="495"/>
      <c r="AW3" s="495"/>
      <c r="AX3" s="495"/>
      <c r="AY3" s="495"/>
      <c r="AZ3" s="495"/>
      <c r="BA3" s="495"/>
      <c r="BB3" s="495"/>
      <c r="BC3" s="495"/>
      <c r="BD3" s="495"/>
      <c r="BE3" s="496"/>
      <c r="BF3" s="494" t="s">
        <v>106</v>
      </c>
      <c r="BG3" s="495"/>
      <c r="BH3" s="495"/>
      <c r="BI3" s="495"/>
      <c r="BJ3" s="495"/>
      <c r="BK3" s="495"/>
      <c r="BL3" s="495"/>
      <c r="BM3" s="495"/>
      <c r="BN3" s="495"/>
      <c r="BO3" s="495"/>
      <c r="BP3" s="496"/>
      <c r="BQ3" s="494" t="s">
        <v>105</v>
      </c>
      <c r="BR3" s="495"/>
      <c r="BS3" s="495"/>
      <c r="BT3" s="495"/>
      <c r="BU3" s="495"/>
      <c r="BV3" s="495"/>
      <c r="BW3" s="495"/>
      <c r="BX3" s="495"/>
      <c r="BY3" s="495"/>
      <c r="BZ3" s="495"/>
      <c r="CA3" s="496"/>
      <c r="CB3" s="494" t="s">
        <v>125</v>
      </c>
      <c r="CC3" s="495"/>
      <c r="CD3" s="495"/>
      <c r="CE3" s="495"/>
      <c r="CF3" s="495"/>
      <c r="CG3" s="495"/>
      <c r="CH3" s="495"/>
      <c r="CI3" s="495"/>
      <c r="CJ3" s="495"/>
      <c r="CK3" s="495"/>
      <c r="CL3" s="496"/>
      <c r="CM3" s="494" t="s">
        <v>158</v>
      </c>
      <c r="CN3" s="495"/>
      <c r="CO3" s="495"/>
      <c r="CP3" s="495"/>
      <c r="CQ3" s="495"/>
      <c r="CR3" s="495"/>
      <c r="CS3" s="495"/>
      <c r="CT3" s="495"/>
      <c r="CU3" s="495"/>
      <c r="CV3" s="495"/>
      <c r="CW3" s="496"/>
      <c r="CX3" s="494" t="s">
        <v>154</v>
      </c>
      <c r="CY3" s="495"/>
      <c r="CZ3" s="495"/>
      <c r="DA3" s="495"/>
      <c r="DB3" s="495"/>
      <c r="DC3" s="495"/>
      <c r="DD3" s="495"/>
      <c r="DE3" s="495"/>
      <c r="DF3" s="495"/>
      <c r="DG3" s="495"/>
      <c r="DH3" s="496"/>
    </row>
    <row r="4" spans="2:112" ht="21" customHeight="1" x14ac:dyDescent="0.2">
      <c r="B4" s="505"/>
      <c r="C4" s="509" t="s">
        <v>61</v>
      </c>
      <c r="D4" s="498"/>
      <c r="E4" s="499"/>
      <c r="F4" s="500" t="s">
        <v>62</v>
      </c>
      <c r="G4" s="498"/>
      <c r="H4" s="498"/>
      <c r="I4" s="498"/>
      <c r="J4" s="498"/>
      <c r="K4" s="498"/>
      <c r="L4" s="510"/>
      <c r="M4" s="501" t="s">
        <v>52</v>
      </c>
      <c r="N4" s="509" t="s">
        <v>61</v>
      </c>
      <c r="O4" s="498"/>
      <c r="P4" s="499"/>
      <c r="Q4" s="500" t="s">
        <v>62</v>
      </c>
      <c r="R4" s="498"/>
      <c r="S4" s="498"/>
      <c r="T4" s="498"/>
      <c r="U4" s="498"/>
      <c r="V4" s="498"/>
      <c r="W4" s="499"/>
      <c r="X4" s="501" t="s">
        <v>52</v>
      </c>
      <c r="Y4" s="497" t="s">
        <v>61</v>
      </c>
      <c r="Z4" s="498"/>
      <c r="AA4" s="510"/>
      <c r="AB4" s="500" t="s">
        <v>62</v>
      </c>
      <c r="AC4" s="498"/>
      <c r="AD4" s="498"/>
      <c r="AE4" s="498"/>
      <c r="AF4" s="498"/>
      <c r="AG4" s="498"/>
      <c r="AH4" s="499"/>
      <c r="AI4" s="501" t="s">
        <v>52</v>
      </c>
      <c r="AJ4" s="497" t="s">
        <v>61</v>
      </c>
      <c r="AK4" s="498"/>
      <c r="AL4" s="499"/>
      <c r="AM4" s="500" t="s">
        <v>62</v>
      </c>
      <c r="AN4" s="498"/>
      <c r="AO4" s="498"/>
      <c r="AP4" s="498"/>
      <c r="AQ4" s="498"/>
      <c r="AR4" s="498"/>
      <c r="AS4" s="499"/>
      <c r="AT4" s="501" t="s">
        <v>52</v>
      </c>
      <c r="AU4" s="497" t="s">
        <v>61</v>
      </c>
      <c r="AV4" s="498"/>
      <c r="AW4" s="510"/>
      <c r="AX4" s="500" t="s">
        <v>62</v>
      </c>
      <c r="AY4" s="498"/>
      <c r="AZ4" s="498"/>
      <c r="BA4" s="498"/>
      <c r="BB4" s="498"/>
      <c r="BC4" s="498"/>
      <c r="BD4" s="510"/>
      <c r="BE4" s="501" t="s">
        <v>52</v>
      </c>
      <c r="BF4" s="497" t="s">
        <v>61</v>
      </c>
      <c r="BG4" s="498"/>
      <c r="BH4" s="499"/>
      <c r="BI4" s="500" t="s">
        <v>62</v>
      </c>
      <c r="BJ4" s="498"/>
      <c r="BK4" s="498"/>
      <c r="BL4" s="498"/>
      <c r="BM4" s="498"/>
      <c r="BN4" s="498"/>
      <c r="BO4" s="499"/>
      <c r="BP4" s="501" t="s">
        <v>52</v>
      </c>
      <c r="BQ4" s="497" t="s">
        <v>61</v>
      </c>
      <c r="BR4" s="498"/>
      <c r="BS4" s="499"/>
      <c r="BT4" s="500" t="s">
        <v>62</v>
      </c>
      <c r="BU4" s="498"/>
      <c r="BV4" s="498"/>
      <c r="BW4" s="498"/>
      <c r="BX4" s="498"/>
      <c r="BY4" s="498"/>
      <c r="BZ4" s="499"/>
      <c r="CA4" s="501" t="s">
        <v>52</v>
      </c>
      <c r="CB4" s="497" t="s">
        <v>61</v>
      </c>
      <c r="CC4" s="498"/>
      <c r="CD4" s="499"/>
      <c r="CE4" s="500" t="s">
        <v>62</v>
      </c>
      <c r="CF4" s="498"/>
      <c r="CG4" s="498"/>
      <c r="CH4" s="498"/>
      <c r="CI4" s="498"/>
      <c r="CJ4" s="498"/>
      <c r="CK4" s="499"/>
      <c r="CL4" s="501" t="s">
        <v>52</v>
      </c>
      <c r="CM4" s="497" t="s">
        <v>61</v>
      </c>
      <c r="CN4" s="498"/>
      <c r="CO4" s="499"/>
      <c r="CP4" s="500" t="s">
        <v>62</v>
      </c>
      <c r="CQ4" s="498"/>
      <c r="CR4" s="498"/>
      <c r="CS4" s="498"/>
      <c r="CT4" s="498"/>
      <c r="CU4" s="498"/>
      <c r="CV4" s="499"/>
      <c r="CW4" s="501" t="s">
        <v>52</v>
      </c>
      <c r="CX4" s="497" t="s">
        <v>61</v>
      </c>
      <c r="CY4" s="498"/>
      <c r="CZ4" s="499"/>
      <c r="DA4" s="500" t="s">
        <v>62</v>
      </c>
      <c r="DB4" s="498"/>
      <c r="DC4" s="498"/>
      <c r="DD4" s="498"/>
      <c r="DE4" s="498"/>
      <c r="DF4" s="498"/>
      <c r="DG4" s="499"/>
      <c r="DH4" s="501" t="s">
        <v>52</v>
      </c>
    </row>
    <row r="5" spans="2:112" ht="30" customHeight="1" thickBot="1" x14ac:dyDescent="0.25">
      <c r="B5" s="506"/>
      <c r="C5" s="188" t="s">
        <v>43</v>
      </c>
      <c r="D5" s="193" t="s">
        <v>44</v>
      </c>
      <c r="E5" s="216" t="s">
        <v>45</v>
      </c>
      <c r="F5" s="191" t="s">
        <v>83</v>
      </c>
      <c r="G5" s="189" t="s">
        <v>47</v>
      </c>
      <c r="H5" s="189" t="s">
        <v>48</v>
      </c>
      <c r="I5" s="189" t="s">
        <v>49</v>
      </c>
      <c r="J5" s="189" t="s">
        <v>50</v>
      </c>
      <c r="K5" s="189" t="s">
        <v>51</v>
      </c>
      <c r="L5" s="192" t="s">
        <v>45</v>
      </c>
      <c r="M5" s="502"/>
      <c r="N5" s="188" t="s">
        <v>43</v>
      </c>
      <c r="O5" s="189" t="s">
        <v>44</v>
      </c>
      <c r="P5" s="193" t="s">
        <v>45</v>
      </c>
      <c r="Q5" s="191" t="s">
        <v>83</v>
      </c>
      <c r="R5" s="189" t="s">
        <v>47</v>
      </c>
      <c r="S5" s="189" t="s">
        <v>48</v>
      </c>
      <c r="T5" s="189" t="s">
        <v>49</v>
      </c>
      <c r="U5" s="189" t="s">
        <v>50</v>
      </c>
      <c r="V5" s="189" t="s">
        <v>51</v>
      </c>
      <c r="W5" s="193" t="s">
        <v>45</v>
      </c>
      <c r="X5" s="502"/>
      <c r="Y5" s="194" t="s">
        <v>43</v>
      </c>
      <c r="Z5" s="189" t="s">
        <v>44</v>
      </c>
      <c r="AA5" s="192" t="s">
        <v>45</v>
      </c>
      <c r="AB5" s="191" t="s">
        <v>83</v>
      </c>
      <c r="AC5" s="189" t="s">
        <v>47</v>
      </c>
      <c r="AD5" s="189" t="s">
        <v>48</v>
      </c>
      <c r="AE5" s="189" t="s">
        <v>49</v>
      </c>
      <c r="AF5" s="189" t="s">
        <v>50</v>
      </c>
      <c r="AG5" s="189" t="s">
        <v>51</v>
      </c>
      <c r="AH5" s="193" t="s">
        <v>45</v>
      </c>
      <c r="AI5" s="502"/>
      <c r="AJ5" s="194" t="s">
        <v>43</v>
      </c>
      <c r="AK5" s="189" t="s">
        <v>44</v>
      </c>
      <c r="AL5" s="193" t="s">
        <v>45</v>
      </c>
      <c r="AM5" s="191" t="s">
        <v>83</v>
      </c>
      <c r="AN5" s="189" t="s">
        <v>47</v>
      </c>
      <c r="AO5" s="189" t="s">
        <v>48</v>
      </c>
      <c r="AP5" s="189" t="s">
        <v>49</v>
      </c>
      <c r="AQ5" s="189" t="s">
        <v>50</v>
      </c>
      <c r="AR5" s="189" t="s">
        <v>51</v>
      </c>
      <c r="AS5" s="193" t="s">
        <v>45</v>
      </c>
      <c r="AT5" s="502"/>
      <c r="AU5" s="194" t="s">
        <v>43</v>
      </c>
      <c r="AV5" s="189" t="s">
        <v>44</v>
      </c>
      <c r="AW5" s="192" t="s">
        <v>45</v>
      </c>
      <c r="AX5" s="191" t="s">
        <v>83</v>
      </c>
      <c r="AY5" s="189" t="s">
        <v>47</v>
      </c>
      <c r="AZ5" s="189" t="s">
        <v>48</v>
      </c>
      <c r="BA5" s="189" t="s">
        <v>49</v>
      </c>
      <c r="BB5" s="189" t="s">
        <v>50</v>
      </c>
      <c r="BC5" s="189" t="s">
        <v>51</v>
      </c>
      <c r="BD5" s="192" t="s">
        <v>45</v>
      </c>
      <c r="BE5" s="502"/>
      <c r="BF5" s="194" t="s">
        <v>43</v>
      </c>
      <c r="BG5" s="189" t="s">
        <v>44</v>
      </c>
      <c r="BH5" s="193" t="s">
        <v>45</v>
      </c>
      <c r="BI5" s="191" t="s">
        <v>83</v>
      </c>
      <c r="BJ5" s="189" t="s">
        <v>47</v>
      </c>
      <c r="BK5" s="189" t="s">
        <v>48</v>
      </c>
      <c r="BL5" s="189" t="s">
        <v>49</v>
      </c>
      <c r="BM5" s="189" t="s">
        <v>50</v>
      </c>
      <c r="BN5" s="189" t="s">
        <v>51</v>
      </c>
      <c r="BO5" s="193" t="s">
        <v>45</v>
      </c>
      <c r="BP5" s="502"/>
      <c r="BQ5" s="194" t="s">
        <v>43</v>
      </c>
      <c r="BR5" s="189" t="s">
        <v>44</v>
      </c>
      <c r="BS5" s="193" t="s">
        <v>45</v>
      </c>
      <c r="BT5" s="191" t="s">
        <v>83</v>
      </c>
      <c r="BU5" s="189" t="s">
        <v>47</v>
      </c>
      <c r="BV5" s="189" t="s">
        <v>48</v>
      </c>
      <c r="BW5" s="189" t="s">
        <v>49</v>
      </c>
      <c r="BX5" s="189" t="s">
        <v>50</v>
      </c>
      <c r="BY5" s="189" t="s">
        <v>51</v>
      </c>
      <c r="BZ5" s="193" t="s">
        <v>45</v>
      </c>
      <c r="CA5" s="502"/>
      <c r="CB5" s="194" t="s">
        <v>43</v>
      </c>
      <c r="CC5" s="189" t="s">
        <v>44</v>
      </c>
      <c r="CD5" s="193" t="s">
        <v>45</v>
      </c>
      <c r="CE5" s="191" t="s">
        <v>83</v>
      </c>
      <c r="CF5" s="189" t="s">
        <v>47</v>
      </c>
      <c r="CG5" s="189" t="s">
        <v>48</v>
      </c>
      <c r="CH5" s="189" t="s">
        <v>49</v>
      </c>
      <c r="CI5" s="189" t="s">
        <v>50</v>
      </c>
      <c r="CJ5" s="189" t="s">
        <v>51</v>
      </c>
      <c r="CK5" s="193" t="s">
        <v>45</v>
      </c>
      <c r="CL5" s="502"/>
      <c r="CM5" s="194" t="s">
        <v>43</v>
      </c>
      <c r="CN5" s="189" t="s">
        <v>44</v>
      </c>
      <c r="CO5" s="193" t="s">
        <v>45</v>
      </c>
      <c r="CP5" s="191" t="s">
        <v>83</v>
      </c>
      <c r="CQ5" s="189" t="s">
        <v>47</v>
      </c>
      <c r="CR5" s="189" t="s">
        <v>48</v>
      </c>
      <c r="CS5" s="189" t="s">
        <v>49</v>
      </c>
      <c r="CT5" s="189" t="s">
        <v>50</v>
      </c>
      <c r="CU5" s="189" t="s">
        <v>51</v>
      </c>
      <c r="CV5" s="193" t="s">
        <v>45</v>
      </c>
      <c r="CW5" s="502"/>
      <c r="CX5" s="194" t="s">
        <v>43</v>
      </c>
      <c r="CY5" s="189" t="s">
        <v>44</v>
      </c>
      <c r="CZ5" s="193" t="s">
        <v>45</v>
      </c>
      <c r="DA5" s="191" t="s">
        <v>83</v>
      </c>
      <c r="DB5" s="189" t="s">
        <v>47</v>
      </c>
      <c r="DC5" s="189" t="s">
        <v>48</v>
      </c>
      <c r="DD5" s="189" t="s">
        <v>49</v>
      </c>
      <c r="DE5" s="189" t="s">
        <v>50</v>
      </c>
      <c r="DF5" s="189" t="s">
        <v>51</v>
      </c>
      <c r="DG5" s="193" t="s">
        <v>45</v>
      </c>
      <c r="DH5" s="502"/>
    </row>
    <row r="6" spans="2:112" ht="21" customHeight="1" x14ac:dyDescent="0.2">
      <c r="B6" s="151" t="s">
        <v>4</v>
      </c>
      <c r="C6" s="195">
        <v>0</v>
      </c>
      <c r="D6" s="201">
        <v>0</v>
      </c>
      <c r="E6" s="217">
        <v>0</v>
      </c>
      <c r="F6" s="198">
        <v>0</v>
      </c>
      <c r="G6" s="196">
        <v>12637</v>
      </c>
      <c r="H6" s="196">
        <v>17924</v>
      </c>
      <c r="I6" s="196">
        <v>19599</v>
      </c>
      <c r="J6" s="196">
        <v>22405</v>
      </c>
      <c r="K6" s="196">
        <v>23524</v>
      </c>
      <c r="L6" s="199">
        <v>96089</v>
      </c>
      <c r="M6" s="200">
        <v>96089</v>
      </c>
      <c r="N6" s="195">
        <v>0</v>
      </c>
      <c r="O6" s="196">
        <v>8</v>
      </c>
      <c r="P6" s="201">
        <v>8</v>
      </c>
      <c r="Q6" s="198">
        <v>0</v>
      </c>
      <c r="R6" s="196">
        <v>53</v>
      </c>
      <c r="S6" s="196">
        <v>95</v>
      </c>
      <c r="T6" s="196">
        <v>239</v>
      </c>
      <c r="U6" s="196">
        <v>680</v>
      </c>
      <c r="V6" s="196">
        <v>1082</v>
      </c>
      <c r="W6" s="201">
        <v>2149</v>
      </c>
      <c r="X6" s="200">
        <v>2157</v>
      </c>
      <c r="Y6" s="195">
        <v>1352</v>
      </c>
      <c r="Z6" s="196">
        <v>3797</v>
      </c>
      <c r="AA6" s="201">
        <v>5149</v>
      </c>
      <c r="AB6" s="198">
        <v>0</v>
      </c>
      <c r="AC6" s="196">
        <v>9444</v>
      </c>
      <c r="AD6" s="196">
        <v>14066</v>
      </c>
      <c r="AE6" s="196">
        <v>8385</v>
      </c>
      <c r="AF6" s="196">
        <v>6632</v>
      </c>
      <c r="AG6" s="196">
        <v>4954</v>
      </c>
      <c r="AH6" s="201">
        <v>43481</v>
      </c>
      <c r="AI6" s="200">
        <v>48630</v>
      </c>
      <c r="AJ6" s="195">
        <v>235</v>
      </c>
      <c r="AK6" s="196">
        <v>752</v>
      </c>
      <c r="AL6" s="201">
        <v>987</v>
      </c>
      <c r="AM6" s="198">
        <v>0</v>
      </c>
      <c r="AN6" s="196">
        <v>1083</v>
      </c>
      <c r="AO6" s="196">
        <v>2056</v>
      </c>
      <c r="AP6" s="196">
        <v>925</v>
      </c>
      <c r="AQ6" s="196">
        <v>1055</v>
      </c>
      <c r="AR6" s="196">
        <v>519</v>
      </c>
      <c r="AS6" s="201">
        <v>5638</v>
      </c>
      <c r="AT6" s="200">
        <v>6625</v>
      </c>
      <c r="AU6" s="195">
        <v>0</v>
      </c>
      <c r="AV6" s="196">
        <v>0</v>
      </c>
      <c r="AW6" s="201">
        <v>0</v>
      </c>
      <c r="AX6" s="198">
        <v>0</v>
      </c>
      <c r="AY6" s="196">
        <v>10258</v>
      </c>
      <c r="AZ6" s="196">
        <v>9857</v>
      </c>
      <c r="BA6" s="196">
        <v>5366</v>
      </c>
      <c r="BB6" s="196">
        <v>2816</v>
      </c>
      <c r="BC6" s="196">
        <v>1347</v>
      </c>
      <c r="BD6" s="199">
        <v>29644</v>
      </c>
      <c r="BE6" s="200">
        <v>29644</v>
      </c>
      <c r="BF6" s="195">
        <v>0</v>
      </c>
      <c r="BG6" s="196">
        <v>0</v>
      </c>
      <c r="BH6" s="201">
        <v>0</v>
      </c>
      <c r="BI6" s="198">
        <v>0</v>
      </c>
      <c r="BJ6" s="196">
        <v>2319</v>
      </c>
      <c r="BK6" s="196">
        <v>3175</v>
      </c>
      <c r="BL6" s="196">
        <v>2088</v>
      </c>
      <c r="BM6" s="196">
        <v>1126</v>
      </c>
      <c r="BN6" s="196">
        <v>461</v>
      </c>
      <c r="BO6" s="201">
        <v>9169</v>
      </c>
      <c r="BP6" s="200">
        <v>9169</v>
      </c>
      <c r="BQ6" s="195">
        <v>6</v>
      </c>
      <c r="BR6" s="196">
        <v>76</v>
      </c>
      <c r="BS6" s="201">
        <v>82</v>
      </c>
      <c r="BT6" s="198">
        <v>0</v>
      </c>
      <c r="BU6" s="196">
        <v>1022</v>
      </c>
      <c r="BV6" s="196">
        <v>2033</v>
      </c>
      <c r="BW6" s="196">
        <v>2582</v>
      </c>
      <c r="BX6" s="196">
        <v>2158</v>
      </c>
      <c r="BY6" s="196">
        <v>1117</v>
      </c>
      <c r="BZ6" s="201">
        <v>8912</v>
      </c>
      <c r="CA6" s="200">
        <v>8994</v>
      </c>
      <c r="CB6" s="195">
        <v>3</v>
      </c>
      <c r="CC6" s="196">
        <v>3</v>
      </c>
      <c r="CD6" s="201">
        <v>6</v>
      </c>
      <c r="CE6" s="198">
        <v>0</v>
      </c>
      <c r="CF6" s="196">
        <v>156</v>
      </c>
      <c r="CG6" s="196">
        <v>207</v>
      </c>
      <c r="CH6" s="196">
        <v>315</v>
      </c>
      <c r="CI6" s="196">
        <v>333</v>
      </c>
      <c r="CJ6" s="196">
        <v>163</v>
      </c>
      <c r="CK6" s="201">
        <v>1174</v>
      </c>
      <c r="CL6" s="200">
        <v>1180</v>
      </c>
      <c r="CM6" s="195">
        <v>0</v>
      </c>
      <c r="CN6" s="196">
        <v>0</v>
      </c>
      <c r="CO6" s="201">
        <v>0</v>
      </c>
      <c r="CP6" s="198">
        <v>0</v>
      </c>
      <c r="CQ6" s="196">
        <v>0</v>
      </c>
      <c r="CR6" s="196">
        <v>0</v>
      </c>
      <c r="CS6" s="196">
        <v>0</v>
      </c>
      <c r="CT6" s="196">
        <v>0</v>
      </c>
      <c r="CU6" s="196">
        <v>0</v>
      </c>
      <c r="CV6" s="201">
        <v>0</v>
      </c>
      <c r="CW6" s="200">
        <v>0</v>
      </c>
      <c r="CX6" s="195">
        <v>0</v>
      </c>
      <c r="CY6" s="196">
        <v>0</v>
      </c>
      <c r="CZ6" s="201">
        <v>0</v>
      </c>
      <c r="DA6" s="198">
        <v>0</v>
      </c>
      <c r="DB6" s="196">
        <v>0</v>
      </c>
      <c r="DC6" s="196">
        <v>0</v>
      </c>
      <c r="DD6" s="196">
        <v>0</v>
      </c>
      <c r="DE6" s="196">
        <v>0</v>
      </c>
      <c r="DF6" s="196">
        <v>0</v>
      </c>
      <c r="DG6" s="201">
        <v>0</v>
      </c>
      <c r="DH6" s="200">
        <v>0</v>
      </c>
    </row>
    <row r="7" spans="2:112" ht="21" customHeight="1" x14ac:dyDescent="0.2">
      <c r="B7" s="162" t="s">
        <v>5</v>
      </c>
      <c r="C7" s="202">
        <v>0</v>
      </c>
      <c r="D7" s="208">
        <v>0</v>
      </c>
      <c r="E7" s="218">
        <v>0</v>
      </c>
      <c r="F7" s="205">
        <v>0</v>
      </c>
      <c r="G7" s="203">
        <v>4612</v>
      </c>
      <c r="H7" s="203">
        <v>8298</v>
      </c>
      <c r="I7" s="203">
        <v>7465</v>
      </c>
      <c r="J7" s="203">
        <v>9519</v>
      </c>
      <c r="K7" s="203">
        <v>9783</v>
      </c>
      <c r="L7" s="206">
        <v>39677</v>
      </c>
      <c r="M7" s="207">
        <v>39677</v>
      </c>
      <c r="N7" s="202">
        <v>0</v>
      </c>
      <c r="O7" s="203">
        <v>8</v>
      </c>
      <c r="P7" s="208">
        <v>8</v>
      </c>
      <c r="Q7" s="205">
        <v>0</v>
      </c>
      <c r="R7" s="203">
        <v>12</v>
      </c>
      <c r="S7" s="203">
        <v>20</v>
      </c>
      <c r="T7" s="203">
        <v>97</v>
      </c>
      <c r="U7" s="203">
        <v>257</v>
      </c>
      <c r="V7" s="203">
        <v>571</v>
      </c>
      <c r="W7" s="208">
        <v>957</v>
      </c>
      <c r="X7" s="207">
        <v>965</v>
      </c>
      <c r="Y7" s="202">
        <v>577</v>
      </c>
      <c r="Z7" s="203">
        <v>2028</v>
      </c>
      <c r="AA7" s="208">
        <v>2605</v>
      </c>
      <c r="AB7" s="205">
        <v>0</v>
      </c>
      <c r="AC7" s="203">
        <v>3285</v>
      </c>
      <c r="AD7" s="203">
        <v>7914</v>
      </c>
      <c r="AE7" s="203">
        <v>4114</v>
      </c>
      <c r="AF7" s="203">
        <v>3191</v>
      </c>
      <c r="AG7" s="203">
        <v>2288</v>
      </c>
      <c r="AH7" s="208">
        <v>20792</v>
      </c>
      <c r="AI7" s="207">
        <v>23397</v>
      </c>
      <c r="AJ7" s="202">
        <v>81</v>
      </c>
      <c r="AK7" s="203">
        <v>439</v>
      </c>
      <c r="AL7" s="208">
        <v>520</v>
      </c>
      <c r="AM7" s="205">
        <v>0</v>
      </c>
      <c r="AN7" s="203">
        <v>350</v>
      </c>
      <c r="AO7" s="203">
        <v>1062</v>
      </c>
      <c r="AP7" s="203">
        <v>419</v>
      </c>
      <c r="AQ7" s="203">
        <v>452</v>
      </c>
      <c r="AR7" s="203">
        <v>188</v>
      </c>
      <c r="AS7" s="208">
        <v>2471</v>
      </c>
      <c r="AT7" s="207">
        <v>2991</v>
      </c>
      <c r="AU7" s="202">
        <v>0</v>
      </c>
      <c r="AV7" s="203">
        <v>0</v>
      </c>
      <c r="AW7" s="208">
        <v>0</v>
      </c>
      <c r="AX7" s="205">
        <v>0</v>
      </c>
      <c r="AY7" s="203">
        <v>3391</v>
      </c>
      <c r="AZ7" s="203">
        <v>4194</v>
      </c>
      <c r="BA7" s="203">
        <v>1980</v>
      </c>
      <c r="BB7" s="203">
        <v>1065</v>
      </c>
      <c r="BC7" s="203">
        <v>491</v>
      </c>
      <c r="BD7" s="206">
        <v>11121</v>
      </c>
      <c r="BE7" s="207">
        <v>11121</v>
      </c>
      <c r="BF7" s="202">
        <v>0</v>
      </c>
      <c r="BG7" s="203">
        <v>0</v>
      </c>
      <c r="BH7" s="208">
        <v>0</v>
      </c>
      <c r="BI7" s="205">
        <v>0</v>
      </c>
      <c r="BJ7" s="203">
        <v>663</v>
      </c>
      <c r="BK7" s="203">
        <v>1560</v>
      </c>
      <c r="BL7" s="203">
        <v>930</v>
      </c>
      <c r="BM7" s="203">
        <v>477</v>
      </c>
      <c r="BN7" s="203">
        <v>215</v>
      </c>
      <c r="BO7" s="208">
        <v>3845</v>
      </c>
      <c r="BP7" s="207">
        <v>3845</v>
      </c>
      <c r="BQ7" s="202">
        <v>0</v>
      </c>
      <c r="BR7" s="203">
        <v>18</v>
      </c>
      <c r="BS7" s="208">
        <v>18</v>
      </c>
      <c r="BT7" s="205">
        <v>0</v>
      </c>
      <c r="BU7" s="203">
        <v>329</v>
      </c>
      <c r="BV7" s="203">
        <v>840</v>
      </c>
      <c r="BW7" s="203">
        <v>1162</v>
      </c>
      <c r="BX7" s="203">
        <v>661</v>
      </c>
      <c r="BY7" s="203">
        <v>468</v>
      </c>
      <c r="BZ7" s="208">
        <v>3460</v>
      </c>
      <c r="CA7" s="207">
        <v>3478</v>
      </c>
      <c r="CB7" s="202">
        <v>3</v>
      </c>
      <c r="CC7" s="203">
        <v>3</v>
      </c>
      <c r="CD7" s="208">
        <v>6</v>
      </c>
      <c r="CE7" s="205">
        <v>0</v>
      </c>
      <c r="CF7" s="203">
        <v>75</v>
      </c>
      <c r="CG7" s="203">
        <v>142</v>
      </c>
      <c r="CH7" s="203">
        <v>147</v>
      </c>
      <c r="CI7" s="203">
        <v>243</v>
      </c>
      <c r="CJ7" s="203">
        <v>107</v>
      </c>
      <c r="CK7" s="208">
        <v>714</v>
      </c>
      <c r="CL7" s="207">
        <v>720</v>
      </c>
      <c r="CM7" s="202">
        <v>0</v>
      </c>
      <c r="CN7" s="203">
        <v>0</v>
      </c>
      <c r="CO7" s="208">
        <v>0</v>
      </c>
      <c r="CP7" s="205">
        <v>0</v>
      </c>
      <c r="CQ7" s="203">
        <v>0</v>
      </c>
      <c r="CR7" s="203">
        <v>0</v>
      </c>
      <c r="CS7" s="203">
        <v>0</v>
      </c>
      <c r="CT7" s="203">
        <v>0</v>
      </c>
      <c r="CU7" s="203">
        <v>0</v>
      </c>
      <c r="CV7" s="208">
        <v>0</v>
      </c>
      <c r="CW7" s="207">
        <v>0</v>
      </c>
      <c r="CX7" s="202">
        <v>0</v>
      </c>
      <c r="CY7" s="203">
        <v>0</v>
      </c>
      <c r="CZ7" s="208">
        <v>0</v>
      </c>
      <c r="DA7" s="205">
        <v>0</v>
      </c>
      <c r="DB7" s="203">
        <v>0</v>
      </c>
      <c r="DC7" s="203">
        <v>0</v>
      </c>
      <c r="DD7" s="203">
        <v>0</v>
      </c>
      <c r="DE7" s="203">
        <v>0</v>
      </c>
      <c r="DF7" s="203">
        <v>0</v>
      </c>
      <c r="DG7" s="208">
        <v>0</v>
      </c>
      <c r="DH7" s="207">
        <v>0</v>
      </c>
    </row>
    <row r="8" spans="2:112" ht="21" customHeight="1" x14ac:dyDescent="0.2">
      <c r="B8" s="173" t="s">
        <v>6</v>
      </c>
      <c r="C8" s="202">
        <v>0</v>
      </c>
      <c r="D8" s="208">
        <v>0</v>
      </c>
      <c r="E8" s="218">
        <v>0</v>
      </c>
      <c r="F8" s="205">
        <v>0</v>
      </c>
      <c r="G8" s="203">
        <v>2181</v>
      </c>
      <c r="H8" s="203">
        <v>2509</v>
      </c>
      <c r="I8" s="203">
        <v>2751</v>
      </c>
      <c r="J8" s="203">
        <v>4150</v>
      </c>
      <c r="K8" s="203">
        <v>3862</v>
      </c>
      <c r="L8" s="206">
        <v>15453</v>
      </c>
      <c r="M8" s="207">
        <v>15453</v>
      </c>
      <c r="N8" s="202">
        <v>0</v>
      </c>
      <c r="O8" s="203">
        <v>0</v>
      </c>
      <c r="P8" s="208">
        <v>0</v>
      </c>
      <c r="Q8" s="205">
        <v>0</v>
      </c>
      <c r="R8" s="203">
        <v>8</v>
      </c>
      <c r="S8" s="203">
        <v>26</v>
      </c>
      <c r="T8" s="203">
        <v>48</v>
      </c>
      <c r="U8" s="203">
        <v>127</v>
      </c>
      <c r="V8" s="203">
        <v>102</v>
      </c>
      <c r="W8" s="208">
        <v>311</v>
      </c>
      <c r="X8" s="207">
        <v>311</v>
      </c>
      <c r="Y8" s="202">
        <v>276</v>
      </c>
      <c r="Z8" s="203">
        <v>649</v>
      </c>
      <c r="AA8" s="208">
        <v>925</v>
      </c>
      <c r="AB8" s="205">
        <v>0</v>
      </c>
      <c r="AC8" s="203">
        <v>2701</v>
      </c>
      <c r="AD8" s="203">
        <v>2235</v>
      </c>
      <c r="AE8" s="203">
        <v>1675</v>
      </c>
      <c r="AF8" s="203">
        <v>1192</v>
      </c>
      <c r="AG8" s="203">
        <v>811</v>
      </c>
      <c r="AH8" s="208">
        <v>8614</v>
      </c>
      <c r="AI8" s="207">
        <v>9539</v>
      </c>
      <c r="AJ8" s="202">
        <v>46</v>
      </c>
      <c r="AK8" s="203">
        <v>44</v>
      </c>
      <c r="AL8" s="208">
        <v>90</v>
      </c>
      <c r="AM8" s="205">
        <v>0</v>
      </c>
      <c r="AN8" s="203">
        <v>295</v>
      </c>
      <c r="AO8" s="203">
        <v>177</v>
      </c>
      <c r="AP8" s="203">
        <v>91</v>
      </c>
      <c r="AQ8" s="203">
        <v>255</v>
      </c>
      <c r="AR8" s="203">
        <v>49</v>
      </c>
      <c r="AS8" s="208">
        <v>867</v>
      </c>
      <c r="AT8" s="207">
        <v>957</v>
      </c>
      <c r="AU8" s="202">
        <v>0</v>
      </c>
      <c r="AV8" s="203">
        <v>0</v>
      </c>
      <c r="AW8" s="208">
        <v>0</v>
      </c>
      <c r="AX8" s="205">
        <v>0</v>
      </c>
      <c r="AY8" s="203">
        <v>2082</v>
      </c>
      <c r="AZ8" s="203">
        <v>1474</v>
      </c>
      <c r="BA8" s="203">
        <v>785</v>
      </c>
      <c r="BB8" s="203">
        <v>413</v>
      </c>
      <c r="BC8" s="203">
        <v>245</v>
      </c>
      <c r="BD8" s="206">
        <v>4999</v>
      </c>
      <c r="BE8" s="207">
        <v>4999</v>
      </c>
      <c r="BF8" s="202">
        <v>0</v>
      </c>
      <c r="BG8" s="203">
        <v>0</v>
      </c>
      <c r="BH8" s="208">
        <v>0</v>
      </c>
      <c r="BI8" s="205">
        <v>0</v>
      </c>
      <c r="BJ8" s="203">
        <v>458</v>
      </c>
      <c r="BK8" s="203">
        <v>390</v>
      </c>
      <c r="BL8" s="203">
        <v>286</v>
      </c>
      <c r="BM8" s="203">
        <v>183</v>
      </c>
      <c r="BN8" s="203">
        <v>65</v>
      </c>
      <c r="BO8" s="208">
        <v>1382</v>
      </c>
      <c r="BP8" s="207">
        <v>1382</v>
      </c>
      <c r="BQ8" s="202">
        <v>0</v>
      </c>
      <c r="BR8" s="203">
        <v>1</v>
      </c>
      <c r="BS8" s="208">
        <v>1</v>
      </c>
      <c r="BT8" s="205">
        <v>0</v>
      </c>
      <c r="BU8" s="203">
        <v>82</v>
      </c>
      <c r="BV8" s="203">
        <v>301</v>
      </c>
      <c r="BW8" s="203">
        <v>246</v>
      </c>
      <c r="BX8" s="203">
        <v>200</v>
      </c>
      <c r="BY8" s="203">
        <v>133</v>
      </c>
      <c r="BZ8" s="208">
        <v>962</v>
      </c>
      <c r="CA8" s="207">
        <v>963</v>
      </c>
      <c r="CB8" s="202">
        <v>0</v>
      </c>
      <c r="CC8" s="203">
        <v>0</v>
      </c>
      <c r="CD8" s="208">
        <v>0</v>
      </c>
      <c r="CE8" s="205">
        <v>0</v>
      </c>
      <c r="CF8" s="203">
        <v>41</v>
      </c>
      <c r="CG8" s="203">
        <v>19</v>
      </c>
      <c r="CH8" s="203">
        <v>48</v>
      </c>
      <c r="CI8" s="203">
        <v>34</v>
      </c>
      <c r="CJ8" s="203">
        <v>26</v>
      </c>
      <c r="CK8" s="208">
        <v>168</v>
      </c>
      <c r="CL8" s="207">
        <v>168</v>
      </c>
      <c r="CM8" s="202">
        <v>0</v>
      </c>
      <c r="CN8" s="203">
        <v>0</v>
      </c>
      <c r="CO8" s="208">
        <v>0</v>
      </c>
      <c r="CP8" s="205">
        <v>0</v>
      </c>
      <c r="CQ8" s="203">
        <v>0</v>
      </c>
      <c r="CR8" s="203">
        <v>0</v>
      </c>
      <c r="CS8" s="203">
        <v>0</v>
      </c>
      <c r="CT8" s="203">
        <v>0</v>
      </c>
      <c r="CU8" s="203">
        <v>0</v>
      </c>
      <c r="CV8" s="208">
        <v>0</v>
      </c>
      <c r="CW8" s="207">
        <v>0</v>
      </c>
      <c r="CX8" s="202">
        <v>0</v>
      </c>
      <c r="CY8" s="203">
        <v>0</v>
      </c>
      <c r="CZ8" s="208">
        <v>0</v>
      </c>
      <c r="DA8" s="205">
        <v>0</v>
      </c>
      <c r="DB8" s="203">
        <v>0</v>
      </c>
      <c r="DC8" s="203">
        <v>0</v>
      </c>
      <c r="DD8" s="203">
        <v>0</v>
      </c>
      <c r="DE8" s="203">
        <v>0</v>
      </c>
      <c r="DF8" s="203">
        <v>0</v>
      </c>
      <c r="DG8" s="208">
        <v>0</v>
      </c>
      <c r="DH8" s="207">
        <v>0</v>
      </c>
    </row>
    <row r="9" spans="2:112" ht="21" customHeight="1" x14ac:dyDescent="0.2">
      <c r="B9" s="173" t="s">
        <v>14</v>
      </c>
      <c r="C9" s="202">
        <v>0</v>
      </c>
      <c r="D9" s="208">
        <v>0</v>
      </c>
      <c r="E9" s="218">
        <v>0</v>
      </c>
      <c r="F9" s="205">
        <v>0</v>
      </c>
      <c r="G9" s="203">
        <v>507</v>
      </c>
      <c r="H9" s="203">
        <v>1227</v>
      </c>
      <c r="I9" s="203">
        <v>971</v>
      </c>
      <c r="J9" s="203">
        <v>1170</v>
      </c>
      <c r="K9" s="203">
        <v>1822</v>
      </c>
      <c r="L9" s="206">
        <v>5697</v>
      </c>
      <c r="M9" s="207">
        <v>5697</v>
      </c>
      <c r="N9" s="202">
        <v>0</v>
      </c>
      <c r="O9" s="203">
        <v>0</v>
      </c>
      <c r="P9" s="208">
        <v>0</v>
      </c>
      <c r="Q9" s="205">
        <v>0</v>
      </c>
      <c r="R9" s="203">
        <v>0</v>
      </c>
      <c r="S9" s="203">
        <v>9</v>
      </c>
      <c r="T9" s="203">
        <v>13</v>
      </c>
      <c r="U9" s="203">
        <v>75</v>
      </c>
      <c r="V9" s="203">
        <v>50</v>
      </c>
      <c r="W9" s="208">
        <v>147</v>
      </c>
      <c r="X9" s="207">
        <v>147</v>
      </c>
      <c r="Y9" s="202">
        <v>62</v>
      </c>
      <c r="Z9" s="203">
        <v>133</v>
      </c>
      <c r="AA9" s="208">
        <v>195</v>
      </c>
      <c r="AB9" s="205">
        <v>0</v>
      </c>
      <c r="AC9" s="203">
        <v>245</v>
      </c>
      <c r="AD9" s="203">
        <v>753</v>
      </c>
      <c r="AE9" s="203">
        <v>377</v>
      </c>
      <c r="AF9" s="203">
        <v>394</v>
      </c>
      <c r="AG9" s="203">
        <v>305</v>
      </c>
      <c r="AH9" s="208">
        <v>2074</v>
      </c>
      <c r="AI9" s="207">
        <v>2269</v>
      </c>
      <c r="AJ9" s="202">
        <v>0</v>
      </c>
      <c r="AK9" s="203">
        <v>22</v>
      </c>
      <c r="AL9" s="208">
        <v>22</v>
      </c>
      <c r="AM9" s="205">
        <v>0</v>
      </c>
      <c r="AN9" s="203">
        <v>24</v>
      </c>
      <c r="AO9" s="203">
        <v>146</v>
      </c>
      <c r="AP9" s="203">
        <v>36</v>
      </c>
      <c r="AQ9" s="203">
        <v>0</v>
      </c>
      <c r="AR9" s="203">
        <v>10</v>
      </c>
      <c r="AS9" s="208">
        <v>216</v>
      </c>
      <c r="AT9" s="207">
        <v>238</v>
      </c>
      <c r="AU9" s="202">
        <v>0</v>
      </c>
      <c r="AV9" s="203">
        <v>0</v>
      </c>
      <c r="AW9" s="208">
        <v>0</v>
      </c>
      <c r="AX9" s="205">
        <v>0</v>
      </c>
      <c r="AY9" s="203">
        <v>713</v>
      </c>
      <c r="AZ9" s="203">
        <v>864</v>
      </c>
      <c r="BA9" s="203">
        <v>594</v>
      </c>
      <c r="BB9" s="203">
        <v>223</v>
      </c>
      <c r="BC9" s="203">
        <v>91</v>
      </c>
      <c r="BD9" s="206">
        <v>2485</v>
      </c>
      <c r="BE9" s="207">
        <v>2485</v>
      </c>
      <c r="BF9" s="202">
        <v>0</v>
      </c>
      <c r="BG9" s="203">
        <v>0</v>
      </c>
      <c r="BH9" s="208">
        <v>0</v>
      </c>
      <c r="BI9" s="205">
        <v>0</v>
      </c>
      <c r="BJ9" s="203">
        <v>44</v>
      </c>
      <c r="BK9" s="203">
        <v>145</v>
      </c>
      <c r="BL9" s="203">
        <v>80</v>
      </c>
      <c r="BM9" s="203">
        <v>33</v>
      </c>
      <c r="BN9" s="203">
        <v>25</v>
      </c>
      <c r="BO9" s="208">
        <v>327</v>
      </c>
      <c r="BP9" s="207">
        <v>327</v>
      </c>
      <c r="BQ9" s="202">
        <v>0</v>
      </c>
      <c r="BR9" s="203">
        <v>8</v>
      </c>
      <c r="BS9" s="208">
        <v>8</v>
      </c>
      <c r="BT9" s="205">
        <v>0</v>
      </c>
      <c r="BU9" s="203">
        <v>30</v>
      </c>
      <c r="BV9" s="203">
        <v>226</v>
      </c>
      <c r="BW9" s="203">
        <v>154</v>
      </c>
      <c r="BX9" s="203">
        <v>605</v>
      </c>
      <c r="BY9" s="203">
        <v>95</v>
      </c>
      <c r="BZ9" s="208">
        <v>1110</v>
      </c>
      <c r="CA9" s="207">
        <v>1118</v>
      </c>
      <c r="CB9" s="202">
        <v>0</v>
      </c>
      <c r="CC9" s="203">
        <v>0</v>
      </c>
      <c r="CD9" s="208">
        <v>0</v>
      </c>
      <c r="CE9" s="205">
        <v>0</v>
      </c>
      <c r="CF9" s="203">
        <v>0</v>
      </c>
      <c r="CG9" s="203">
        <v>0</v>
      </c>
      <c r="CH9" s="203">
        <v>0</v>
      </c>
      <c r="CI9" s="203">
        <v>0</v>
      </c>
      <c r="CJ9" s="203">
        <v>0</v>
      </c>
      <c r="CK9" s="208">
        <v>0</v>
      </c>
      <c r="CL9" s="207">
        <v>0</v>
      </c>
      <c r="CM9" s="202">
        <v>0</v>
      </c>
      <c r="CN9" s="203">
        <v>0</v>
      </c>
      <c r="CO9" s="208">
        <v>0</v>
      </c>
      <c r="CP9" s="205">
        <v>0</v>
      </c>
      <c r="CQ9" s="203">
        <v>0</v>
      </c>
      <c r="CR9" s="203">
        <v>0</v>
      </c>
      <c r="CS9" s="203">
        <v>0</v>
      </c>
      <c r="CT9" s="203">
        <v>0</v>
      </c>
      <c r="CU9" s="203">
        <v>0</v>
      </c>
      <c r="CV9" s="208">
        <v>0</v>
      </c>
      <c r="CW9" s="207">
        <v>0</v>
      </c>
      <c r="CX9" s="202">
        <v>0</v>
      </c>
      <c r="CY9" s="203">
        <v>0</v>
      </c>
      <c r="CZ9" s="208">
        <v>0</v>
      </c>
      <c r="DA9" s="205">
        <v>0</v>
      </c>
      <c r="DB9" s="203">
        <v>0</v>
      </c>
      <c r="DC9" s="203">
        <v>0</v>
      </c>
      <c r="DD9" s="203">
        <v>0</v>
      </c>
      <c r="DE9" s="203">
        <v>0</v>
      </c>
      <c r="DF9" s="203">
        <v>0</v>
      </c>
      <c r="DG9" s="208">
        <v>0</v>
      </c>
      <c r="DH9" s="207">
        <v>0</v>
      </c>
    </row>
    <row r="10" spans="2:112" ht="21" customHeight="1" x14ac:dyDescent="0.2">
      <c r="B10" s="173" t="s">
        <v>7</v>
      </c>
      <c r="C10" s="202">
        <v>0</v>
      </c>
      <c r="D10" s="208">
        <v>0</v>
      </c>
      <c r="E10" s="218">
        <v>0</v>
      </c>
      <c r="F10" s="205">
        <v>0</v>
      </c>
      <c r="G10" s="203">
        <v>608</v>
      </c>
      <c r="H10" s="203">
        <v>551</v>
      </c>
      <c r="I10" s="203">
        <v>579</v>
      </c>
      <c r="J10" s="203">
        <v>550</v>
      </c>
      <c r="K10" s="203">
        <v>378</v>
      </c>
      <c r="L10" s="206">
        <v>2666</v>
      </c>
      <c r="M10" s="207">
        <v>2666</v>
      </c>
      <c r="N10" s="202">
        <v>0</v>
      </c>
      <c r="O10" s="203">
        <v>0</v>
      </c>
      <c r="P10" s="208">
        <v>0</v>
      </c>
      <c r="Q10" s="205">
        <v>0</v>
      </c>
      <c r="R10" s="203">
        <v>4</v>
      </c>
      <c r="S10" s="203">
        <v>0</v>
      </c>
      <c r="T10" s="203">
        <v>0</v>
      </c>
      <c r="U10" s="203">
        <v>28</v>
      </c>
      <c r="V10" s="203">
        <v>48</v>
      </c>
      <c r="W10" s="208">
        <v>80</v>
      </c>
      <c r="X10" s="207">
        <v>80</v>
      </c>
      <c r="Y10" s="202">
        <v>1</v>
      </c>
      <c r="Z10" s="203">
        <v>42</v>
      </c>
      <c r="AA10" s="208">
        <v>43</v>
      </c>
      <c r="AB10" s="205">
        <v>0</v>
      </c>
      <c r="AC10" s="203">
        <v>176</v>
      </c>
      <c r="AD10" s="203">
        <v>171</v>
      </c>
      <c r="AE10" s="203">
        <v>188</v>
      </c>
      <c r="AF10" s="203">
        <v>117</v>
      </c>
      <c r="AG10" s="203">
        <v>160</v>
      </c>
      <c r="AH10" s="208">
        <v>812</v>
      </c>
      <c r="AI10" s="207">
        <v>855</v>
      </c>
      <c r="AJ10" s="202">
        <v>8</v>
      </c>
      <c r="AK10" s="203">
        <v>0</v>
      </c>
      <c r="AL10" s="208">
        <v>8</v>
      </c>
      <c r="AM10" s="205">
        <v>0</v>
      </c>
      <c r="AN10" s="203">
        <v>25</v>
      </c>
      <c r="AO10" s="203">
        <v>63</v>
      </c>
      <c r="AP10" s="203">
        <v>42</v>
      </c>
      <c r="AQ10" s="203">
        <v>54</v>
      </c>
      <c r="AR10" s="203">
        <v>30</v>
      </c>
      <c r="AS10" s="208">
        <v>214</v>
      </c>
      <c r="AT10" s="207">
        <v>222</v>
      </c>
      <c r="AU10" s="202">
        <v>0</v>
      </c>
      <c r="AV10" s="203">
        <v>0</v>
      </c>
      <c r="AW10" s="208">
        <v>0</v>
      </c>
      <c r="AX10" s="205">
        <v>0</v>
      </c>
      <c r="AY10" s="203">
        <v>575</v>
      </c>
      <c r="AZ10" s="203">
        <v>301</v>
      </c>
      <c r="BA10" s="203">
        <v>142</v>
      </c>
      <c r="BB10" s="203">
        <v>66</v>
      </c>
      <c r="BC10" s="203">
        <v>42</v>
      </c>
      <c r="BD10" s="206">
        <v>1126</v>
      </c>
      <c r="BE10" s="207">
        <v>1126</v>
      </c>
      <c r="BF10" s="202">
        <v>0</v>
      </c>
      <c r="BG10" s="203">
        <v>0</v>
      </c>
      <c r="BH10" s="208">
        <v>0</v>
      </c>
      <c r="BI10" s="205">
        <v>0</v>
      </c>
      <c r="BJ10" s="203">
        <v>93</v>
      </c>
      <c r="BK10" s="203">
        <v>87</v>
      </c>
      <c r="BL10" s="203">
        <v>52</v>
      </c>
      <c r="BM10" s="203">
        <v>16</v>
      </c>
      <c r="BN10" s="203">
        <v>8</v>
      </c>
      <c r="BO10" s="208">
        <v>256</v>
      </c>
      <c r="BP10" s="207">
        <v>256</v>
      </c>
      <c r="BQ10" s="202">
        <v>0</v>
      </c>
      <c r="BR10" s="203">
        <v>0</v>
      </c>
      <c r="BS10" s="208">
        <v>0</v>
      </c>
      <c r="BT10" s="205">
        <v>0</v>
      </c>
      <c r="BU10" s="203">
        <v>65</v>
      </c>
      <c r="BV10" s="203">
        <v>55</v>
      </c>
      <c r="BW10" s="203">
        <v>38</v>
      </c>
      <c r="BX10" s="203">
        <v>38</v>
      </c>
      <c r="BY10" s="203">
        <v>34</v>
      </c>
      <c r="BZ10" s="208">
        <v>230</v>
      </c>
      <c r="CA10" s="207">
        <v>230</v>
      </c>
      <c r="CB10" s="202">
        <v>0</v>
      </c>
      <c r="CC10" s="203">
        <v>0</v>
      </c>
      <c r="CD10" s="208">
        <v>0</v>
      </c>
      <c r="CE10" s="205">
        <v>0</v>
      </c>
      <c r="CF10" s="203">
        <v>10</v>
      </c>
      <c r="CG10" s="203">
        <v>5</v>
      </c>
      <c r="CH10" s="203">
        <v>7</v>
      </c>
      <c r="CI10" s="203">
        <v>0</v>
      </c>
      <c r="CJ10" s="203">
        <v>0</v>
      </c>
      <c r="CK10" s="208">
        <v>22</v>
      </c>
      <c r="CL10" s="207">
        <v>22</v>
      </c>
      <c r="CM10" s="202">
        <v>0</v>
      </c>
      <c r="CN10" s="203">
        <v>0</v>
      </c>
      <c r="CO10" s="208">
        <v>0</v>
      </c>
      <c r="CP10" s="205">
        <v>0</v>
      </c>
      <c r="CQ10" s="203">
        <v>0</v>
      </c>
      <c r="CR10" s="203">
        <v>0</v>
      </c>
      <c r="CS10" s="203">
        <v>0</v>
      </c>
      <c r="CT10" s="203">
        <v>0</v>
      </c>
      <c r="CU10" s="203">
        <v>0</v>
      </c>
      <c r="CV10" s="208">
        <v>0</v>
      </c>
      <c r="CW10" s="207">
        <v>0</v>
      </c>
      <c r="CX10" s="202">
        <v>0</v>
      </c>
      <c r="CY10" s="203">
        <v>0</v>
      </c>
      <c r="CZ10" s="208">
        <v>0</v>
      </c>
      <c r="DA10" s="205">
        <v>0</v>
      </c>
      <c r="DB10" s="203">
        <v>0</v>
      </c>
      <c r="DC10" s="203">
        <v>0</v>
      </c>
      <c r="DD10" s="203">
        <v>0</v>
      </c>
      <c r="DE10" s="203">
        <v>0</v>
      </c>
      <c r="DF10" s="203">
        <v>0</v>
      </c>
      <c r="DG10" s="208">
        <v>0</v>
      </c>
      <c r="DH10" s="207">
        <v>0</v>
      </c>
    </row>
    <row r="11" spans="2:112" ht="21" customHeight="1" x14ac:dyDescent="0.2">
      <c r="B11" s="173" t="s">
        <v>8</v>
      </c>
      <c r="C11" s="202">
        <v>0</v>
      </c>
      <c r="D11" s="208">
        <v>0</v>
      </c>
      <c r="E11" s="218">
        <v>0</v>
      </c>
      <c r="F11" s="205">
        <v>0</v>
      </c>
      <c r="G11" s="203">
        <v>338</v>
      </c>
      <c r="H11" s="203">
        <v>355</v>
      </c>
      <c r="I11" s="203">
        <v>398</v>
      </c>
      <c r="J11" s="203">
        <v>473</v>
      </c>
      <c r="K11" s="203">
        <v>466</v>
      </c>
      <c r="L11" s="206">
        <v>2030</v>
      </c>
      <c r="M11" s="207">
        <v>2030</v>
      </c>
      <c r="N11" s="202">
        <v>0</v>
      </c>
      <c r="O11" s="203">
        <v>0</v>
      </c>
      <c r="P11" s="208">
        <v>0</v>
      </c>
      <c r="Q11" s="205">
        <v>0</v>
      </c>
      <c r="R11" s="203">
        <v>0</v>
      </c>
      <c r="S11" s="203">
        <v>0</v>
      </c>
      <c r="T11" s="203">
        <v>4</v>
      </c>
      <c r="U11" s="203">
        <v>5</v>
      </c>
      <c r="V11" s="203">
        <v>14</v>
      </c>
      <c r="W11" s="208">
        <v>23</v>
      </c>
      <c r="X11" s="207">
        <v>23</v>
      </c>
      <c r="Y11" s="202">
        <v>12</v>
      </c>
      <c r="Z11" s="203">
        <v>54</v>
      </c>
      <c r="AA11" s="208">
        <v>66</v>
      </c>
      <c r="AB11" s="205">
        <v>0</v>
      </c>
      <c r="AC11" s="203">
        <v>164</v>
      </c>
      <c r="AD11" s="203">
        <v>161</v>
      </c>
      <c r="AE11" s="203">
        <v>134</v>
      </c>
      <c r="AF11" s="203">
        <v>119</v>
      </c>
      <c r="AG11" s="203">
        <v>63</v>
      </c>
      <c r="AH11" s="208">
        <v>641</v>
      </c>
      <c r="AI11" s="207">
        <v>707</v>
      </c>
      <c r="AJ11" s="202">
        <v>0</v>
      </c>
      <c r="AK11" s="203">
        <v>32</v>
      </c>
      <c r="AL11" s="208">
        <v>32</v>
      </c>
      <c r="AM11" s="205">
        <v>0</v>
      </c>
      <c r="AN11" s="203">
        <v>67</v>
      </c>
      <c r="AO11" s="203">
        <v>61</v>
      </c>
      <c r="AP11" s="203">
        <v>26</v>
      </c>
      <c r="AQ11" s="203">
        <v>20</v>
      </c>
      <c r="AR11" s="203">
        <v>57</v>
      </c>
      <c r="AS11" s="208">
        <v>231</v>
      </c>
      <c r="AT11" s="207">
        <v>263</v>
      </c>
      <c r="AU11" s="202">
        <v>0</v>
      </c>
      <c r="AV11" s="203">
        <v>0</v>
      </c>
      <c r="AW11" s="208">
        <v>0</v>
      </c>
      <c r="AX11" s="205">
        <v>0</v>
      </c>
      <c r="AY11" s="203">
        <v>198</v>
      </c>
      <c r="AZ11" s="203">
        <v>295</v>
      </c>
      <c r="BA11" s="203">
        <v>144</v>
      </c>
      <c r="BB11" s="203">
        <v>73</v>
      </c>
      <c r="BC11" s="203">
        <v>43</v>
      </c>
      <c r="BD11" s="206">
        <v>753</v>
      </c>
      <c r="BE11" s="207">
        <v>753</v>
      </c>
      <c r="BF11" s="202">
        <v>0</v>
      </c>
      <c r="BG11" s="203">
        <v>0</v>
      </c>
      <c r="BH11" s="208">
        <v>0</v>
      </c>
      <c r="BI11" s="205">
        <v>0</v>
      </c>
      <c r="BJ11" s="203">
        <v>101</v>
      </c>
      <c r="BK11" s="203">
        <v>39</v>
      </c>
      <c r="BL11" s="203">
        <v>73</v>
      </c>
      <c r="BM11" s="203">
        <v>37</v>
      </c>
      <c r="BN11" s="203">
        <v>22</v>
      </c>
      <c r="BO11" s="208">
        <v>272</v>
      </c>
      <c r="BP11" s="207">
        <v>272</v>
      </c>
      <c r="BQ11" s="202">
        <v>0</v>
      </c>
      <c r="BR11" s="203">
        <v>10</v>
      </c>
      <c r="BS11" s="208">
        <v>10</v>
      </c>
      <c r="BT11" s="205">
        <v>0</v>
      </c>
      <c r="BU11" s="203">
        <v>28</v>
      </c>
      <c r="BV11" s="203">
        <v>92</v>
      </c>
      <c r="BW11" s="203">
        <v>137</v>
      </c>
      <c r="BX11" s="203">
        <v>58</v>
      </c>
      <c r="BY11" s="203">
        <v>74</v>
      </c>
      <c r="BZ11" s="208">
        <v>389</v>
      </c>
      <c r="CA11" s="207">
        <v>399</v>
      </c>
      <c r="CB11" s="202">
        <v>0</v>
      </c>
      <c r="CC11" s="203">
        <v>0</v>
      </c>
      <c r="CD11" s="208">
        <v>0</v>
      </c>
      <c r="CE11" s="205">
        <v>0</v>
      </c>
      <c r="CF11" s="203">
        <v>0</v>
      </c>
      <c r="CG11" s="203">
        <v>24</v>
      </c>
      <c r="CH11" s="203">
        <v>9</v>
      </c>
      <c r="CI11" s="203">
        <v>14</v>
      </c>
      <c r="CJ11" s="203">
        <v>0</v>
      </c>
      <c r="CK11" s="208">
        <v>47</v>
      </c>
      <c r="CL11" s="207">
        <v>47</v>
      </c>
      <c r="CM11" s="202">
        <v>0</v>
      </c>
      <c r="CN11" s="203">
        <v>0</v>
      </c>
      <c r="CO11" s="208">
        <v>0</v>
      </c>
      <c r="CP11" s="205">
        <v>0</v>
      </c>
      <c r="CQ11" s="203">
        <v>0</v>
      </c>
      <c r="CR11" s="203">
        <v>0</v>
      </c>
      <c r="CS11" s="203">
        <v>0</v>
      </c>
      <c r="CT11" s="203">
        <v>0</v>
      </c>
      <c r="CU11" s="203">
        <v>0</v>
      </c>
      <c r="CV11" s="208">
        <v>0</v>
      </c>
      <c r="CW11" s="207">
        <v>0</v>
      </c>
      <c r="CX11" s="202">
        <v>0</v>
      </c>
      <c r="CY11" s="203">
        <v>0</v>
      </c>
      <c r="CZ11" s="208">
        <v>0</v>
      </c>
      <c r="DA11" s="205">
        <v>0</v>
      </c>
      <c r="DB11" s="203">
        <v>0</v>
      </c>
      <c r="DC11" s="203">
        <v>0</v>
      </c>
      <c r="DD11" s="203">
        <v>0</v>
      </c>
      <c r="DE11" s="203">
        <v>0</v>
      </c>
      <c r="DF11" s="203">
        <v>0</v>
      </c>
      <c r="DG11" s="208">
        <v>0</v>
      </c>
      <c r="DH11" s="207">
        <v>0</v>
      </c>
    </row>
    <row r="12" spans="2:112" ht="21" customHeight="1" x14ac:dyDescent="0.2">
      <c r="B12" s="173" t="s">
        <v>9</v>
      </c>
      <c r="C12" s="202">
        <v>0</v>
      </c>
      <c r="D12" s="208">
        <v>0</v>
      </c>
      <c r="E12" s="218">
        <v>0</v>
      </c>
      <c r="F12" s="205">
        <v>0</v>
      </c>
      <c r="G12" s="203">
        <v>748</v>
      </c>
      <c r="H12" s="203">
        <v>502</v>
      </c>
      <c r="I12" s="203">
        <v>1359</v>
      </c>
      <c r="J12" s="203">
        <v>964</v>
      </c>
      <c r="K12" s="203">
        <v>1038</v>
      </c>
      <c r="L12" s="206">
        <v>4611</v>
      </c>
      <c r="M12" s="207">
        <v>4611</v>
      </c>
      <c r="N12" s="202">
        <v>0</v>
      </c>
      <c r="O12" s="203">
        <v>0</v>
      </c>
      <c r="P12" s="208">
        <v>0</v>
      </c>
      <c r="Q12" s="205">
        <v>0</v>
      </c>
      <c r="R12" s="203">
        <v>4</v>
      </c>
      <c r="S12" s="203">
        <v>0</v>
      </c>
      <c r="T12" s="203">
        <v>23</v>
      </c>
      <c r="U12" s="203">
        <v>47</v>
      </c>
      <c r="V12" s="203">
        <v>73</v>
      </c>
      <c r="W12" s="208">
        <v>147</v>
      </c>
      <c r="X12" s="207">
        <v>147</v>
      </c>
      <c r="Y12" s="202">
        <v>109</v>
      </c>
      <c r="Z12" s="203">
        <v>106</v>
      </c>
      <c r="AA12" s="208">
        <v>215</v>
      </c>
      <c r="AB12" s="205">
        <v>0</v>
      </c>
      <c r="AC12" s="203">
        <v>479</v>
      </c>
      <c r="AD12" s="203">
        <v>540</v>
      </c>
      <c r="AE12" s="203">
        <v>290</v>
      </c>
      <c r="AF12" s="203">
        <v>268</v>
      </c>
      <c r="AG12" s="203">
        <v>229</v>
      </c>
      <c r="AH12" s="208">
        <v>1806</v>
      </c>
      <c r="AI12" s="207">
        <v>2021</v>
      </c>
      <c r="AJ12" s="202">
        <v>8</v>
      </c>
      <c r="AK12" s="203">
        <v>26</v>
      </c>
      <c r="AL12" s="208">
        <v>34</v>
      </c>
      <c r="AM12" s="205">
        <v>0</v>
      </c>
      <c r="AN12" s="203">
        <v>30</v>
      </c>
      <c r="AO12" s="203">
        <v>99</v>
      </c>
      <c r="AP12" s="203">
        <v>110</v>
      </c>
      <c r="AQ12" s="203">
        <v>74</v>
      </c>
      <c r="AR12" s="203">
        <v>18</v>
      </c>
      <c r="AS12" s="208">
        <v>331</v>
      </c>
      <c r="AT12" s="207">
        <v>365</v>
      </c>
      <c r="AU12" s="202">
        <v>0</v>
      </c>
      <c r="AV12" s="203">
        <v>0</v>
      </c>
      <c r="AW12" s="208">
        <v>0</v>
      </c>
      <c r="AX12" s="205">
        <v>0</v>
      </c>
      <c r="AY12" s="203">
        <v>481</v>
      </c>
      <c r="AZ12" s="203">
        <v>201</v>
      </c>
      <c r="BA12" s="203">
        <v>242</v>
      </c>
      <c r="BB12" s="203">
        <v>118</v>
      </c>
      <c r="BC12" s="203">
        <v>34</v>
      </c>
      <c r="BD12" s="206">
        <v>1076</v>
      </c>
      <c r="BE12" s="207">
        <v>1076</v>
      </c>
      <c r="BF12" s="202">
        <v>0</v>
      </c>
      <c r="BG12" s="203">
        <v>0</v>
      </c>
      <c r="BH12" s="208">
        <v>0</v>
      </c>
      <c r="BI12" s="205">
        <v>0</v>
      </c>
      <c r="BJ12" s="203">
        <v>126</v>
      </c>
      <c r="BK12" s="203">
        <v>136</v>
      </c>
      <c r="BL12" s="203">
        <v>76</v>
      </c>
      <c r="BM12" s="203">
        <v>39</v>
      </c>
      <c r="BN12" s="203">
        <v>11</v>
      </c>
      <c r="BO12" s="208">
        <v>388</v>
      </c>
      <c r="BP12" s="207">
        <v>388</v>
      </c>
      <c r="BQ12" s="202">
        <v>0</v>
      </c>
      <c r="BR12" s="203">
        <v>0</v>
      </c>
      <c r="BS12" s="208">
        <v>0</v>
      </c>
      <c r="BT12" s="205">
        <v>0</v>
      </c>
      <c r="BU12" s="203">
        <v>87</v>
      </c>
      <c r="BV12" s="203">
        <v>48</v>
      </c>
      <c r="BW12" s="203">
        <v>102</v>
      </c>
      <c r="BX12" s="203">
        <v>65</v>
      </c>
      <c r="BY12" s="203">
        <v>21</v>
      </c>
      <c r="BZ12" s="208">
        <v>323</v>
      </c>
      <c r="CA12" s="207">
        <v>323</v>
      </c>
      <c r="CB12" s="202">
        <v>0</v>
      </c>
      <c r="CC12" s="203">
        <v>0</v>
      </c>
      <c r="CD12" s="208">
        <v>0</v>
      </c>
      <c r="CE12" s="205">
        <v>0</v>
      </c>
      <c r="CF12" s="203">
        <v>4</v>
      </c>
      <c r="CG12" s="203">
        <v>0</v>
      </c>
      <c r="CH12" s="203">
        <v>44</v>
      </c>
      <c r="CI12" s="203">
        <v>3</v>
      </c>
      <c r="CJ12" s="203">
        <v>0</v>
      </c>
      <c r="CK12" s="208">
        <v>51</v>
      </c>
      <c r="CL12" s="207">
        <v>51</v>
      </c>
      <c r="CM12" s="202">
        <v>0</v>
      </c>
      <c r="CN12" s="203">
        <v>0</v>
      </c>
      <c r="CO12" s="208">
        <v>0</v>
      </c>
      <c r="CP12" s="205">
        <v>0</v>
      </c>
      <c r="CQ12" s="203">
        <v>0</v>
      </c>
      <c r="CR12" s="203">
        <v>0</v>
      </c>
      <c r="CS12" s="203">
        <v>0</v>
      </c>
      <c r="CT12" s="203">
        <v>0</v>
      </c>
      <c r="CU12" s="203">
        <v>0</v>
      </c>
      <c r="CV12" s="208">
        <v>0</v>
      </c>
      <c r="CW12" s="207">
        <v>0</v>
      </c>
      <c r="CX12" s="202">
        <v>0</v>
      </c>
      <c r="CY12" s="203">
        <v>0</v>
      </c>
      <c r="CZ12" s="208">
        <v>0</v>
      </c>
      <c r="DA12" s="205">
        <v>0</v>
      </c>
      <c r="DB12" s="203">
        <v>0</v>
      </c>
      <c r="DC12" s="203">
        <v>0</v>
      </c>
      <c r="DD12" s="203">
        <v>0</v>
      </c>
      <c r="DE12" s="203">
        <v>0</v>
      </c>
      <c r="DF12" s="203">
        <v>0</v>
      </c>
      <c r="DG12" s="208">
        <v>0</v>
      </c>
      <c r="DH12" s="207">
        <v>0</v>
      </c>
    </row>
    <row r="13" spans="2:112" ht="21" customHeight="1" x14ac:dyDescent="0.2">
      <c r="B13" s="173" t="s">
        <v>10</v>
      </c>
      <c r="C13" s="202">
        <v>0</v>
      </c>
      <c r="D13" s="208">
        <v>0</v>
      </c>
      <c r="E13" s="218">
        <v>0</v>
      </c>
      <c r="F13" s="205">
        <v>0</v>
      </c>
      <c r="G13" s="203">
        <v>1409</v>
      </c>
      <c r="H13" s="203">
        <v>1144</v>
      </c>
      <c r="I13" s="203">
        <v>1900</v>
      </c>
      <c r="J13" s="203">
        <v>1481</v>
      </c>
      <c r="K13" s="203">
        <v>1808</v>
      </c>
      <c r="L13" s="206">
        <v>7742</v>
      </c>
      <c r="M13" s="207">
        <v>7742</v>
      </c>
      <c r="N13" s="202">
        <v>0</v>
      </c>
      <c r="O13" s="203">
        <v>0</v>
      </c>
      <c r="P13" s="208">
        <v>0</v>
      </c>
      <c r="Q13" s="205">
        <v>0</v>
      </c>
      <c r="R13" s="203">
        <v>4</v>
      </c>
      <c r="S13" s="203">
        <v>12</v>
      </c>
      <c r="T13" s="203">
        <v>15</v>
      </c>
      <c r="U13" s="203">
        <v>34</v>
      </c>
      <c r="V13" s="203">
        <v>28</v>
      </c>
      <c r="W13" s="208">
        <v>93</v>
      </c>
      <c r="X13" s="207">
        <v>93</v>
      </c>
      <c r="Y13" s="202">
        <v>104</v>
      </c>
      <c r="Z13" s="203">
        <v>176</v>
      </c>
      <c r="AA13" s="208">
        <v>280</v>
      </c>
      <c r="AB13" s="205">
        <v>0</v>
      </c>
      <c r="AC13" s="203">
        <v>615</v>
      </c>
      <c r="AD13" s="203">
        <v>381</v>
      </c>
      <c r="AE13" s="203">
        <v>184</v>
      </c>
      <c r="AF13" s="203">
        <v>270</v>
      </c>
      <c r="AG13" s="203">
        <v>155</v>
      </c>
      <c r="AH13" s="208">
        <v>1605</v>
      </c>
      <c r="AI13" s="207">
        <v>1885</v>
      </c>
      <c r="AJ13" s="202">
        <v>18</v>
      </c>
      <c r="AK13" s="203">
        <v>20</v>
      </c>
      <c r="AL13" s="208">
        <v>38</v>
      </c>
      <c r="AM13" s="205">
        <v>0</v>
      </c>
      <c r="AN13" s="203">
        <v>64</v>
      </c>
      <c r="AO13" s="203">
        <v>116</v>
      </c>
      <c r="AP13" s="203">
        <v>27</v>
      </c>
      <c r="AQ13" s="203">
        <v>14</v>
      </c>
      <c r="AR13" s="203">
        <v>28</v>
      </c>
      <c r="AS13" s="208">
        <v>249</v>
      </c>
      <c r="AT13" s="207">
        <v>287</v>
      </c>
      <c r="AU13" s="202">
        <v>0</v>
      </c>
      <c r="AV13" s="203">
        <v>0</v>
      </c>
      <c r="AW13" s="208">
        <v>0</v>
      </c>
      <c r="AX13" s="205">
        <v>0</v>
      </c>
      <c r="AY13" s="203">
        <v>879</v>
      </c>
      <c r="AZ13" s="203">
        <v>598</v>
      </c>
      <c r="BA13" s="203">
        <v>374</v>
      </c>
      <c r="BB13" s="203">
        <v>141</v>
      </c>
      <c r="BC13" s="203">
        <v>38</v>
      </c>
      <c r="BD13" s="206">
        <v>2030</v>
      </c>
      <c r="BE13" s="207">
        <v>2030</v>
      </c>
      <c r="BF13" s="202">
        <v>0</v>
      </c>
      <c r="BG13" s="203">
        <v>0</v>
      </c>
      <c r="BH13" s="208">
        <v>0</v>
      </c>
      <c r="BI13" s="205">
        <v>0</v>
      </c>
      <c r="BJ13" s="203">
        <v>155</v>
      </c>
      <c r="BK13" s="203">
        <v>133</v>
      </c>
      <c r="BL13" s="203">
        <v>48</v>
      </c>
      <c r="BM13" s="203">
        <v>12</v>
      </c>
      <c r="BN13" s="203">
        <v>8</v>
      </c>
      <c r="BO13" s="208">
        <v>356</v>
      </c>
      <c r="BP13" s="207">
        <v>356</v>
      </c>
      <c r="BQ13" s="202">
        <v>6</v>
      </c>
      <c r="BR13" s="203">
        <v>12</v>
      </c>
      <c r="BS13" s="208">
        <v>18</v>
      </c>
      <c r="BT13" s="205">
        <v>0</v>
      </c>
      <c r="BU13" s="203">
        <v>131</v>
      </c>
      <c r="BV13" s="203">
        <v>79</v>
      </c>
      <c r="BW13" s="203">
        <v>155</v>
      </c>
      <c r="BX13" s="203">
        <v>198</v>
      </c>
      <c r="BY13" s="203">
        <v>3</v>
      </c>
      <c r="BZ13" s="208">
        <v>566</v>
      </c>
      <c r="CA13" s="207">
        <v>584</v>
      </c>
      <c r="CB13" s="202">
        <v>0</v>
      </c>
      <c r="CC13" s="203">
        <v>0</v>
      </c>
      <c r="CD13" s="208">
        <v>0</v>
      </c>
      <c r="CE13" s="205">
        <v>0</v>
      </c>
      <c r="CF13" s="203">
        <v>0</v>
      </c>
      <c r="CG13" s="203">
        <v>2</v>
      </c>
      <c r="CH13" s="203">
        <v>25</v>
      </c>
      <c r="CI13" s="203">
        <v>3</v>
      </c>
      <c r="CJ13" s="203">
        <v>5</v>
      </c>
      <c r="CK13" s="208">
        <v>35</v>
      </c>
      <c r="CL13" s="207">
        <v>35</v>
      </c>
      <c r="CM13" s="202">
        <v>0</v>
      </c>
      <c r="CN13" s="203">
        <v>0</v>
      </c>
      <c r="CO13" s="208">
        <v>0</v>
      </c>
      <c r="CP13" s="205">
        <v>0</v>
      </c>
      <c r="CQ13" s="203">
        <v>0</v>
      </c>
      <c r="CR13" s="203">
        <v>0</v>
      </c>
      <c r="CS13" s="203">
        <v>0</v>
      </c>
      <c r="CT13" s="203">
        <v>0</v>
      </c>
      <c r="CU13" s="203">
        <v>0</v>
      </c>
      <c r="CV13" s="208">
        <v>0</v>
      </c>
      <c r="CW13" s="207">
        <v>0</v>
      </c>
      <c r="CX13" s="202">
        <v>0</v>
      </c>
      <c r="CY13" s="203">
        <v>0</v>
      </c>
      <c r="CZ13" s="208">
        <v>0</v>
      </c>
      <c r="DA13" s="205">
        <v>0</v>
      </c>
      <c r="DB13" s="203">
        <v>0</v>
      </c>
      <c r="DC13" s="203">
        <v>0</v>
      </c>
      <c r="DD13" s="203">
        <v>0</v>
      </c>
      <c r="DE13" s="203">
        <v>0</v>
      </c>
      <c r="DF13" s="203">
        <v>0</v>
      </c>
      <c r="DG13" s="208">
        <v>0</v>
      </c>
      <c r="DH13" s="207">
        <v>0</v>
      </c>
    </row>
    <row r="14" spans="2:112" ht="21" customHeight="1" x14ac:dyDescent="0.2">
      <c r="B14" s="173" t="s">
        <v>11</v>
      </c>
      <c r="C14" s="202">
        <v>0</v>
      </c>
      <c r="D14" s="208">
        <v>0</v>
      </c>
      <c r="E14" s="218">
        <v>0</v>
      </c>
      <c r="F14" s="205">
        <v>0</v>
      </c>
      <c r="G14" s="203">
        <v>172</v>
      </c>
      <c r="H14" s="203">
        <v>101</v>
      </c>
      <c r="I14" s="203">
        <v>312</v>
      </c>
      <c r="J14" s="203">
        <v>453</v>
      </c>
      <c r="K14" s="203">
        <v>300</v>
      </c>
      <c r="L14" s="206">
        <v>1338</v>
      </c>
      <c r="M14" s="207">
        <v>1338</v>
      </c>
      <c r="N14" s="202">
        <v>0</v>
      </c>
      <c r="O14" s="203">
        <v>0</v>
      </c>
      <c r="P14" s="208">
        <v>0</v>
      </c>
      <c r="Q14" s="205">
        <v>0</v>
      </c>
      <c r="R14" s="203">
        <v>0</v>
      </c>
      <c r="S14" s="203">
        <v>0</v>
      </c>
      <c r="T14" s="203">
        <v>0</v>
      </c>
      <c r="U14" s="203">
        <v>28</v>
      </c>
      <c r="V14" s="203">
        <v>12</v>
      </c>
      <c r="W14" s="208">
        <v>40</v>
      </c>
      <c r="X14" s="207">
        <v>40</v>
      </c>
      <c r="Y14" s="202">
        <v>8</v>
      </c>
      <c r="Z14" s="203">
        <v>9</v>
      </c>
      <c r="AA14" s="208">
        <v>17</v>
      </c>
      <c r="AB14" s="205">
        <v>0</v>
      </c>
      <c r="AC14" s="203">
        <v>345</v>
      </c>
      <c r="AD14" s="203">
        <v>151</v>
      </c>
      <c r="AE14" s="203">
        <v>86</v>
      </c>
      <c r="AF14" s="203">
        <v>239</v>
      </c>
      <c r="AG14" s="203">
        <v>92</v>
      </c>
      <c r="AH14" s="208">
        <v>913</v>
      </c>
      <c r="AI14" s="207">
        <v>930</v>
      </c>
      <c r="AJ14" s="202">
        <v>0</v>
      </c>
      <c r="AK14" s="203">
        <v>0</v>
      </c>
      <c r="AL14" s="208">
        <v>0</v>
      </c>
      <c r="AM14" s="205">
        <v>0</v>
      </c>
      <c r="AN14" s="203">
        <v>36</v>
      </c>
      <c r="AO14" s="203">
        <v>38</v>
      </c>
      <c r="AP14" s="203">
        <v>0</v>
      </c>
      <c r="AQ14" s="203">
        <v>12</v>
      </c>
      <c r="AR14" s="203">
        <v>21</v>
      </c>
      <c r="AS14" s="208">
        <v>107</v>
      </c>
      <c r="AT14" s="207">
        <v>107</v>
      </c>
      <c r="AU14" s="202">
        <v>0</v>
      </c>
      <c r="AV14" s="203">
        <v>0</v>
      </c>
      <c r="AW14" s="208">
        <v>0</v>
      </c>
      <c r="AX14" s="205">
        <v>0</v>
      </c>
      <c r="AY14" s="203">
        <v>143</v>
      </c>
      <c r="AZ14" s="203">
        <v>109</v>
      </c>
      <c r="BA14" s="203">
        <v>93</v>
      </c>
      <c r="BB14" s="203">
        <v>132</v>
      </c>
      <c r="BC14" s="203">
        <v>20</v>
      </c>
      <c r="BD14" s="206">
        <v>497</v>
      </c>
      <c r="BE14" s="207">
        <v>497</v>
      </c>
      <c r="BF14" s="202">
        <v>0</v>
      </c>
      <c r="BG14" s="203">
        <v>0</v>
      </c>
      <c r="BH14" s="208">
        <v>0</v>
      </c>
      <c r="BI14" s="205">
        <v>0</v>
      </c>
      <c r="BJ14" s="203">
        <v>95</v>
      </c>
      <c r="BK14" s="203">
        <v>47</v>
      </c>
      <c r="BL14" s="203">
        <v>99</v>
      </c>
      <c r="BM14" s="203">
        <v>8</v>
      </c>
      <c r="BN14" s="203">
        <v>10</v>
      </c>
      <c r="BO14" s="208">
        <v>259</v>
      </c>
      <c r="BP14" s="207">
        <v>259</v>
      </c>
      <c r="BQ14" s="202">
        <v>0</v>
      </c>
      <c r="BR14" s="203">
        <v>0</v>
      </c>
      <c r="BS14" s="208">
        <v>0</v>
      </c>
      <c r="BT14" s="205">
        <v>0</v>
      </c>
      <c r="BU14" s="203">
        <v>19</v>
      </c>
      <c r="BV14" s="203">
        <v>8</v>
      </c>
      <c r="BW14" s="203">
        <v>43</v>
      </c>
      <c r="BX14" s="203">
        <v>8</v>
      </c>
      <c r="BY14" s="203">
        <v>42</v>
      </c>
      <c r="BZ14" s="208">
        <v>120</v>
      </c>
      <c r="CA14" s="207">
        <v>120</v>
      </c>
      <c r="CB14" s="202">
        <v>0</v>
      </c>
      <c r="CC14" s="203">
        <v>0</v>
      </c>
      <c r="CD14" s="208">
        <v>0</v>
      </c>
      <c r="CE14" s="205">
        <v>0</v>
      </c>
      <c r="CF14" s="203">
        <v>0</v>
      </c>
      <c r="CG14" s="203">
        <v>0</v>
      </c>
      <c r="CH14" s="203">
        <v>18</v>
      </c>
      <c r="CI14" s="203">
        <v>9</v>
      </c>
      <c r="CJ14" s="203">
        <v>16</v>
      </c>
      <c r="CK14" s="208">
        <v>43</v>
      </c>
      <c r="CL14" s="207">
        <v>43</v>
      </c>
      <c r="CM14" s="202">
        <v>0</v>
      </c>
      <c r="CN14" s="203">
        <v>0</v>
      </c>
      <c r="CO14" s="208">
        <v>0</v>
      </c>
      <c r="CP14" s="205">
        <v>0</v>
      </c>
      <c r="CQ14" s="203">
        <v>0</v>
      </c>
      <c r="CR14" s="203">
        <v>0</v>
      </c>
      <c r="CS14" s="203">
        <v>0</v>
      </c>
      <c r="CT14" s="203">
        <v>0</v>
      </c>
      <c r="CU14" s="203">
        <v>0</v>
      </c>
      <c r="CV14" s="208">
        <v>0</v>
      </c>
      <c r="CW14" s="207">
        <v>0</v>
      </c>
      <c r="CX14" s="202">
        <v>0</v>
      </c>
      <c r="CY14" s="203">
        <v>0</v>
      </c>
      <c r="CZ14" s="208">
        <v>0</v>
      </c>
      <c r="DA14" s="205">
        <v>0</v>
      </c>
      <c r="DB14" s="203">
        <v>0</v>
      </c>
      <c r="DC14" s="203">
        <v>0</v>
      </c>
      <c r="DD14" s="203">
        <v>0</v>
      </c>
      <c r="DE14" s="203">
        <v>0</v>
      </c>
      <c r="DF14" s="203">
        <v>0</v>
      </c>
      <c r="DG14" s="208">
        <v>0</v>
      </c>
      <c r="DH14" s="207">
        <v>0</v>
      </c>
    </row>
    <row r="15" spans="2:112" ht="21" customHeight="1" x14ac:dyDescent="0.2">
      <c r="B15" s="173" t="s">
        <v>12</v>
      </c>
      <c r="C15" s="202">
        <v>0</v>
      </c>
      <c r="D15" s="208">
        <v>0</v>
      </c>
      <c r="E15" s="218">
        <v>0</v>
      </c>
      <c r="F15" s="205">
        <v>0</v>
      </c>
      <c r="G15" s="203">
        <v>525</v>
      </c>
      <c r="H15" s="203">
        <v>738</v>
      </c>
      <c r="I15" s="203">
        <v>546</v>
      </c>
      <c r="J15" s="203">
        <v>622</v>
      </c>
      <c r="K15" s="203">
        <v>1048</v>
      </c>
      <c r="L15" s="206">
        <v>3479</v>
      </c>
      <c r="M15" s="207">
        <v>3479</v>
      </c>
      <c r="N15" s="202">
        <v>0</v>
      </c>
      <c r="O15" s="203">
        <v>0</v>
      </c>
      <c r="P15" s="208">
        <v>0</v>
      </c>
      <c r="Q15" s="205">
        <v>0</v>
      </c>
      <c r="R15" s="203">
        <v>0</v>
      </c>
      <c r="S15" s="203">
        <v>9</v>
      </c>
      <c r="T15" s="203">
        <v>8</v>
      </c>
      <c r="U15" s="203">
        <v>8</v>
      </c>
      <c r="V15" s="203">
        <v>30</v>
      </c>
      <c r="W15" s="208">
        <v>55</v>
      </c>
      <c r="X15" s="207">
        <v>55</v>
      </c>
      <c r="Y15" s="202">
        <v>49</v>
      </c>
      <c r="Z15" s="203">
        <v>190</v>
      </c>
      <c r="AA15" s="208">
        <v>239</v>
      </c>
      <c r="AB15" s="205">
        <v>0</v>
      </c>
      <c r="AC15" s="203">
        <v>165</v>
      </c>
      <c r="AD15" s="203">
        <v>268</v>
      </c>
      <c r="AE15" s="203">
        <v>97</v>
      </c>
      <c r="AF15" s="203">
        <v>131</v>
      </c>
      <c r="AG15" s="203">
        <v>144</v>
      </c>
      <c r="AH15" s="208">
        <v>805</v>
      </c>
      <c r="AI15" s="207">
        <v>1044</v>
      </c>
      <c r="AJ15" s="202">
        <v>12</v>
      </c>
      <c r="AK15" s="203">
        <v>8</v>
      </c>
      <c r="AL15" s="208">
        <v>20</v>
      </c>
      <c r="AM15" s="205">
        <v>0</v>
      </c>
      <c r="AN15" s="203">
        <v>10</v>
      </c>
      <c r="AO15" s="203">
        <v>34</v>
      </c>
      <c r="AP15" s="203">
        <v>30</v>
      </c>
      <c r="AQ15" s="203">
        <v>0</v>
      </c>
      <c r="AR15" s="203">
        <v>6</v>
      </c>
      <c r="AS15" s="208">
        <v>80</v>
      </c>
      <c r="AT15" s="207">
        <v>100</v>
      </c>
      <c r="AU15" s="202">
        <v>0</v>
      </c>
      <c r="AV15" s="203">
        <v>0</v>
      </c>
      <c r="AW15" s="208">
        <v>0</v>
      </c>
      <c r="AX15" s="205">
        <v>0</v>
      </c>
      <c r="AY15" s="203">
        <v>329</v>
      </c>
      <c r="AZ15" s="203">
        <v>240</v>
      </c>
      <c r="BA15" s="203">
        <v>153</v>
      </c>
      <c r="BB15" s="203">
        <v>59</v>
      </c>
      <c r="BC15" s="203">
        <v>80</v>
      </c>
      <c r="BD15" s="206">
        <v>861</v>
      </c>
      <c r="BE15" s="207">
        <v>861</v>
      </c>
      <c r="BF15" s="202">
        <v>0</v>
      </c>
      <c r="BG15" s="203">
        <v>0</v>
      </c>
      <c r="BH15" s="208">
        <v>0</v>
      </c>
      <c r="BI15" s="205">
        <v>0</v>
      </c>
      <c r="BJ15" s="203">
        <v>66</v>
      </c>
      <c r="BK15" s="203">
        <v>47</v>
      </c>
      <c r="BL15" s="203">
        <v>105</v>
      </c>
      <c r="BM15" s="203">
        <v>29</v>
      </c>
      <c r="BN15" s="203">
        <v>9</v>
      </c>
      <c r="BO15" s="208">
        <v>256</v>
      </c>
      <c r="BP15" s="207">
        <v>256</v>
      </c>
      <c r="BQ15" s="202">
        <v>0</v>
      </c>
      <c r="BR15" s="203">
        <v>12</v>
      </c>
      <c r="BS15" s="208">
        <v>12</v>
      </c>
      <c r="BT15" s="205">
        <v>0</v>
      </c>
      <c r="BU15" s="203">
        <v>58</v>
      </c>
      <c r="BV15" s="203">
        <v>35</v>
      </c>
      <c r="BW15" s="203">
        <v>65</v>
      </c>
      <c r="BX15" s="203">
        <v>55</v>
      </c>
      <c r="BY15" s="203">
        <v>53</v>
      </c>
      <c r="BZ15" s="208">
        <v>266</v>
      </c>
      <c r="CA15" s="207">
        <v>278</v>
      </c>
      <c r="CB15" s="202">
        <v>0</v>
      </c>
      <c r="CC15" s="203">
        <v>0</v>
      </c>
      <c r="CD15" s="208">
        <v>0</v>
      </c>
      <c r="CE15" s="205">
        <v>0</v>
      </c>
      <c r="CF15" s="203">
        <v>16</v>
      </c>
      <c r="CG15" s="203">
        <v>0</v>
      </c>
      <c r="CH15" s="203">
        <v>0</v>
      </c>
      <c r="CI15" s="203">
        <v>0</v>
      </c>
      <c r="CJ15" s="203">
        <v>0</v>
      </c>
      <c r="CK15" s="208">
        <v>16</v>
      </c>
      <c r="CL15" s="207">
        <v>16</v>
      </c>
      <c r="CM15" s="202">
        <v>0</v>
      </c>
      <c r="CN15" s="203">
        <v>0</v>
      </c>
      <c r="CO15" s="208">
        <v>0</v>
      </c>
      <c r="CP15" s="205">
        <v>0</v>
      </c>
      <c r="CQ15" s="203">
        <v>0</v>
      </c>
      <c r="CR15" s="203">
        <v>0</v>
      </c>
      <c r="CS15" s="203">
        <v>0</v>
      </c>
      <c r="CT15" s="203">
        <v>0</v>
      </c>
      <c r="CU15" s="203">
        <v>0</v>
      </c>
      <c r="CV15" s="208">
        <v>0</v>
      </c>
      <c r="CW15" s="207">
        <v>0</v>
      </c>
      <c r="CX15" s="202">
        <v>0</v>
      </c>
      <c r="CY15" s="203">
        <v>0</v>
      </c>
      <c r="CZ15" s="208">
        <v>0</v>
      </c>
      <c r="DA15" s="205">
        <v>0</v>
      </c>
      <c r="DB15" s="203">
        <v>0</v>
      </c>
      <c r="DC15" s="203">
        <v>0</v>
      </c>
      <c r="DD15" s="203">
        <v>0</v>
      </c>
      <c r="DE15" s="203">
        <v>0</v>
      </c>
      <c r="DF15" s="203">
        <v>0</v>
      </c>
      <c r="DG15" s="208">
        <v>0</v>
      </c>
      <c r="DH15" s="207">
        <v>0</v>
      </c>
    </row>
    <row r="16" spans="2:112" ht="21" customHeight="1" x14ac:dyDescent="0.2">
      <c r="B16" s="173" t="s">
        <v>13</v>
      </c>
      <c r="C16" s="202">
        <v>0</v>
      </c>
      <c r="D16" s="208">
        <v>0</v>
      </c>
      <c r="E16" s="218">
        <v>0</v>
      </c>
      <c r="F16" s="205">
        <v>0</v>
      </c>
      <c r="G16" s="203">
        <v>283</v>
      </c>
      <c r="H16" s="203">
        <v>331</v>
      </c>
      <c r="I16" s="203">
        <v>386</v>
      </c>
      <c r="J16" s="203">
        <v>343</v>
      </c>
      <c r="K16" s="203">
        <v>865</v>
      </c>
      <c r="L16" s="206">
        <v>2208</v>
      </c>
      <c r="M16" s="207">
        <v>2208</v>
      </c>
      <c r="N16" s="202">
        <v>0</v>
      </c>
      <c r="O16" s="203">
        <v>0</v>
      </c>
      <c r="P16" s="208">
        <v>0</v>
      </c>
      <c r="Q16" s="205">
        <v>0</v>
      </c>
      <c r="R16" s="203">
        <v>0</v>
      </c>
      <c r="S16" s="203">
        <v>0</v>
      </c>
      <c r="T16" s="203">
        <v>0</v>
      </c>
      <c r="U16" s="203">
        <v>2</v>
      </c>
      <c r="V16" s="203">
        <v>8</v>
      </c>
      <c r="W16" s="208">
        <v>10</v>
      </c>
      <c r="X16" s="207">
        <v>10</v>
      </c>
      <c r="Y16" s="202">
        <v>23</v>
      </c>
      <c r="Z16" s="203">
        <v>41</v>
      </c>
      <c r="AA16" s="208">
        <v>64</v>
      </c>
      <c r="AB16" s="205">
        <v>0</v>
      </c>
      <c r="AC16" s="203">
        <v>171</v>
      </c>
      <c r="AD16" s="203">
        <v>163</v>
      </c>
      <c r="AE16" s="203">
        <v>168</v>
      </c>
      <c r="AF16" s="203">
        <v>50</v>
      </c>
      <c r="AG16" s="203">
        <v>87</v>
      </c>
      <c r="AH16" s="208">
        <v>639</v>
      </c>
      <c r="AI16" s="207">
        <v>703</v>
      </c>
      <c r="AJ16" s="202">
        <v>0</v>
      </c>
      <c r="AK16" s="203">
        <v>6</v>
      </c>
      <c r="AL16" s="208">
        <v>6</v>
      </c>
      <c r="AM16" s="205">
        <v>0</v>
      </c>
      <c r="AN16" s="203">
        <v>10</v>
      </c>
      <c r="AO16" s="203">
        <v>28</v>
      </c>
      <c r="AP16" s="203">
        <v>12</v>
      </c>
      <c r="AQ16" s="203">
        <v>4</v>
      </c>
      <c r="AR16" s="203">
        <v>27</v>
      </c>
      <c r="AS16" s="208">
        <v>81</v>
      </c>
      <c r="AT16" s="207">
        <v>87</v>
      </c>
      <c r="AU16" s="202">
        <v>0</v>
      </c>
      <c r="AV16" s="203">
        <v>0</v>
      </c>
      <c r="AW16" s="208">
        <v>0</v>
      </c>
      <c r="AX16" s="205">
        <v>0</v>
      </c>
      <c r="AY16" s="203">
        <v>112</v>
      </c>
      <c r="AZ16" s="203">
        <v>124</v>
      </c>
      <c r="BA16" s="203">
        <v>80</v>
      </c>
      <c r="BB16" s="203">
        <v>0</v>
      </c>
      <c r="BC16" s="203">
        <v>2</v>
      </c>
      <c r="BD16" s="206">
        <v>318</v>
      </c>
      <c r="BE16" s="207">
        <v>318</v>
      </c>
      <c r="BF16" s="202">
        <v>0</v>
      </c>
      <c r="BG16" s="203">
        <v>0</v>
      </c>
      <c r="BH16" s="208">
        <v>0</v>
      </c>
      <c r="BI16" s="205">
        <v>0</v>
      </c>
      <c r="BJ16" s="203">
        <v>19</v>
      </c>
      <c r="BK16" s="203">
        <v>34</v>
      </c>
      <c r="BL16" s="203">
        <v>16</v>
      </c>
      <c r="BM16" s="203">
        <v>30</v>
      </c>
      <c r="BN16" s="203">
        <v>9</v>
      </c>
      <c r="BO16" s="208">
        <v>108</v>
      </c>
      <c r="BP16" s="207">
        <v>108</v>
      </c>
      <c r="BQ16" s="202">
        <v>0</v>
      </c>
      <c r="BR16" s="203">
        <v>0</v>
      </c>
      <c r="BS16" s="208">
        <v>0</v>
      </c>
      <c r="BT16" s="205">
        <v>0</v>
      </c>
      <c r="BU16" s="203">
        <v>0</v>
      </c>
      <c r="BV16" s="203">
        <v>12</v>
      </c>
      <c r="BW16" s="203">
        <v>30</v>
      </c>
      <c r="BX16" s="203">
        <v>7</v>
      </c>
      <c r="BY16" s="203">
        <v>14</v>
      </c>
      <c r="BZ16" s="208">
        <v>63</v>
      </c>
      <c r="CA16" s="207">
        <v>63</v>
      </c>
      <c r="CB16" s="202">
        <v>0</v>
      </c>
      <c r="CC16" s="203">
        <v>0</v>
      </c>
      <c r="CD16" s="208">
        <v>0</v>
      </c>
      <c r="CE16" s="205">
        <v>0</v>
      </c>
      <c r="CF16" s="203">
        <v>0</v>
      </c>
      <c r="CG16" s="203">
        <v>0</v>
      </c>
      <c r="CH16" s="203">
        <v>0</v>
      </c>
      <c r="CI16" s="203">
        <v>0</v>
      </c>
      <c r="CJ16" s="203">
        <v>0</v>
      </c>
      <c r="CK16" s="208">
        <v>0</v>
      </c>
      <c r="CL16" s="207">
        <v>0</v>
      </c>
      <c r="CM16" s="202">
        <v>0</v>
      </c>
      <c r="CN16" s="203">
        <v>0</v>
      </c>
      <c r="CO16" s="208">
        <v>0</v>
      </c>
      <c r="CP16" s="205">
        <v>0</v>
      </c>
      <c r="CQ16" s="203">
        <v>0</v>
      </c>
      <c r="CR16" s="203">
        <v>0</v>
      </c>
      <c r="CS16" s="203">
        <v>0</v>
      </c>
      <c r="CT16" s="203">
        <v>0</v>
      </c>
      <c r="CU16" s="203">
        <v>0</v>
      </c>
      <c r="CV16" s="208">
        <v>0</v>
      </c>
      <c r="CW16" s="207">
        <v>0</v>
      </c>
      <c r="CX16" s="202">
        <v>0</v>
      </c>
      <c r="CY16" s="203">
        <v>0</v>
      </c>
      <c r="CZ16" s="208">
        <v>0</v>
      </c>
      <c r="DA16" s="205">
        <v>0</v>
      </c>
      <c r="DB16" s="203">
        <v>0</v>
      </c>
      <c r="DC16" s="203">
        <v>0</v>
      </c>
      <c r="DD16" s="203">
        <v>0</v>
      </c>
      <c r="DE16" s="203">
        <v>0</v>
      </c>
      <c r="DF16" s="203">
        <v>0</v>
      </c>
      <c r="DG16" s="208">
        <v>0</v>
      </c>
      <c r="DH16" s="207">
        <v>0</v>
      </c>
    </row>
    <row r="17" spans="2:112" ht="21" customHeight="1" x14ac:dyDescent="0.2">
      <c r="B17" s="173" t="s">
        <v>15</v>
      </c>
      <c r="C17" s="202">
        <v>0</v>
      </c>
      <c r="D17" s="208">
        <v>0</v>
      </c>
      <c r="E17" s="218">
        <v>0</v>
      </c>
      <c r="F17" s="205">
        <v>0</v>
      </c>
      <c r="G17" s="203">
        <v>44</v>
      </c>
      <c r="H17" s="203">
        <v>78</v>
      </c>
      <c r="I17" s="203">
        <v>0</v>
      </c>
      <c r="J17" s="203">
        <v>114</v>
      </c>
      <c r="K17" s="203">
        <v>24</v>
      </c>
      <c r="L17" s="206">
        <v>260</v>
      </c>
      <c r="M17" s="207">
        <v>260</v>
      </c>
      <c r="N17" s="202">
        <v>0</v>
      </c>
      <c r="O17" s="203">
        <v>0</v>
      </c>
      <c r="P17" s="208">
        <v>0</v>
      </c>
      <c r="Q17" s="205">
        <v>0</v>
      </c>
      <c r="R17" s="203">
        <v>0</v>
      </c>
      <c r="S17" s="203">
        <v>4</v>
      </c>
      <c r="T17" s="203">
        <v>0</v>
      </c>
      <c r="U17" s="203">
        <v>7</v>
      </c>
      <c r="V17" s="203">
        <v>13</v>
      </c>
      <c r="W17" s="208">
        <v>24</v>
      </c>
      <c r="X17" s="207">
        <v>24</v>
      </c>
      <c r="Y17" s="202">
        <v>0</v>
      </c>
      <c r="Z17" s="203">
        <v>12</v>
      </c>
      <c r="AA17" s="208">
        <v>12</v>
      </c>
      <c r="AB17" s="205">
        <v>0</v>
      </c>
      <c r="AC17" s="203">
        <v>19</v>
      </c>
      <c r="AD17" s="203">
        <v>24</v>
      </c>
      <c r="AE17" s="203">
        <v>0</v>
      </c>
      <c r="AF17" s="203">
        <v>42</v>
      </c>
      <c r="AG17" s="203">
        <v>37</v>
      </c>
      <c r="AH17" s="208">
        <v>122</v>
      </c>
      <c r="AI17" s="207">
        <v>134</v>
      </c>
      <c r="AJ17" s="202">
        <v>0</v>
      </c>
      <c r="AK17" s="203">
        <v>0</v>
      </c>
      <c r="AL17" s="208">
        <v>0</v>
      </c>
      <c r="AM17" s="205">
        <v>0</v>
      </c>
      <c r="AN17" s="203">
        <v>0</v>
      </c>
      <c r="AO17" s="203">
        <v>12</v>
      </c>
      <c r="AP17" s="203">
        <v>0</v>
      </c>
      <c r="AQ17" s="203">
        <v>0</v>
      </c>
      <c r="AR17" s="203">
        <v>12</v>
      </c>
      <c r="AS17" s="208">
        <v>24</v>
      </c>
      <c r="AT17" s="207">
        <v>24</v>
      </c>
      <c r="AU17" s="202">
        <v>0</v>
      </c>
      <c r="AV17" s="203">
        <v>0</v>
      </c>
      <c r="AW17" s="208">
        <v>0</v>
      </c>
      <c r="AX17" s="205">
        <v>0</v>
      </c>
      <c r="AY17" s="203">
        <v>27</v>
      </c>
      <c r="AZ17" s="203">
        <v>45</v>
      </c>
      <c r="BA17" s="203">
        <v>41</v>
      </c>
      <c r="BB17" s="203">
        <v>8</v>
      </c>
      <c r="BC17" s="203">
        <v>0</v>
      </c>
      <c r="BD17" s="206">
        <v>121</v>
      </c>
      <c r="BE17" s="207">
        <v>121</v>
      </c>
      <c r="BF17" s="202">
        <v>0</v>
      </c>
      <c r="BG17" s="203">
        <v>0</v>
      </c>
      <c r="BH17" s="208">
        <v>0</v>
      </c>
      <c r="BI17" s="205">
        <v>0</v>
      </c>
      <c r="BJ17" s="203">
        <v>4</v>
      </c>
      <c r="BK17" s="203">
        <v>17</v>
      </c>
      <c r="BL17" s="203">
        <v>16</v>
      </c>
      <c r="BM17" s="203">
        <v>14</v>
      </c>
      <c r="BN17" s="203">
        <v>8</v>
      </c>
      <c r="BO17" s="208">
        <v>59</v>
      </c>
      <c r="BP17" s="207">
        <v>59</v>
      </c>
      <c r="BQ17" s="202">
        <v>0</v>
      </c>
      <c r="BR17" s="203">
        <v>0</v>
      </c>
      <c r="BS17" s="208">
        <v>0</v>
      </c>
      <c r="BT17" s="205">
        <v>0</v>
      </c>
      <c r="BU17" s="203">
        <v>0</v>
      </c>
      <c r="BV17" s="203">
        <v>30</v>
      </c>
      <c r="BW17" s="203">
        <v>19</v>
      </c>
      <c r="BX17" s="203">
        <v>46</v>
      </c>
      <c r="BY17" s="203">
        <v>8</v>
      </c>
      <c r="BZ17" s="208">
        <v>103</v>
      </c>
      <c r="CA17" s="207">
        <v>103</v>
      </c>
      <c r="CB17" s="202">
        <v>0</v>
      </c>
      <c r="CC17" s="203">
        <v>0</v>
      </c>
      <c r="CD17" s="208">
        <v>0</v>
      </c>
      <c r="CE17" s="205">
        <v>0</v>
      </c>
      <c r="CF17" s="203">
        <v>0</v>
      </c>
      <c r="CG17" s="203">
        <v>4</v>
      </c>
      <c r="CH17" s="203">
        <v>0</v>
      </c>
      <c r="CI17" s="203">
        <v>0</v>
      </c>
      <c r="CJ17" s="203">
        <v>0</v>
      </c>
      <c r="CK17" s="208">
        <v>4</v>
      </c>
      <c r="CL17" s="207">
        <v>4</v>
      </c>
      <c r="CM17" s="202">
        <v>0</v>
      </c>
      <c r="CN17" s="203">
        <v>0</v>
      </c>
      <c r="CO17" s="208">
        <v>0</v>
      </c>
      <c r="CP17" s="205">
        <v>0</v>
      </c>
      <c r="CQ17" s="203">
        <v>0</v>
      </c>
      <c r="CR17" s="203">
        <v>0</v>
      </c>
      <c r="CS17" s="203">
        <v>0</v>
      </c>
      <c r="CT17" s="203">
        <v>0</v>
      </c>
      <c r="CU17" s="203">
        <v>0</v>
      </c>
      <c r="CV17" s="208">
        <v>0</v>
      </c>
      <c r="CW17" s="207">
        <v>0</v>
      </c>
      <c r="CX17" s="202">
        <v>0</v>
      </c>
      <c r="CY17" s="203">
        <v>0</v>
      </c>
      <c r="CZ17" s="208">
        <v>0</v>
      </c>
      <c r="DA17" s="205">
        <v>0</v>
      </c>
      <c r="DB17" s="203">
        <v>0</v>
      </c>
      <c r="DC17" s="203">
        <v>0</v>
      </c>
      <c r="DD17" s="203">
        <v>0</v>
      </c>
      <c r="DE17" s="203">
        <v>0</v>
      </c>
      <c r="DF17" s="203">
        <v>0</v>
      </c>
      <c r="DG17" s="208">
        <v>0</v>
      </c>
      <c r="DH17" s="207">
        <v>0</v>
      </c>
    </row>
    <row r="18" spans="2:112" ht="21" customHeight="1" x14ac:dyDescent="0.2">
      <c r="B18" s="173" t="s">
        <v>16</v>
      </c>
      <c r="C18" s="202">
        <v>0</v>
      </c>
      <c r="D18" s="208">
        <v>0</v>
      </c>
      <c r="E18" s="218">
        <v>0</v>
      </c>
      <c r="F18" s="205">
        <v>0</v>
      </c>
      <c r="G18" s="203">
        <v>39</v>
      </c>
      <c r="H18" s="203">
        <v>329</v>
      </c>
      <c r="I18" s="203">
        <v>59</v>
      </c>
      <c r="J18" s="203">
        <v>150</v>
      </c>
      <c r="K18" s="203">
        <v>0</v>
      </c>
      <c r="L18" s="206">
        <v>577</v>
      </c>
      <c r="M18" s="207">
        <v>577</v>
      </c>
      <c r="N18" s="202">
        <v>0</v>
      </c>
      <c r="O18" s="203">
        <v>0</v>
      </c>
      <c r="P18" s="208">
        <v>0</v>
      </c>
      <c r="Q18" s="205">
        <v>0</v>
      </c>
      <c r="R18" s="203">
        <v>0</v>
      </c>
      <c r="S18" s="203">
        <v>0</v>
      </c>
      <c r="T18" s="203">
        <v>1</v>
      </c>
      <c r="U18" s="203">
        <v>0</v>
      </c>
      <c r="V18" s="203">
        <v>11</v>
      </c>
      <c r="W18" s="208">
        <v>12</v>
      </c>
      <c r="X18" s="207">
        <v>12</v>
      </c>
      <c r="Y18" s="202">
        <v>3</v>
      </c>
      <c r="Z18" s="203">
        <v>36</v>
      </c>
      <c r="AA18" s="208">
        <v>39</v>
      </c>
      <c r="AB18" s="205">
        <v>0</v>
      </c>
      <c r="AC18" s="203">
        <v>35</v>
      </c>
      <c r="AD18" s="203">
        <v>106</v>
      </c>
      <c r="AE18" s="203">
        <v>94</v>
      </c>
      <c r="AF18" s="203">
        <v>64</v>
      </c>
      <c r="AG18" s="203">
        <v>41</v>
      </c>
      <c r="AH18" s="208">
        <v>340</v>
      </c>
      <c r="AI18" s="207">
        <v>379</v>
      </c>
      <c r="AJ18" s="202">
        <v>0</v>
      </c>
      <c r="AK18" s="203">
        <v>12</v>
      </c>
      <c r="AL18" s="208">
        <v>12</v>
      </c>
      <c r="AM18" s="205">
        <v>0</v>
      </c>
      <c r="AN18" s="203">
        <v>0</v>
      </c>
      <c r="AO18" s="203">
        <v>18</v>
      </c>
      <c r="AP18" s="203">
        <v>12</v>
      </c>
      <c r="AQ18" s="203">
        <v>0</v>
      </c>
      <c r="AR18" s="203">
        <v>9</v>
      </c>
      <c r="AS18" s="208">
        <v>39</v>
      </c>
      <c r="AT18" s="207">
        <v>51</v>
      </c>
      <c r="AU18" s="202">
        <v>0</v>
      </c>
      <c r="AV18" s="203">
        <v>0</v>
      </c>
      <c r="AW18" s="208">
        <v>0</v>
      </c>
      <c r="AX18" s="205">
        <v>0</v>
      </c>
      <c r="AY18" s="203">
        <v>174</v>
      </c>
      <c r="AZ18" s="203">
        <v>141</v>
      </c>
      <c r="BA18" s="203">
        <v>65</v>
      </c>
      <c r="BB18" s="203">
        <v>55</v>
      </c>
      <c r="BC18" s="203">
        <v>11</v>
      </c>
      <c r="BD18" s="206">
        <v>446</v>
      </c>
      <c r="BE18" s="207">
        <v>446</v>
      </c>
      <c r="BF18" s="202">
        <v>0</v>
      </c>
      <c r="BG18" s="203">
        <v>0</v>
      </c>
      <c r="BH18" s="208">
        <v>0</v>
      </c>
      <c r="BI18" s="205">
        <v>0</v>
      </c>
      <c r="BJ18" s="203">
        <v>63</v>
      </c>
      <c r="BK18" s="203">
        <v>120</v>
      </c>
      <c r="BL18" s="203">
        <v>41</v>
      </c>
      <c r="BM18" s="203">
        <v>7</v>
      </c>
      <c r="BN18" s="203">
        <v>6</v>
      </c>
      <c r="BO18" s="208">
        <v>237</v>
      </c>
      <c r="BP18" s="207">
        <v>237</v>
      </c>
      <c r="BQ18" s="202">
        <v>0</v>
      </c>
      <c r="BR18" s="203">
        <v>0</v>
      </c>
      <c r="BS18" s="208">
        <v>0</v>
      </c>
      <c r="BT18" s="205">
        <v>0</v>
      </c>
      <c r="BU18" s="203">
        <v>0</v>
      </c>
      <c r="BV18" s="203">
        <v>43</v>
      </c>
      <c r="BW18" s="203">
        <v>30</v>
      </c>
      <c r="BX18" s="203">
        <v>12</v>
      </c>
      <c r="BY18" s="203">
        <v>0</v>
      </c>
      <c r="BZ18" s="208">
        <v>85</v>
      </c>
      <c r="CA18" s="207">
        <v>85</v>
      </c>
      <c r="CB18" s="202">
        <v>0</v>
      </c>
      <c r="CC18" s="203">
        <v>0</v>
      </c>
      <c r="CD18" s="208">
        <v>0</v>
      </c>
      <c r="CE18" s="205">
        <v>0</v>
      </c>
      <c r="CF18" s="203">
        <v>0</v>
      </c>
      <c r="CG18" s="203">
        <v>2</v>
      </c>
      <c r="CH18" s="203">
        <v>0</v>
      </c>
      <c r="CI18" s="203">
        <v>0</v>
      </c>
      <c r="CJ18" s="203">
        <v>0</v>
      </c>
      <c r="CK18" s="208">
        <v>2</v>
      </c>
      <c r="CL18" s="207">
        <v>2</v>
      </c>
      <c r="CM18" s="202">
        <v>0</v>
      </c>
      <c r="CN18" s="203">
        <v>0</v>
      </c>
      <c r="CO18" s="208">
        <v>0</v>
      </c>
      <c r="CP18" s="205">
        <v>0</v>
      </c>
      <c r="CQ18" s="203">
        <v>0</v>
      </c>
      <c r="CR18" s="203">
        <v>0</v>
      </c>
      <c r="CS18" s="203">
        <v>0</v>
      </c>
      <c r="CT18" s="203">
        <v>0</v>
      </c>
      <c r="CU18" s="203">
        <v>0</v>
      </c>
      <c r="CV18" s="208">
        <v>0</v>
      </c>
      <c r="CW18" s="207">
        <v>0</v>
      </c>
      <c r="CX18" s="202">
        <v>0</v>
      </c>
      <c r="CY18" s="203">
        <v>0</v>
      </c>
      <c r="CZ18" s="208">
        <v>0</v>
      </c>
      <c r="DA18" s="205">
        <v>0</v>
      </c>
      <c r="DB18" s="203">
        <v>0</v>
      </c>
      <c r="DC18" s="203">
        <v>0</v>
      </c>
      <c r="DD18" s="203">
        <v>0</v>
      </c>
      <c r="DE18" s="203">
        <v>0</v>
      </c>
      <c r="DF18" s="203">
        <v>0</v>
      </c>
      <c r="DG18" s="208">
        <v>0</v>
      </c>
      <c r="DH18" s="207">
        <v>0</v>
      </c>
    </row>
    <row r="19" spans="2:112" ht="21" customHeight="1" x14ac:dyDescent="0.2">
      <c r="B19" s="173" t="s">
        <v>17</v>
      </c>
      <c r="C19" s="202">
        <v>0</v>
      </c>
      <c r="D19" s="208">
        <v>0</v>
      </c>
      <c r="E19" s="218">
        <v>0</v>
      </c>
      <c r="F19" s="205">
        <v>0</v>
      </c>
      <c r="G19" s="203">
        <v>155</v>
      </c>
      <c r="H19" s="203">
        <v>332</v>
      </c>
      <c r="I19" s="203">
        <v>639</v>
      </c>
      <c r="J19" s="203">
        <v>70</v>
      </c>
      <c r="K19" s="203">
        <v>709</v>
      </c>
      <c r="L19" s="206">
        <v>1905</v>
      </c>
      <c r="M19" s="207">
        <v>1905</v>
      </c>
      <c r="N19" s="202">
        <v>0</v>
      </c>
      <c r="O19" s="203">
        <v>0</v>
      </c>
      <c r="P19" s="208">
        <v>0</v>
      </c>
      <c r="Q19" s="205">
        <v>0</v>
      </c>
      <c r="R19" s="203">
        <v>2</v>
      </c>
      <c r="S19" s="203">
        <v>0</v>
      </c>
      <c r="T19" s="203">
        <v>5</v>
      </c>
      <c r="U19" s="203">
        <v>9</v>
      </c>
      <c r="V19" s="203">
        <v>10</v>
      </c>
      <c r="W19" s="208">
        <v>26</v>
      </c>
      <c r="X19" s="207">
        <v>26</v>
      </c>
      <c r="Y19" s="202">
        <v>17</v>
      </c>
      <c r="Z19" s="203">
        <v>45</v>
      </c>
      <c r="AA19" s="208">
        <v>62</v>
      </c>
      <c r="AB19" s="205">
        <v>0</v>
      </c>
      <c r="AC19" s="203">
        <v>90</v>
      </c>
      <c r="AD19" s="203">
        <v>166</v>
      </c>
      <c r="AE19" s="203">
        <v>160</v>
      </c>
      <c r="AF19" s="203">
        <v>84</v>
      </c>
      <c r="AG19" s="203">
        <v>52</v>
      </c>
      <c r="AH19" s="208">
        <v>552</v>
      </c>
      <c r="AI19" s="207">
        <v>614</v>
      </c>
      <c r="AJ19" s="202">
        <v>0</v>
      </c>
      <c r="AK19" s="203">
        <v>0</v>
      </c>
      <c r="AL19" s="208">
        <v>0</v>
      </c>
      <c r="AM19" s="205">
        <v>0</v>
      </c>
      <c r="AN19" s="203">
        <v>0</v>
      </c>
      <c r="AO19" s="203">
        <v>50</v>
      </c>
      <c r="AP19" s="203">
        <v>42</v>
      </c>
      <c r="AQ19" s="203">
        <v>6</v>
      </c>
      <c r="AR19" s="203">
        <v>34</v>
      </c>
      <c r="AS19" s="208">
        <v>132</v>
      </c>
      <c r="AT19" s="207">
        <v>132</v>
      </c>
      <c r="AU19" s="202">
        <v>0</v>
      </c>
      <c r="AV19" s="203">
        <v>0</v>
      </c>
      <c r="AW19" s="208">
        <v>0</v>
      </c>
      <c r="AX19" s="205">
        <v>0</v>
      </c>
      <c r="AY19" s="203">
        <v>128</v>
      </c>
      <c r="AZ19" s="203">
        <v>223</v>
      </c>
      <c r="BA19" s="203">
        <v>194</v>
      </c>
      <c r="BB19" s="203">
        <v>109</v>
      </c>
      <c r="BC19" s="203">
        <v>26</v>
      </c>
      <c r="BD19" s="206">
        <v>680</v>
      </c>
      <c r="BE19" s="207">
        <v>680</v>
      </c>
      <c r="BF19" s="202">
        <v>0</v>
      </c>
      <c r="BG19" s="203">
        <v>0</v>
      </c>
      <c r="BH19" s="208">
        <v>0</v>
      </c>
      <c r="BI19" s="205">
        <v>0</v>
      </c>
      <c r="BJ19" s="203">
        <v>32</v>
      </c>
      <c r="BK19" s="203">
        <v>95</v>
      </c>
      <c r="BL19" s="203">
        <v>40</v>
      </c>
      <c r="BM19" s="203">
        <v>31</v>
      </c>
      <c r="BN19" s="203">
        <v>4</v>
      </c>
      <c r="BO19" s="208">
        <v>202</v>
      </c>
      <c r="BP19" s="207">
        <v>202</v>
      </c>
      <c r="BQ19" s="202">
        <v>0</v>
      </c>
      <c r="BR19" s="203">
        <v>0</v>
      </c>
      <c r="BS19" s="208">
        <v>0</v>
      </c>
      <c r="BT19" s="205">
        <v>0</v>
      </c>
      <c r="BU19" s="203">
        <v>3</v>
      </c>
      <c r="BV19" s="203">
        <v>51</v>
      </c>
      <c r="BW19" s="203">
        <v>45</v>
      </c>
      <c r="BX19" s="203">
        <v>37</v>
      </c>
      <c r="BY19" s="203">
        <v>38</v>
      </c>
      <c r="BZ19" s="208">
        <v>174</v>
      </c>
      <c r="CA19" s="207">
        <v>174</v>
      </c>
      <c r="CB19" s="202">
        <v>0</v>
      </c>
      <c r="CC19" s="203">
        <v>0</v>
      </c>
      <c r="CD19" s="208">
        <v>0</v>
      </c>
      <c r="CE19" s="205">
        <v>0</v>
      </c>
      <c r="CF19" s="203">
        <v>0</v>
      </c>
      <c r="CG19" s="203">
        <v>9</v>
      </c>
      <c r="CH19" s="203">
        <v>5</v>
      </c>
      <c r="CI19" s="203">
        <v>0</v>
      </c>
      <c r="CJ19" s="203">
        <v>0</v>
      </c>
      <c r="CK19" s="208">
        <v>14</v>
      </c>
      <c r="CL19" s="207">
        <v>14</v>
      </c>
      <c r="CM19" s="202">
        <v>0</v>
      </c>
      <c r="CN19" s="203">
        <v>0</v>
      </c>
      <c r="CO19" s="208">
        <v>0</v>
      </c>
      <c r="CP19" s="205">
        <v>0</v>
      </c>
      <c r="CQ19" s="203">
        <v>0</v>
      </c>
      <c r="CR19" s="203">
        <v>0</v>
      </c>
      <c r="CS19" s="203">
        <v>0</v>
      </c>
      <c r="CT19" s="203">
        <v>0</v>
      </c>
      <c r="CU19" s="203">
        <v>0</v>
      </c>
      <c r="CV19" s="208">
        <v>0</v>
      </c>
      <c r="CW19" s="207">
        <v>0</v>
      </c>
      <c r="CX19" s="202">
        <v>0</v>
      </c>
      <c r="CY19" s="203">
        <v>0</v>
      </c>
      <c r="CZ19" s="208">
        <v>0</v>
      </c>
      <c r="DA19" s="205">
        <v>0</v>
      </c>
      <c r="DB19" s="203">
        <v>0</v>
      </c>
      <c r="DC19" s="203">
        <v>0</v>
      </c>
      <c r="DD19" s="203">
        <v>0</v>
      </c>
      <c r="DE19" s="203">
        <v>0</v>
      </c>
      <c r="DF19" s="203">
        <v>0</v>
      </c>
      <c r="DG19" s="208">
        <v>0</v>
      </c>
      <c r="DH19" s="207">
        <v>0</v>
      </c>
    </row>
    <row r="20" spans="2:112" ht="21" customHeight="1" x14ac:dyDescent="0.2">
      <c r="B20" s="173" t="s">
        <v>18</v>
      </c>
      <c r="C20" s="202">
        <v>0</v>
      </c>
      <c r="D20" s="208">
        <v>0</v>
      </c>
      <c r="E20" s="218">
        <v>0</v>
      </c>
      <c r="F20" s="205">
        <v>0</v>
      </c>
      <c r="G20" s="203">
        <v>282</v>
      </c>
      <c r="H20" s="203">
        <v>336</v>
      </c>
      <c r="I20" s="203">
        <v>895</v>
      </c>
      <c r="J20" s="203">
        <v>1008</v>
      </c>
      <c r="K20" s="203">
        <v>169</v>
      </c>
      <c r="L20" s="206">
        <v>2690</v>
      </c>
      <c r="M20" s="207">
        <v>2690</v>
      </c>
      <c r="N20" s="202">
        <v>0</v>
      </c>
      <c r="O20" s="203">
        <v>0</v>
      </c>
      <c r="P20" s="208">
        <v>0</v>
      </c>
      <c r="Q20" s="205">
        <v>0</v>
      </c>
      <c r="R20" s="203">
        <v>0</v>
      </c>
      <c r="S20" s="203">
        <v>0</v>
      </c>
      <c r="T20" s="203">
        <v>4</v>
      </c>
      <c r="U20" s="203">
        <v>23</v>
      </c>
      <c r="V20" s="203">
        <v>7</v>
      </c>
      <c r="W20" s="208">
        <v>34</v>
      </c>
      <c r="X20" s="207">
        <v>34</v>
      </c>
      <c r="Y20" s="202">
        <v>23</v>
      </c>
      <c r="Z20" s="203">
        <v>41</v>
      </c>
      <c r="AA20" s="208">
        <v>64</v>
      </c>
      <c r="AB20" s="205">
        <v>0</v>
      </c>
      <c r="AC20" s="203">
        <v>196</v>
      </c>
      <c r="AD20" s="203">
        <v>280</v>
      </c>
      <c r="AE20" s="203">
        <v>295</v>
      </c>
      <c r="AF20" s="203">
        <v>152</v>
      </c>
      <c r="AG20" s="203">
        <v>81</v>
      </c>
      <c r="AH20" s="208">
        <v>1004</v>
      </c>
      <c r="AI20" s="207">
        <v>1068</v>
      </c>
      <c r="AJ20" s="202">
        <v>12</v>
      </c>
      <c r="AK20" s="203">
        <v>8</v>
      </c>
      <c r="AL20" s="208">
        <v>20</v>
      </c>
      <c r="AM20" s="205">
        <v>0</v>
      </c>
      <c r="AN20" s="203">
        <v>9</v>
      </c>
      <c r="AO20" s="203">
        <v>23</v>
      </c>
      <c r="AP20" s="203">
        <v>36</v>
      </c>
      <c r="AQ20" s="203">
        <v>27</v>
      </c>
      <c r="AR20" s="203">
        <v>16</v>
      </c>
      <c r="AS20" s="208">
        <v>111</v>
      </c>
      <c r="AT20" s="207">
        <v>131</v>
      </c>
      <c r="AU20" s="202">
        <v>0</v>
      </c>
      <c r="AV20" s="203">
        <v>0</v>
      </c>
      <c r="AW20" s="208">
        <v>0</v>
      </c>
      <c r="AX20" s="205">
        <v>0</v>
      </c>
      <c r="AY20" s="203">
        <v>287</v>
      </c>
      <c r="AZ20" s="203">
        <v>341</v>
      </c>
      <c r="BA20" s="203">
        <v>136</v>
      </c>
      <c r="BB20" s="203">
        <v>131</v>
      </c>
      <c r="BC20" s="203">
        <v>74</v>
      </c>
      <c r="BD20" s="206">
        <v>969</v>
      </c>
      <c r="BE20" s="207">
        <v>969</v>
      </c>
      <c r="BF20" s="202">
        <v>0</v>
      </c>
      <c r="BG20" s="203">
        <v>0</v>
      </c>
      <c r="BH20" s="208">
        <v>0</v>
      </c>
      <c r="BI20" s="205">
        <v>0</v>
      </c>
      <c r="BJ20" s="203">
        <v>81</v>
      </c>
      <c r="BK20" s="203">
        <v>102</v>
      </c>
      <c r="BL20" s="203">
        <v>47</v>
      </c>
      <c r="BM20" s="203">
        <v>50</v>
      </c>
      <c r="BN20" s="203">
        <v>7</v>
      </c>
      <c r="BO20" s="208">
        <v>287</v>
      </c>
      <c r="BP20" s="207">
        <v>287</v>
      </c>
      <c r="BQ20" s="202">
        <v>0</v>
      </c>
      <c r="BR20" s="203">
        <v>6</v>
      </c>
      <c r="BS20" s="208">
        <v>6</v>
      </c>
      <c r="BT20" s="205">
        <v>0</v>
      </c>
      <c r="BU20" s="203">
        <v>49</v>
      </c>
      <c r="BV20" s="203">
        <v>105</v>
      </c>
      <c r="BW20" s="203">
        <v>203</v>
      </c>
      <c r="BX20" s="203">
        <v>91</v>
      </c>
      <c r="BY20" s="203">
        <v>72</v>
      </c>
      <c r="BZ20" s="208">
        <v>520</v>
      </c>
      <c r="CA20" s="207">
        <v>526</v>
      </c>
      <c r="CB20" s="202">
        <v>0</v>
      </c>
      <c r="CC20" s="203">
        <v>0</v>
      </c>
      <c r="CD20" s="208">
        <v>0</v>
      </c>
      <c r="CE20" s="205">
        <v>0</v>
      </c>
      <c r="CF20" s="203">
        <v>0</v>
      </c>
      <c r="CG20" s="203">
        <v>0</v>
      </c>
      <c r="CH20" s="203">
        <v>0</v>
      </c>
      <c r="CI20" s="203">
        <v>0</v>
      </c>
      <c r="CJ20" s="203">
        <v>4</v>
      </c>
      <c r="CK20" s="208">
        <v>4</v>
      </c>
      <c r="CL20" s="207">
        <v>4</v>
      </c>
      <c r="CM20" s="202">
        <v>0</v>
      </c>
      <c r="CN20" s="203">
        <v>0</v>
      </c>
      <c r="CO20" s="208">
        <v>0</v>
      </c>
      <c r="CP20" s="205">
        <v>0</v>
      </c>
      <c r="CQ20" s="203">
        <v>0</v>
      </c>
      <c r="CR20" s="203">
        <v>0</v>
      </c>
      <c r="CS20" s="203">
        <v>0</v>
      </c>
      <c r="CT20" s="203">
        <v>0</v>
      </c>
      <c r="CU20" s="203">
        <v>0</v>
      </c>
      <c r="CV20" s="208">
        <v>0</v>
      </c>
      <c r="CW20" s="207">
        <v>0</v>
      </c>
      <c r="CX20" s="202">
        <v>0</v>
      </c>
      <c r="CY20" s="203">
        <v>0</v>
      </c>
      <c r="CZ20" s="208">
        <v>0</v>
      </c>
      <c r="DA20" s="205">
        <v>0</v>
      </c>
      <c r="DB20" s="203">
        <v>0</v>
      </c>
      <c r="DC20" s="203">
        <v>0</v>
      </c>
      <c r="DD20" s="203">
        <v>0</v>
      </c>
      <c r="DE20" s="203">
        <v>0</v>
      </c>
      <c r="DF20" s="203">
        <v>0</v>
      </c>
      <c r="DG20" s="208">
        <v>0</v>
      </c>
      <c r="DH20" s="207">
        <v>0</v>
      </c>
    </row>
    <row r="21" spans="2:112" ht="21" customHeight="1" x14ac:dyDescent="0.2">
      <c r="B21" s="173" t="s">
        <v>19</v>
      </c>
      <c r="C21" s="202">
        <v>0</v>
      </c>
      <c r="D21" s="208">
        <v>0</v>
      </c>
      <c r="E21" s="218">
        <v>0</v>
      </c>
      <c r="F21" s="205">
        <v>0</v>
      </c>
      <c r="G21" s="203">
        <v>120</v>
      </c>
      <c r="H21" s="203">
        <v>141</v>
      </c>
      <c r="I21" s="203">
        <v>164</v>
      </c>
      <c r="J21" s="203">
        <v>44</v>
      </c>
      <c r="K21" s="203">
        <v>73</v>
      </c>
      <c r="L21" s="206">
        <v>542</v>
      </c>
      <c r="M21" s="207">
        <v>542</v>
      </c>
      <c r="N21" s="202">
        <v>0</v>
      </c>
      <c r="O21" s="203">
        <v>0</v>
      </c>
      <c r="P21" s="208">
        <v>0</v>
      </c>
      <c r="Q21" s="205">
        <v>0</v>
      </c>
      <c r="R21" s="203">
        <v>0</v>
      </c>
      <c r="S21" s="203">
        <v>0</v>
      </c>
      <c r="T21" s="203">
        <v>5</v>
      </c>
      <c r="U21" s="203">
        <v>2</v>
      </c>
      <c r="V21" s="203">
        <v>4</v>
      </c>
      <c r="W21" s="208">
        <v>11</v>
      </c>
      <c r="X21" s="207">
        <v>11</v>
      </c>
      <c r="Y21" s="202">
        <v>19</v>
      </c>
      <c r="Z21" s="203">
        <v>40</v>
      </c>
      <c r="AA21" s="208">
        <v>59</v>
      </c>
      <c r="AB21" s="205">
        <v>0</v>
      </c>
      <c r="AC21" s="203">
        <v>150</v>
      </c>
      <c r="AD21" s="203">
        <v>97</v>
      </c>
      <c r="AE21" s="203">
        <v>67</v>
      </c>
      <c r="AF21" s="203">
        <v>34</v>
      </c>
      <c r="AG21" s="203">
        <v>12</v>
      </c>
      <c r="AH21" s="208">
        <v>360</v>
      </c>
      <c r="AI21" s="207">
        <v>419</v>
      </c>
      <c r="AJ21" s="202">
        <v>0</v>
      </c>
      <c r="AK21" s="203">
        <v>0</v>
      </c>
      <c r="AL21" s="208">
        <v>0</v>
      </c>
      <c r="AM21" s="205">
        <v>0</v>
      </c>
      <c r="AN21" s="203">
        <v>31</v>
      </c>
      <c r="AO21" s="203">
        <v>0</v>
      </c>
      <c r="AP21" s="203">
        <v>0</v>
      </c>
      <c r="AQ21" s="203">
        <v>20</v>
      </c>
      <c r="AR21" s="203">
        <v>0</v>
      </c>
      <c r="AS21" s="208">
        <v>51</v>
      </c>
      <c r="AT21" s="207">
        <v>51</v>
      </c>
      <c r="AU21" s="202">
        <v>0</v>
      </c>
      <c r="AV21" s="203">
        <v>0</v>
      </c>
      <c r="AW21" s="208">
        <v>0</v>
      </c>
      <c r="AX21" s="205">
        <v>0</v>
      </c>
      <c r="AY21" s="203">
        <v>119</v>
      </c>
      <c r="AZ21" s="203">
        <v>136</v>
      </c>
      <c r="BA21" s="203">
        <v>13</v>
      </c>
      <c r="BB21" s="203">
        <v>0</v>
      </c>
      <c r="BC21" s="203">
        <v>45</v>
      </c>
      <c r="BD21" s="206">
        <v>313</v>
      </c>
      <c r="BE21" s="207">
        <v>313</v>
      </c>
      <c r="BF21" s="202">
        <v>0</v>
      </c>
      <c r="BG21" s="203">
        <v>0</v>
      </c>
      <c r="BH21" s="208">
        <v>0</v>
      </c>
      <c r="BI21" s="205">
        <v>0</v>
      </c>
      <c r="BJ21" s="203">
        <v>93</v>
      </c>
      <c r="BK21" s="203">
        <v>22</v>
      </c>
      <c r="BL21" s="203">
        <v>45</v>
      </c>
      <c r="BM21" s="203">
        <v>40</v>
      </c>
      <c r="BN21" s="203">
        <v>12</v>
      </c>
      <c r="BO21" s="208">
        <v>212</v>
      </c>
      <c r="BP21" s="207">
        <v>212</v>
      </c>
      <c r="BQ21" s="202">
        <v>0</v>
      </c>
      <c r="BR21" s="203">
        <v>3</v>
      </c>
      <c r="BS21" s="208">
        <v>3</v>
      </c>
      <c r="BT21" s="205">
        <v>0</v>
      </c>
      <c r="BU21" s="203">
        <v>21</v>
      </c>
      <c r="BV21" s="203">
        <v>6</v>
      </c>
      <c r="BW21" s="203">
        <v>25</v>
      </c>
      <c r="BX21" s="203">
        <v>0</v>
      </c>
      <c r="BY21" s="203">
        <v>0</v>
      </c>
      <c r="BZ21" s="208">
        <v>52</v>
      </c>
      <c r="CA21" s="207">
        <v>55</v>
      </c>
      <c r="CB21" s="202">
        <v>0</v>
      </c>
      <c r="CC21" s="203">
        <v>0</v>
      </c>
      <c r="CD21" s="208">
        <v>0</v>
      </c>
      <c r="CE21" s="205">
        <v>0</v>
      </c>
      <c r="CF21" s="203">
        <v>0</v>
      </c>
      <c r="CG21" s="203">
        <v>0</v>
      </c>
      <c r="CH21" s="203">
        <v>0</v>
      </c>
      <c r="CI21" s="203">
        <v>5</v>
      </c>
      <c r="CJ21" s="203">
        <v>0</v>
      </c>
      <c r="CK21" s="208">
        <v>5</v>
      </c>
      <c r="CL21" s="207">
        <v>5</v>
      </c>
      <c r="CM21" s="202">
        <v>0</v>
      </c>
      <c r="CN21" s="203">
        <v>0</v>
      </c>
      <c r="CO21" s="208">
        <v>0</v>
      </c>
      <c r="CP21" s="205">
        <v>0</v>
      </c>
      <c r="CQ21" s="203">
        <v>0</v>
      </c>
      <c r="CR21" s="203">
        <v>0</v>
      </c>
      <c r="CS21" s="203">
        <v>0</v>
      </c>
      <c r="CT21" s="203">
        <v>0</v>
      </c>
      <c r="CU21" s="203">
        <v>0</v>
      </c>
      <c r="CV21" s="208">
        <v>0</v>
      </c>
      <c r="CW21" s="207">
        <v>0</v>
      </c>
      <c r="CX21" s="202">
        <v>0</v>
      </c>
      <c r="CY21" s="203">
        <v>0</v>
      </c>
      <c r="CZ21" s="208">
        <v>0</v>
      </c>
      <c r="DA21" s="205">
        <v>0</v>
      </c>
      <c r="DB21" s="203">
        <v>0</v>
      </c>
      <c r="DC21" s="203">
        <v>0</v>
      </c>
      <c r="DD21" s="203">
        <v>0</v>
      </c>
      <c r="DE21" s="203">
        <v>0</v>
      </c>
      <c r="DF21" s="203">
        <v>0</v>
      </c>
      <c r="DG21" s="208">
        <v>0</v>
      </c>
      <c r="DH21" s="207">
        <v>0</v>
      </c>
    </row>
    <row r="22" spans="2:112" ht="21" customHeight="1" x14ac:dyDescent="0.2">
      <c r="B22" s="173" t="s">
        <v>20</v>
      </c>
      <c r="C22" s="202">
        <v>0</v>
      </c>
      <c r="D22" s="208">
        <v>0</v>
      </c>
      <c r="E22" s="218">
        <v>0</v>
      </c>
      <c r="F22" s="205">
        <v>0</v>
      </c>
      <c r="G22" s="203">
        <v>85</v>
      </c>
      <c r="H22" s="203">
        <v>174</v>
      </c>
      <c r="I22" s="203">
        <v>91</v>
      </c>
      <c r="J22" s="203">
        <v>251</v>
      </c>
      <c r="K22" s="203">
        <v>309</v>
      </c>
      <c r="L22" s="206">
        <v>910</v>
      </c>
      <c r="M22" s="207">
        <v>910</v>
      </c>
      <c r="N22" s="202">
        <v>0</v>
      </c>
      <c r="O22" s="203">
        <v>0</v>
      </c>
      <c r="P22" s="208">
        <v>0</v>
      </c>
      <c r="Q22" s="205">
        <v>0</v>
      </c>
      <c r="R22" s="203">
        <v>4</v>
      </c>
      <c r="S22" s="203">
        <v>0</v>
      </c>
      <c r="T22" s="203">
        <v>0</v>
      </c>
      <c r="U22" s="203">
        <v>16</v>
      </c>
      <c r="V22" s="203">
        <v>22</v>
      </c>
      <c r="W22" s="208">
        <v>42</v>
      </c>
      <c r="X22" s="207">
        <v>42</v>
      </c>
      <c r="Y22" s="202">
        <v>21</v>
      </c>
      <c r="Z22" s="203">
        <v>25</v>
      </c>
      <c r="AA22" s="208">
        <v>46</v>
      </c>
      <c r="AB22" s="205">
        <v>0</v>
      </c>
      <c r="AC22" s="203">
        <v>114</v>
      </c>
      <c r="AD22" s="203">
        <v>104</v>
      </c>
      <c r="AE22" s="203">
        <v>93</v>
      </c>
      <c r="AF22" s="203">
        <v>110</v>
      </c>
      <c r="AG22" s="203">
        <v>26</v>
      </c>
      <c r="AH22" s="208">
        <v>447</v>
      </c>
      <c r="AI22" s="207">
        <v>493</v>
      </c>
      <c r="AJ22" s="202">
        <v>0</v>
      </c>
      <c r="AK22" s="203">
        <v>34</v>
      </c>
      <c r="AL22" s="208">
        <v>34</v>
      </c>
      <c r="AM22" s="205">
        <v>0</v>
      </c>
      <c r="AN22" s="203">
        <v>31</v>
      </c>
      <c r="AO22" s="203">
        <v>17</v>
      </c>
      <c r="AP22" s="203">
        <v>33</v>
      </c>
      <c r="AQ22" s="203">
        <v>30</v>
      </c>
      <c r="AR22" s="203">
        <v>6</v>
      </c>
      <c r="AS22" s="208">
        <v>117</v>
      </c>
      <c r="AT22" s="207">
        <v>151</v>
      </c>
      <c r="AU22" s="202">
        <v>0</v>
      </c>
      <c r="AV22" s="203">
        <v>0</v>
      </c>
      <c r="AW22" s="208">
        <v>0</v>
      </c>
      <c r="AX22" s="205">
        <v>0</v>
      </c>
      <c r="AY22" s="203">
        <v>134</v>
      </c>
      <c r="AZ22" s="203">
        <v>133</v>
      </c>
      <c r="BA22" s="203">
        <v>62</v>
      </c>
      <c r="BB22" s="203">
        <v>47</v>
      </c>
      <c r="BC22" s="203">
        <v>15</v>
      </c>
      <c r="BD22" s="206">
        <v>391</v>
      </c>
      <c r="BE22" s="207">
        <v>391</v>
      </c>
      <c r="BF22" s="202">
        <v>0</v>
      </c>
      <c r="BG22" s="203">
        <v>0</v>
      </c>
      <c r="BH22" s="208">
        <v>0</v>
      </c>
      <c r="BI22" s="205">
        <v>0</v>
      </c>
      <c r="BJ22" s="203">
        <v>24</v>
      </c>
      <c r="BK22" s="203">
        <v>76</v>
      </c>
      <c r="BL22" s="203">
        <v>23</v>
      </c>
      <c r="BM22" s="203">
        <v>40</v>
      </c>
      <c r="BN22" s="203">
        <v>7</v>
      </c>
      <c r="BO22" s="208">
        <v>170</v>
      </c>
      <c r="BP22" s="207">
        <v>170</v>
      </c>
      <c r="BQ22" s="202">
        <v>0</v>
      </c>
      <c r="BR22" s="203">
        <v>0</v>
      </c>
      <c r="BS22" s="208">
        <v>0</v>
      </c>
      <c r="BT22" s="205">
        <v>0</v>
      </c>
      <c r="BU22" s="203">
        <v>17</v>
      </c>
      <c r="BV22" s="203">
        <v>21</v>
      </c>
      <c r="BW22" s="203">
        <v>15</v>
      </c>
      <c r="BX22" s="203">
        <v>18</v>
      </c>
      <c r="BY22" s="203">
        <v>10</v>
      </c>
      <c r="BZ22" s="208">
        <v>81</v>
      </c>
      <c r="CA22" s="207">
        <v>81</v>
      </c>
      <c r="CB22" s="202">
        <v>0</v>
      </c>
      <c r="CC22" s="203">
        <v>0</v>
      </c>
      <c r="CD22" s="208">
        <v>0</v>
      </c>
      <c r="CE22" s="205">
        <v>0</v>
      </c>
      <c r="CF22" s="203">
        <v>0</v>
      </c>
      <c r="CG22" s="203">
        <v>0</v>
      </c>
      <c r="CH22" s="203">
        <v>0</v>
      </c>
      <c r="CI22" s="203">
        <v>4</v>
      </c>
      <c r="CJ22" s="203">
        <v>0</v>
      </c>
      <c r="CK22" s="208">
        <v>4</v>
      </c>
      <c r="CL22" s="207">
        <v>4</v>
      </c>
      <c r="CM22" s="202">
        <v>0</v>
      </c>
      <c r="CN22" s="203">
        <v>0</v>
      </c>
      <c r="CO22" s="208">
        <v>0</v>
      </c>
      <c r="CP22" s="205">
        <v>0</v>
      </c>
      <c r="CQ22" s="203">
        <v>0</v>
      </c>
      <c r="CR22" s="203">
        <v>0</v>
      </c>
      <c r="CS22" s="203">
        <v>0</v>
      </c>
      <c r="CT22" s="203">
        <v>0</v>
      </c>
      <c r="CU22" s="203">
        <v>0</v>
      </c>
      <c r="CV22" s="208">
        <v>0</v>
      </c>
      <c r="CW22" s="207">
        <v>0</v>
      </c>
      <c r="CX22" s="202">
        <v>0</v>
      </c>
      <c r="CY22" s="203">
        <v>0</v>
      </c>
      <c r="CZ22" s="208">
        <v>0</v>
      </c>
      <c r="DA22" s="205">
        <v>0</v>
      </c>
      <c r="DB22" s="203">
        <v>0</v>
      </c>
      <c r="DC22" s="203">
        <v>0</v>
      </c>
      <c r="DD22" s="203">
        <v>0</v>
      </c>
      <c r="DE22" s="203">
        <v>0</v>
      </c>
      <c r="DF22" s="203">
        <v>0</v>
      </c>
      <c r="DG22" s="208">
        <v>0</v>
      </c>
      <c r="DH22" s="207">
        <v>0</v>
      </c>
    </row>
    <row r="23" spans="2:112" ht="21" customHeight="1" x14ac:dyDescent="0.2">
      <c r="B23" s="173" t="s">
        <v>21</v>
      </c>
      <c r="C23" s="202">
        <v>0</v>
      </c>
      <c r="D23" s="208">
        <v>0</v>
      </c>
      <c r="E23" s="218">
        <v>0</v>
      </c>
      <c r="F23" s="205">
        <v>0</v>
      </c>
      <c r="G23" s="203">
        <v>152</v>
      </c>
      <c r="H23" s="203">
        <v>195</v>
      </c>
      <c r="I23" s="203">
        <v>227</v>
      </c>
      <c r="J23" s="203">
        <v>550</v>
      </c>
      <c r="K23" s="203">
        <v>36</v>
      </c>
      <c r="L23" s="206">
        <v>1160</v>
      </c>
      <c r="M23" s="207">
        <v>1160</v>
      </c>
      <c r="N23" s="202">
        <v>0</v>
      </c>
      <c r="O23" s="203">
        <v>0</v>
      </c>
      <c r="P23" s="208">
        <v>0</v>
      </c>
      <c r="Q23" s="205">
        <v>0</v>
      </c>
      <c r="R23" s="203">
        <v>0</v>
      </c>
      <c r="S23" s="203">
        <v>4</v>
      </c>
      <c r="T23" s="203">
        <v>2</v>
      </c>
      <c r="U23" s="203">
        <v>0</v>
      </c>
      <c r="V23" s="203">
        <v>9</v>
      </c>
      <c r="W23" s="208">
        <v>15</v>
      </c>
      <c r="X23" s="207">
        <v>15</v>
      </c>
      <c r="Y23" s="202">
        <v>0</v>
      </c>
      <c r="Z23" s="203">
        <v>10</v>
      </c>
      <c r="AA23" s="208">
        <v>10</v>
      </c>
      <c r="AB23" s="205">
        <v>0</v>
      </c>
      <c r="AC23" s="203">
        <v>104</v>
      </c>
      <c r="AD23" s="203">
        <v>104</v>
      </c>
      <c r="AE23" s="203">
        <v>80</v>
      </c>
      <c r="AF23" s="203">
        <v>1</v>
      </c>
      <c r="AG23" s="203">
        <v>60</v>
      </c>
      <c r="AH23" s="208">
        <v>349</v>
      </c>
      <c r="AI23" s="207">
        <v>359</v>
      </c>
      <c r="AJ23" s="202">
        <v>0</v>
      </c>
      <c r="AK23" s="203">
        <v>24</v>
      </c>
      <c r="AL23" s="208">
        <v>24</v>
      </c>
      <c r="AM23" s="205">
        <v>0</v>
      </c>
      <c r="AN23" s="203">
        <v>0</v>
      </c>
      <c r="AO23" s="203">
        <v>0</v>
      </c>
      <c r="AP23" s="203">
        <v>0</v>
      </c>
      <c r="AQ23" s="203">
        <v>0</v>
      </c>
      <c r="AR23" s="203">
        <v>0</v>
      </c>
      <c r="AS23" s="208">
        <v>0</v>
      </c>
      <c r="AT23" s="207">
        <v>24</v>
      </c>
      <c r="AU23" s="202">
        <v>0</v>
      </c>
      <c r="AV23" s="203">
        <v>0</v>
      </c>
      <c r="AW23" s="208">
        <v>0</v>
      </c>
      <c r="AX23" s="205">
        <v>0</v>
      </c>
      <c r="AY23" s="203">
        <v>119</v>
      </c>
      <c r="AZ23" s="203">
        <v>52</v>
      </c>
      <c r="BA23" s="203">
        <v>73</v>
      </c>
      <c r="BB23" s="203">
        <v>16</v>
      </c>
      <c r="BC23" s="203">
        <v>4</v>
      </c>
      <c r="BD23" s="206">
        <v>264</v>
      </c>
      <c r="BE23" s="207">
        <v>264</v>
      </c>
      <c r="BF23" s="202">
        <v>0</v>
      </c>
      <c r="BG23" s="203">
        <v>0</v>
      </c>
      <c r="BH23" s="208">
        <v>0</v>
      </c>
      <c r="BI23" s="205">
        <v>0</v>
      </c>
      <c r="BJ23" s="203">
        <v>23</v>
      </c>
      <c r="BK23" s="203">
        <v>16</v>
      </c>
      <c r="BL23" s="203">
        <v>7</v>
      </c>
      <c r="BM23" s="203">
        <v>10</v>
      </c>
      <c r="BN23" s="203">
        <v>0</v>
      </c>
      <c r="BO23" s="208">
        <v>56</v>
      </c>
      <c r="BP23" s="207">
        <v>56</v>
      </c>
      <c r="BQ23" s="202">
        <v>0</v>
      </c>
      <c r="BR23" s="203">
        <v>6</v>
      </c>
      <c r="BS23" s="208">
        <v>6</v>
      </c>
      <c r="BT23" s="205">
        <v>0</v>
      </c>
      <c r="BU23" s="203">
        <v>12</v>
      </c>
      <c r="BV23" s="203">
        <v>10</v>
      </c>
      <c r="BW23" s="203">
        <v>19</v>
      </c>
      <c r="BX23" s="203">
        <v>0</v>
      </c>
      <c r="BY23" s="203">
        <v>0</v>
      </c>
      <c r="BZ23" s="208">
        <v>41</v>
      </c>
      <c r="CA23" s="207">
        <v>47</v>
      </c>
      <c r="CB23" s="202">
        <v>0</v>
      </c>
      <c r="CC23" s="203">
        <v>0</v>
      </c>
      <c r="CD23" s="208">
        <v>0</v>
      </c>
      <c r="CE23" s="205">
        <v>0</v>
      </c>
      <c r="CF23" s="203">
        <v>0</v>
      </c>
      <c r="CG23" s="203">
        <v>0</v>
      </c>
      <c r="CH23" s="203">
        <v>7</v>
      </c>
      <c r="CI23" s="203">
        <v>10</v>
      </c>
      <c r="CJ23" s="203">
        <v>0</v>
      </c>
      <c r="CK23" s="208">
        <v>17</v>
      </c>
      <c r="CL23" s="207">
        <v>17</v>
      </c>
      <c r="CM23" s="202">
        <v>0</v>
      </c>
      <c r="CN23" s="203">
        <v>0</v>
      </c>
      <c r="CO23" s="208">
        <v>0</v>
      </c>
      <c r="CP23" s="205">
        <v>0</v>
      </c>
      <c r="CQ23" s="203">
        <v>0</v>
      </c>
      <c r="CR23" s="203">
        <v>0</v>
      </c>
      <c r="CS23" s="203">
        <v>0</v>
      </c>
      <c r="CT23" s="203">
        <v>0</v>
      </c>
      <c r="CU23" s="203">
        <v>0</v>
      </c>
      <c r="CV23" s="208">
        <v>0</v>
      </c>
      <c r="CW23" s="207">
        <v>0</v>
      </c>
      <c r="CX23" s="202">
        <v>0</v>
      </c>
      <c r="CY23" s="203">
        <v>0</v>
      </c>
      <c r="CZ23" s="208">
        <v>0</v>
      </c>
      <c r="DA23" s="205">
        <v>0</v>
      </c>
      <c r="DB23" s="203">
        <v>0</v>
      </c>
      <c r="DC23" s="203">
        <v>0</v>
      </c>
      <c r="DD23" s="203">
        <v>0</v>
      </c>
      <c r="DE23" s="203">
        <v>0</v>
      </c>
      <c r="DF23" s="203">
        <v>0</v>
      </c>
      <c r="DG23" s="208">
        <v>0</v>
      </c>
      <c r="DH23" s="207">
        <v>0</v>
      </c>
    </row>
    <row r="24" spans="2:112" ht="21" customHeight="1" x14ac:dyDescent="0.2">
      <c r="B24" s="173" t="s">
        <v>22</v>
      </c>
      <c r="C24" s="202">
        <v>0</v>
      </c>
      <c r="D24" s="208">
        <v>0</v>
      </c>
      <c r="E24" s="218">
        <v>0</v>
      </c>
      <c r="F24" s="205">
        <v>0</v>
      </c>
      <c r="G24" s="203">
        <v>27</v>
      </c>
      <c r="H24" s="203">
        <v>13</v>
      </c>
      <c r="I24" s="203">
        <v>52</v>
      </c>
      <c r="J24" s="203">
        <v>15</v>
      </c>
      <c r="K24" s="203">
        <v>55</v>
      </c>
      <c r="L24" s="206">
        <v>162</v>
      </c>
      <c r="M24" s="207">
        <v>162</v>
      </c>
      <c r="N24" s="202">
        <v>0</v>
      </c>
      <c r="O24" s="203">
        <v>0</v>
      </c>
      <c r="P24" s="208">
        <v>0</v>
      </c>
      <c r="Q24" s="205">
        <v>0</v>
      </c>
      <c r="R24" s="203">
        <v>0</v>
      </c>
      <c r="S24" s="203">
        <v>0</v>
      </c>
      <c r="T24" s="203">
        <v>3</v>
      </c>
      <c r="U24" s="203">
        <v>0</v>
      </c>
      <c r="V24" s="203">
        <v>32</v>
      </c>
      <c r="W24" s="208">
        <v>35</v>
      </c>
      <c r="X24" s="207">
        <v>35</v>
      </c>
      <c r="Y24" s="202">
        <v>0</v>
      </c>
      <c r="Z24" s="203">
        <v>0</v>
      </c>
      <c r="AA24" s="208">
        <v>0</v>
      </c>
      <c r="AB24" s="205">
        <v>0</v>
      </c>
      <c r="AC24" s="203">
        <v>30</v>
      </c>
      <c r="AD24" s="203">
        <v>17</v>
      </c>
      <c r="AE24" s="203">
        <v>14</v>
      </c>
      <c r="AF24" s="203">
        <v>1</v>
      </c>
      <c r="AG24" s="203">
        <v>89</v>
      </c>
      <c r="AH24" s="208">
        <v>151</v>
      </c>
      <c r="AI24" s="207">
        <v>151</v>
      </c>
      <c r="AJ24" s="202">
        <v>0</v>
      </c>
      <c r="AK24" s="203">
        <v>0</v>
      </c>
      <c r="AL24" s="208">
        <v>0</v>
      </c>
      <c r="AM24" s="205">
        <v>0</v>
      </c>
      <c r="AN24" s="203">
        <v>24</v>
      </c>
      <c r="AO24" s="203">
        <v>20</v>
      </c>
      <c r="AP24" s="203">
        <v>0</v>
      </c>
      <c r="AQ24" s="203">
        <v>21</v>
      </c>
      <c r="AR24" s="203">
        <v>0</v>
      </c>
      <c r="AS24" s="208">
        <v>65</v>
      </c>
      <c r="AT24" s="207">
        <v>65</v>
      </c>
      <c r="AU24" s="202">
        <v>0</v>
      </c>
      <c r="AV24" s="203">
        <v>0</v>
      </c>
      <c r="AW24" s="208">
        <v>0</v>
      </c>
      <c r="AX24" s="205">
        <v>0</v>
      </c>
      <c r="AY24" s="203">
        <v>28</v>
      </c>
      <c r="AZ24" s="203">
        <v>55</v>
      </c>
      <c r="BA24" s="203">
        <v>38</v>
      </c>
      <c r="BB24" s="203">
        <v>53</v>
      </c>
      <c r="BC24" s="203">
        <v>18</v>
      </c>
      <c r="BD24" s="206">
        <v>192</v>
      </c>
      <c r="BE24" s="207">
        <v>192</v>
      </c>
      <c r="BF24" s="202">
        <v>0</v>
      </c>
      <c r="BG24" s="203">
        <v>0</v>
      </c>
      <c r="BH24" s="208">
        <v>0</v>
      </c>
      <c r="BI24" s="205">
        <v>0</v>
      </c>
      <c r="BJ24" s="203">
        <v>7</v>
      </c>
      <c r="BK24" s="203">
        <v>33</v>
      </c>
      <c r="BL24" s="203">
        <v>9</v>
      </c>
      <c r="BM24" s="203">
        <v>11</v>
      </c>
      <c r="BN24" s="203">
        <v>0</v>
      </c>
      <c r="BO24" s="208">
        <v>60</v>
      </c>
      <c r="BP24" s="207">
        <v>60</v>
      </c>
      <c r="BQ24" s="202">
        <v>0</v>
      </c>
      <c r="BR24" s="203">
        <v>0</v>
      </c>
      <c r="BS24" s="208">
        <v>0</v>
      </c>
      <c r="BT24" s="205">
        <v>0</v>
      </c>
      <c r="BU24" s="203">
        <v>0</v>
      </c>
      <c r="BV24" s="203">
        <v>17</v>
      </c>
      <c r="BW24" s="203">
        <v>4</v>
      </c>
      <c r="BX24" s="203">
        <v>12</v>
      </c>
      <c r="BY24" s="203">
        <v>0</v>
      </c>
      <c r="BZ24" s="208">
        <v>33</v>
      </c>
      <c r="CA24" s="207">
        <v>33</v>
      </c>
      <c r="CB24" s="202">
        <v>0</v>
      </c>
      <c r="CC24" s="203">
        <v>0</v>
      </c>
      <c r="CD24" s="208">
        <v>0</v>
      </c>
      <c r="CE24" s="205">
        <v>0</v>
      </c>
      <c r="CF24" s="203">
        <v>0</v>
      </c>
      <c r="CG24" s="203">
        <v>0</v>
      </c>
      <c r="CH24" s="203">
        <v>0</v>
      </c>
      <c r="CI24" s="203">
        <v>8</v>
      </c>
      <c r="CJ24" s="203">
        <v>0</v>
      </c>
      <c r="CK24" s="208">
        <v>8</v>
      </c>
      <c r="CL24" s="207">
        <v>8</v>
      </c>
      <c r="CM24" s="202">
        <v>0</v>
      </c>
      <c r="CN24" s="203">
        <v>0</v>
      </c>
      <c r="CO24" s="208">
        <v>0</v>
      </c>
      <c r="CP24" s="205">
        <v>0</v>
      </c>
      <c r="CQ24" s="203">
        <v>0</v>
      </c>
      <c r="CR24" s="203">
        <v>0</v>
      </c>
      <c r="CS24" s="203">
        <v>0</v>
      </c>
      <c r="CT24" s="203">
        <v>0</v>
      </c>
      <c r="CU24" s="203">
        <v>0</v>
      </c>
      <c r="CV24" s="208">
        <v>0</v>
      </c>
      <c r="CW24" s="207">
        <v>0</v>
      </c>
      <c r="CX24" s="202">
        <v>0</v>
      </c>
      <c r="CY24" s="203">
        <v>0</v>
      </c>
      <c r="CZ24" s="208">
        <v>0</v>
      </c>
      <c r="DA24" s="205">
        <v>0</v>
      </c>
      <c r="DB24" s="203">
        <v>0</v>
      </c>
      <c r="DC24" s="203">
        <v>0</v>
      </c>
      <c r="DD24" s="203">
        <v>0</v>
      </c>
      <c r="DE24" s="203">
        <v>0</v>
      </c>
      <c r="DF24" s="203">
        <v>0</v>
      </c>
      <c r="DG24" s="208">
        <v>0</v>
      </c>
      <c r="DH24" s="207">
        <v>0</v>
      </c>
    </row>
    <row r="25" spans="2:112" ht="21" customHeight="1" x14ac:dyDescent="0.2">
      <c r="B25" s="173" t="s">
        <v>23</v>
      </c>
      <c r="C25" s="202">
        <v>0</v>
      </c>
      <c r="D25" s="208">
        <v>0</v>
      </c>
      <c r="E25" s="218">
        <v>0</v>
      </c>
      <c r="F25" s="205">
        <v>0</v>
      </c>
      <c r="G25" s="203">
        <v>25</v>
      </c>
      <c r="H25" s="203">
        <v>87</v>
      </c>
      <c r="I25" s="203">
        <v>358</v>
      </c>
      <c r="J25" s="203">
        <v>27</v>
      </c>
      <c r="K25" s="203">
        <v>0</v>
      </c>
      <c r="L25" s="206">
        <v>497</v>
      </c>
      <c r="M25" s="207">
        <v>497</v>
      </c>
      <c r="N25" s="202">
        <v>0</v>
      </c>
      <c r="O25" s="203">
        <v>0</v>
      </c>
      <c r="P25" s="208">
        <v>0</v>
      </c>
      <c r="Q25" s="205">
        <v>0</v>
      </c>
      <c r="R25" s="203">
        <v>0</v>
      </c>
      <c r="S25" s="203">
        <v>6</v>
      </c>
      <c r="T25" s="203">
        <v>3</v>
      </c>
      <c r="U25" s="203">
        <v>0</v>
      </c>
      <c r="V25" s="203">
        <v>0</v>
      </c>
      <c r="W25" s="208">
        <v>9</v>
      </c>
      <c r="X25" s="207">
        <v>9</v>
      </c>
      <c r="Y25" s="202">
        <v>26</v>
      </c>
      <c r="Z25" s="203">
        <v>33</v>
      </c>
      <c r="AA25" s="208">
        <v>59</v>
      </c>
      <c r="AB25" s="205">
        <v>0</v>
      </c>
      <c r="AC25" s="203">
        <v>79</v>
      </c>
      <c r="AD25" s="203">
        <v>144</v>
      </c>
      <c r="AE25" s="203">
        <v>76</v>
      </c>
      <c r="AF25" s="203">
        <v>30</v>
      </c>
      <c r="AG25" s="203">
        <v>28</v>
      </c>
      <c r="AH25" s="208">
        <v>357</v>
      </c>
      <c r="AI25" s="207">
        <v>416</v>
      </c>
      <c r="AJ25" s="202">
        <v>8</v>
      </c>
      <c r="AK25" s="203">
        <v>9</v>
      </c>
      <c r="AL25" s="208">
        <v>17</v>
      </c>
      <c r="AM25" s="205">
        <v>0</v>
      </c>
      <c r="AN25" s="203">
        <v>0</v>
      </c>
      <c r="AO25" s="203">
        <v>21</v>
      </c>
      <c r="AP25" s="203">
        <v>0</v>
      </c>
      <c r="AQ25" s="203">
        <v>0</v>
      </c>
      <c r="AR25" s="203">
        <v>0</v>
      </c>
      <c r="AS25" s="208">
        <v>21</v>
      </c>
      <c r="AT25" s="207">
        <v>38</v>
      </c>
      <c r="AU25" s="202">
        <v>0</v>
      </c>
      <c r="AV25" s="203">
        <v>0</v>
      </c>
      <c r="AW25" s="208">
        <v>0</v>
      </c>
      <c r="AX25" s="205">
        <v>0</v>
      </c>
      <c r="AY25" s="203">
        <v>70</v>
      </c>
      <c r="AZ25" s="203">
        <v>77</v>
      </c>
      <c r="BA25" s="203">
        <v>47</v>
      </c>
      <c r="BB25" s="203">
        <v>42</v>
      </c>
      <c r="BC25" s="203">
        <v>0</v>
      </c>
      <c r="BD25" s="206">
        <v>236</v>
      </c>
      <c r="BE25" s="207">
        <v>236</v>
      </c>
      <c r="BF25" s="202">
        <v>0</v>
      </c>
      <c r="BG25" s="203">
        <v>0</v>
      </c>
      <c r="BH25" s="208">
        <v>0</v>
      </c>
      <c r="BI25" s="205">
        <v>0</v>
      </c>
      <c r="BJ25" s="203">
        <v>11</v>
      </c>
      <c r="BK25" s="203">
        <v>14</v>
      </c>
      <c r="BL25" s="203">
        <v>13</v>
      </c>
      <c r="BM25" s="203">
        <v>16</v>
      </c>
      <c r="BN25" s="203">
        <v>0</v>
      </c>
      <c r="BO25" s="208">
        <v>54</v>
      </c>
      <c r="BP25" s="207">
        <v>54</v>
      </c>
      <c r="BQ25" s="202">
        <v>0</v>
      </c>
      <c r="BR25" s="203">
        <v>0</v>
      </c>
      <c r="BS25" s="208">
        <v>0</v>
      </c>
      <c r="BT25" s="205">
        <v>0</v>
      </c>
      <c r="BU25" s="203">
        <v>13</v>
      </c>
      <c r="BV25" s="203">
        <v>28</v>
      </c>
      <c r="BW25" s="203">
        <v>21</v>
      </c>
      <c r="BX25" s="203">
        <v>13</v>
      </c>
      <c r="BY25" s="203">
        <v>28</v>
      </c>
      <c r="BZ25" s="208">
        <v>103</v>
      </c>
      <c r="CA25" s="207">
        <v>103</v>
      </c>
      <c r="CB25" s="202">
        <v>0</v>
      </c>
      <c r="CC25" s="203">
        <v>0</v>
      </c>
      <c r="CD25" s="208">
        <v>0</v>
      </c>
      <c r="CE25" s="205">
        <v>0</v>
      </c>
      <c r="CF25" s="203">
        <v>0</v>
      </c>
      <c r="CG25" s="203">
        <v>0</v>
      </c>
      <c r="CH25" s="203">
        <v>5</v>
      </c>
      <c r="CI25" s="203">
        <v>0</v>
      </c>
      <c r="CJ25" s="203">
        <v>0</v>
      </c>
      <c r="CK25" s="208">
        <v>5</v>
      </c>
      <c r="CL25" s="207">
        <v>5</v>
      </c>
      <c r="CM25" s="202">
        <v>0</v>
      </c>
      <c r="CN25" s="203">
        <v>0</v>
      </c>
      <c r="CO25" s="208">
        <v>0</v>
      </c>
      <c r="CP25" s="205">
        <v>0</v>
      </c>
      <c r="CQ25" s="203">
        <v>0</v>
      </c>
      <c r="CR25" s="203">
        <v>0</v>
      </c>
      <c r="CS25" s="203">
        <v>0</v>
      </c>
      <c r="CT25" s="203">
        <v>0</v>
      </c>
      <c r="CU25" s="203">
        <v>0</v>
      </c>
      <c r="CV25" s="208">
        <v>0</v>
      </c>
      <c r="CW25" s="207">
        <v>0</v>
      </c>
      <c r="CX25" s="202">
        <v>0</v>
      </c>
      <c r="CY25" s="203">
        <v>0</v>
      </c>
      <c r="CZ25" s="208">
        <v>0</v>
      </c>
      <c r="DA25" s="205">
        <v>0</v>
      </c>
      <c r="DB25" s="203">
        <v>0</v>
      </c>
      <c r="DC25" s="203">
        <v>0</v>
      </c>
      <c r="DD25" s="203">
        <v>0</v>
      </c>
      <c r="DE25" s="203">
        <v>0</v>
      </c>
      <c r="DF25" s="203">
        <v>0</v>
      </c>
      <c r="DG25" s="208">
        <v>0</v>
      </c>
      <c r="DH25" s="207">
        <v>0</v>
      </c>
    </row>
    <row r="26" spans="2:112" ht="21" customHeight="1" x14ac:dyDescent="0.2">
      <c r="B26" s="173" t="s">
        <v>24</v>
      </c>
      <c r="C26" s="202">
        <v>0</v>
      </c>
      <c r="D26" s="208">
        <v>0</v>
      </c>
      <c r="E26" s="218">
        <v>0</v>
      </c>
      <c r="F26" s="205">
        <v>0</v>
      </c>
      <c r="G26" s="203">
        <v>93</v>
      </c>
      <c r="H26" s="203">
        <v>133</v>
      </c>
      <c r="I26" s="203">
        <v>82</v>
      </c>
      <c r="J26" s="203">
        <v>261</v>
      </c>
      <c r="K26" s="203">
        <v>140</v>
      </c>
      <c r="L26" s="206">
        <v>709</v>
      </c>
      <c r="M26" s="207">
        <v>709</v>
      </c>
      <c r="N26" s="202">
        <v>0</v>
      </c>
      <c r="O26" s="203">
        <v>0</v>
      </c>
      <c r="P26" s="208">
        <v>0</v>
      </c>
      <c r="Q26" s="205">
        <v>0</v>
      </c>
      <c r="R26" s="203">
        <v>4</v>
      </c>
      <c r="S26" s="203">
        <v>0</v>
      </c>
      <c r="T26" s="203">
        <v>1</v>
      </c>
      <c r="U26" s="203">
        <v>9</v>
      </c>
      <c r="V26" s="203">
        <v>10</v>
      </c>
      <c r="W26" s="208">
        <v>24</v>
      </c>
      <c r="X26" s="207">
        <v>24</v>
      </c>
      <c r="Y26" s="202">
        <v>17</v>
      </c>
      <c r="Z26" s="203">
        <v>14</v>
      </c>
      <c r="AA26" s="208">
        <v>31</v>
      </c>
      <c r="AB26" s="205">
        <v>0</v>
      </c>
      <c r="AC26" s="203">
        <v>73</v>
      </c>
      <c r="AD26" s="203">
        <v>41</v>
      </c>
      <c r="AE26" s="203">
        <v>27</v>
      </c>
      <c r="AF26" s="203">
        <v>87</v>
      </c>
      <c r="AG26" s="203">
        <v>51</v>
      </c>
      <c r="AH26" s="208">
        <v>279</v>
      </c>
      <c r="AI26" s="207">
        <v>310</v>
      </c>
      <c r="AJ26" s="202">
        <v>0</v>
      </c>
      <c r="AK26" s="203">
        <v>0</v>
      </c>
      <c r="AL26" s="208">
        <v>0</v>
      </c>
      <c r="AM26" s="205">
        <v>0</v>
      </c>
      <c r="AN26" s="203">
        <v>0</v>
      </c>
      <c r="AO26" s="203">
        <v>0</v>
      </c>
      <c r="AP26" s="203">
        <v>0</v>
      </c>
      <c r="AQ26" s="203">
        <v>0</v>
      </c>
      <c r="AR26" s="203">
        <v>8</v>
      </c>
      <c r="AS26" s="208">
        <v>8</v>
      </c>
      <c r="AT26" s="207">
        <v>8</v>
      </c>
      <c r="AU26" s="202">
        <v>0</v>
      </c>
      <c r="AV26" s="203">
        <v>0</v>
      </c>
      <c r="AW26" s="208">
        <v>0</v>
      </c>
      <c r="AX26" s="205">
        <v>0</v>
      </c>
      <c r="AY26" s="203">
        <v>67</v>
      </c>
      <c r="AZ26" s="203">
        <v>49</v>
      </c>
      <c r="BA26" s="203">
        <v>9</v>
      </c>
      <c r="BB26" s="203">
        <v>0</v>
      </c>
      <c r="BC26" s="203">
        <v>16</v>
      </c>
      <c r="BD26" s="206">
        <v>141</v>
      </c>
      <c r="BE26" s="207">
        <v>141</v>
      </c>
      <c r="BF26" s="202">
        <v>0</v>
      </c>
      <c r="BG26" s="203">
        <v>0</v>
      </c>
      <c r="BH26" s="208">
        <v>0</v>
      </c>
      <c r="BI26" s="205">
        <v>0</v>
      </c>
      <c r="BJ26" s="203">
        <v>36</v>
      </c>
      <c r="BK26" s="203">
        <v>12</v>
      </c>
      <c r="BL26" s="203">
        <v>8</v>
      </c>
      <c r="BM26" s="203">
        <v>7</v>
      </c>
      <c r="BN26" s="203">
        <v>24</v>
      </c>
      <c r="BO26" s="208">
        <v>87</v>
      </c>
      <c r="BP26" s="207">
        <v>87</v>
      </c>
      <c r="BQ26" s="202">
        <v>0</v>
      </c>
      <c r="BR26" s="203">
        <v>0</v>
      </c>
      <c r="BS26" s="208">
        <v>0</v>
      </c>
      <c r="BT26" s="205">
        <v>0</v>
      </c>
      <c r="BU26" s="203">
        <v>0</v>
      </c>
      <c r="BV26" s="203">
        <v>0</v>
      </c>
      <c r="BW26" s="203">
        <v>3</v>
      </c>
      <c r="BX26" s="203">
        <v>0</v>
      </c>
      <c r="BY26" s="203">
        <v>9</v>
      </c>
      <c r="BZ26" s="208">
        <v>12</v>
      </c>
      <c r="CA26" s="207">
        <v>12</v>
      </c>
      <c r="CB26" s="202">
        <v>0</v>
      </c>
      <c r="CC26" s="203">
        <v>0</v>
      </c>
      <c r="CD26" s="208">
        <v>0</v>
      </c>
      <c r="CE26" s="205">
        <v>0</v>
      </c>
      <c r="CF26" s="203">
        <v>0</v>
      </c>
      <c r="CG26" s="203">
        <v>0</v>
      </c>
      <c r="CH26" s="203">
        <v>0</v>
      </c>
      <c r="CI26" s="203">
        <v>0</v>
      </c>
      <c r="CJ26" s="203">
        <v>0</v>
      </c>
      <c r="CK26" s="208">
        <v>0</v>
      </c>
      <c r="CL26" s="207">
        <v>0</v>
      </c>
      <c r="CM26" s="202">
        <v>0</v>
      </c>
      <c r="CN26" s="203">
        <v>0</v>
      </c>
      <c r="CO26" s="208">
        <v>0</v>
      </c>
      <c r="CP26" s="205">
        <v>0</v>
      </c>
      <c r="CQ26" s="203">
        <v>0</v>
      </c>
      <c r="CR26" s="203">
        <v>0</v>
      </c>
      <c r="CS26" s="203">
        <v>0</v>
      </c>
      <c r="CT26" s="203">
        <v>0</v>
      </c>
      <c r="CU26" s="203">
        <v>0</v>
      </c>
      <c r="CV26" s="208">
        <v>0</v>
      </c>
      <c r="CW26" s="207">
        <v>0</v>
      </c>
      <c r="CX26" s="202">
        <v>0</v>
      </c>
      <c r="CY26" s="203">
        <v>0</v>
      </c>
      <c r="CZ26" s="208">
        <v>0</v>
      </c>
      <c r="DA26" s="205">
        <v>0</v>
      </c>
      <c r="DB26" s="203">
        <v>0</v>
      </c>
      <c r="DC26" s="203">
        <v>0</v>
      </c>
      <c r="DD26" s="203">
        <v>0</v>
      </c>
      <c r="DE26" s="203">
        <v>0</v>
      </c>
      <c r="DF26" s="203">
        <v>0</v>
      </c>
      <c r="DG26" s="208">
        <v>0</v>
      </c>
      <c r="DH26" s="207">
        <v>0</v>
      </c>
    </row>
    <row r="27" spans="2:112" ht="21" customHeight="1" x14ac:dyDescent="0.2">
      <c r="B27" s="173" t="s">
        <v>25</v>
      </c>
      <c r="C27" s="202">
        <v>0</v>
      </c>
      <c r="D27" s="208">
        <v>0</v>
      </c>
      <c r="E27" s="218">
        <v>0</v>
      </c>
      <c r="F27" s="205">
        <v>0</v>
      </c>
      <c r="G27" s="203">
        <v>24</v>
      </c>
      <c r="H27" s="203">
        <v>49</v>
      </c>
      <c r="I27" s="203">
        <v>17</v>
      </c>
      <c r="J27" s="203">
        <v>62</v>
      </c>
      <c r="K27" s="203">
        <v>172</v>
      </c>
      <c r="L27" s="206">
        <v>324</v>
      </c>
      <c r="M27" s="207">
        <v>324</v>
      </c>
      <c r="N27" s="202">
        <v>0</v>
      </c>
      <c r="O27" s="203">
        <v>0</v>
      </c>
      <c r="P27" s="208">
        <v>0</v>
      </c>
      <c r="Q27" s="205">
        <v>0</v>
      </c>
      <c r="R27" s="203">
        <v>4</v>
      </c>
      <c r="S27" s="203">
        <v>0</v>
      </c>
      <c r="T27" s="203">
        <v>0</v>
      </c>
      <c r="U27" s="203">
        <v>0</v>
      </c>
      <c r="V27" s="203">
        <v>8</v>
      </c>
      <c r="W27" s="208">
        <v>12</v>
      </c>
      <c r="X27" s="207">
        <v>12</v>
      </c>
      <c r="Y27" s="202">
        <v>1</v>
      </c>
      <c r="Z27" s="203">
        <v>24</v>
      </c>
      <c r="AA27" s="208">
        <v>25</v>
      </c>
      <c r="AB27" s="205">
        <v>0</v>
      </c>
      <c r="AC27" s="203">
        <v>25</v>
      </c>
      <c r="AD27" s="203">
        <v>25</v>
      </c>
      <c r="AE27" s="203">
        <v>6</v>
      </c>
      <c r="AF27" s="203">
        <v>0</v>
      </c>
      <c r="AG27" s="203">
        <v>25</v>
      </c>
      <c r="AH27" s="208">
        <v>81</v>
      </c>
      <c r="AI27" s="207">
        <v>106</v>
      </c>
      <c r="AJ27" s="202">
        <v>0</v>
      </c>
      <c r="AK27" s="203">
        <v>0</v>
      </c>
      <c r="AL27" s="208">
        <v>0</v>
      </c>
      <c r="AM27" s="205">
        <v>0</v>
      </c>
      <c r="AN27" s="203">
        <v>0</v>
      </c>
      <c r="AO27" s="203">
        <v>0</v>
      </c>
      <c r="AP27" s="203">
        <v>0</v>
      </c>
      <c r="AQ27" s="203">
        <v>0</v>
      </c>
      <c r="AR27" s="203">
        <v>0</v>
      </c>
      <c r="AS27" s="208">
        <v>0</v>
      </c>
      <c r="AT27" s="207">
        <v>0</v>
      </c>
      <c r="AU27" s="202">
        <v>0</v>
      </c>
      <c r="AV27" s="203">
        <v>0</v>
      </c>
      <c r="AW27" s="208">
        <v>0</v>
      </c>
      <c r="AX27" s="205">
        <v>0</v>
      </c>
      <c r="AY27" s="203">
        <v>22</v>
      </c>
      <c r="AZ27" s="203">
        <v>20</v>
      </c>
      <c r="BA27" s="203">
        <v>2</v>
      </c>
      <c r="BB27" s="203">
        <v>0</v>
      </c>
      <c r="BC27" s="203">
        <v>0</v>
      </c>
      <c r="BD27" s="206">
        <v>44</v>
      </c>
      <c r="BE27" s="207">
        <v>44</v>
      </c>
      <c r="BF27" s="202">
        <v>0</v>
      </c>
      <c r="BG27" s="203">
        <v>0</v>
      </c>
      <c r="BH27" s="208">
        <v>0</v>
      </c>
      <c r="BI27" s="205">
        <v>0</v>
      </c>
      <c r="BJ27" s="203">
        <v>20</v>
      </c>
      <c r="BK27" s="203">
        <v>8</v>
      </c>
      <c r="BL27" s="203">
        <v>12</v>
      </c>
      <c r="BM27" s="203">
        <v>0</v>
      </c>
      <c r="BN27" s="203">
        <v>6</v>
      </c>
      <c r="BO27" s="208">
        <v>46</v>
      </c>
      <c r="BP27" s="207">
        <v>46</v>
      </c>
      <c r="BQ27" s="202">
        <v>0</v>
      </c>
      <c r="BR27" s="203">
        <v>0</v>
      </c>
      <c r="BS27" s="208">
        <v>0</v>
      </c>
      <c r="BT27" s="205">
        <v>0</v>
      </c>
      <c r="BU27" s="203">
        <v>14</v>
      </c>
      <c r="BV27" s="203">
        <v>0</v>
      </c>
      <c r="BW27" s="203">
        <v>35</v>
      </c>
      <c r="BX27" s="203">
        <v>0</v>
      </c>
      <c r="BY27" s="203">
        <v>0</v>
      </c>
      <c r="BZ27" s="208">
        <v>49</v>
      </c>
      <c r="CA27" s="207">
        <v>49</v>
      </c>
      <c r="CB27" s="202">
        <v>0</v>
      </c>
      <c r="CC27" s="203">
        <v>0</v>
      </c>
      <c r="CD27" s="208">
        <v>0</v>
      </c>
      <c r="CE27" s="205">
        <v>0</v>
      </c>
      <c r="CF27" s="203">
        <v>0</v>
      </c>
      <c r="CG27" s="203">
        <v>0</v>
      </c>
      <c r="CH27" s="203">
        <v>0</v>
      </c>
      <c r="CI27" s="203">
        <v>0</v>
      </c>
      <c r="CJ27" s="203">
        <v>0</v>
      </c>
      <c r="CK27" s="208">
        <v>0</v>
      </c>
      <c r="CL27" s="207">
        <v>0</v>
      </c>
      <c r="CM27" s="202">
        <v>0</v>
      </c>
      <c r="CN27" s="203">
        <v>0</v>
      </c>
      <c r="CO27" s="208">
        <v>0</v>
      </c>
      <c r="CP27" s="205">
        <v>0</v>
      </c>
      <c r="CQ27" s="203">
        <v>0</v>
      </c>
      <c r="CR27" s="203">
        <v>0</v>
      </c>
      <c r="CS27" s="203">
        <v>0</v>
      </c>
      <c r="CT27" s="203">
        <v>0</v>
      </c>
      <c r="CU27" s="203">
        <v>0</v>
      </c>
      <c r="CV27" s="208">
        <v>0</v>
      </c>
      <c r="CW27" s="207">
        <v>0</v>
      </c>
      <c r="CX27" s="202">
        <v>0</v>
      </c>
      <c r="CY27" s="203">
        <v>0</v>
      </c>
      <c r="CZ27" s="208">
        <v>0</v>
      </c>
      <c r="DA27" s="205">
        <v>0</v>
      </c>
      <c r="DB27" s="203">
        <v>0</v>
      </c>
      <c r="DC27" s="203">
        <v>0</v>
      </c>
      <c r="DD27" s="203">
        <v>0</v>
      </c>
      <c r="DE27" s="203">
        <v>0</v>
      </c>
      <c r="DF27" s="203">
        <v>0</v>
      </c>
      <c r="DG27" s="208">
        <v>0</v>
      </c>
      <c r="DH27" s="207">
        <v>0</v>
      </c>
    </row>
    <row r="28" spans="2:112" ht="21" customHeight="1" x14ac:dyDescent="0.2">
      <c r="B28" s="173" t="s">
        <v>26</v>
      </c>
      <c r="C28" s="202">
        <v>0</v>
      </c>
      <c r="D28" s="208">
        <v>0</v>
      </c>
      <c r="E28" s="218">
        <v>0</v>
      </c>
      <c r="F28" s="205">
        <v>0</v>
      </c>
      <c r="G28" s="203">
        <v>32</v>
      </c>
      <c r="H28" s="203">
        <v>78</v>
      </c>
      <c r="I28" s="203">
        <v>12</v>
      </c>
      <c r="J28" s="203">
        <v>33</v>
      </c>
      <c r="K28" s="203">
        <v>165</v>
      </c>
      <c r="L28" s="206">
        <v>320</v>
      </c>
      <c r="M28" s="207">
        <v>320</v>
      </c>
      <c r="N28" s="202">
        <v>0</v>
      </c>
      <c r="O28" s="203">
        <v>0</v>
      </c>
      <c r="P28" s="208">
        <v>0</v>
      </c>
      <c r="Q28" s="205">
        <v>0</v>
      </c>
      <c r="R28" s="203">
        <v>0</v>
      </c>
      <c r="S28" s="203">
        <v>0</v>
      </c>
      <c r="T28" s="203">
        <v>0</v>
      </c>
      <c r="U28" s="203">
        <v>0</v>
      </c>
      <c r="V28" s="203">
        <v>13</v>
      </c>
      <c r="W28" s="208">
        <v>13</v>
      </c>
      <c r="X28" s="207">
        <v>13</v>
      </c>
      <c r="Y28" s="202">
        <v>0</v>
      </c>
      <c r="Z28" s="203">
        <v>10</v>
      </c>
      <c r="AA28" s="208">
        <v>10</v>
      </c>
      <c r="AB28" s="205">
        <v>0</v>
      </c>
      <c r="AC28" s="203">
        <v>40</v>
      </c>
      <c r="AD28" s="203">
        <v>71</v>
      </c>
      <c r="AE28" s="203">
        <v>0</v>
      </c>
      <c r="AF28" s="203">
        <v>23</v>
      </c>
      <c r="AG28" s="203">
        <v>48</v>
      </c>
      <c r="AH28" s="208">
        <v>182</v>
      </c>
      <c r="AI28" s="207">
        <v>192</v>
      </c>
      <c r="AJ28" s="202">
        <v>24</v>
      </c>
      <c r="AK28" s="203">
        <v>27</v>
      </c>
      <c r="AL28" s="208">
        <v>51</v>
      </c>
      <c r="AM28" s="205">
        <v>0</v>
      </c>
      <c r="AN28" s="203">
        <v>12</v>
      </c>
      <c r="AO28" s="203">
        <v>0</v>
      </c>
      <c r="AP28" s="203">
        <v>0</v>
      </c>
      <c r="AQ28" s="203">
        <v>0</v>
      </c>
      <c r="AR28" s="203">
        <v>0</v>
      </c>
      <c r="AS28" s="208">
        <v>12</v>
      </c>
      <c r="AT28" s="207">
        <v>63</v>
      </c>
      <c r="AU28" s="202">
        <v>0</v>
      </c>
      <c r="AV28" s="203">
        <v>0</v>
      </c>
      <c r="AW28" s="208">
        <v>0</v>
      </c>
      <c r="AX28" s="205">
        <v>0</v>
      </c>
      <c r="AY28" s="203">
        <v>52</v>
      </c>
      <c r="AZ28" s="203">
        <v>18</v>
      </c>
      <c r="BA28" s="203">
        <v>5</v>
      </c>
      <c r="BB28" s="203">
        <v>7</v>
      </c>
      <c r="BC28" s="203">
        <v>0</v>
      </c>
      <c r="BD28" s="206">
        <v>82</v>
      </c>
      <c r="BE28" s="207">
        <v>82</v>
      </c>
      <c r="BF28" s="202">
        <v>0</v>
      </c>
      <c r="BG28" s="203">
        <v>0</v>
      </c>
      <c r="BH28" s="208">
        <v>0</v>
      </c>
      <c r="BI28" s="205">
        <v>0</v>
      </c>
      <c r="BJ28" s="203">
        <v>33</v>
      </c>
      <c r="BK28" s="203">
        <v>18</v>
      </c>
      <c r="BL28" s="203">
        <v>0</v>
      </c>
      <c r="BM28" s="203">
        <v>0</v>
      </c>
      <c r="BN28" s="203">
        <v>0</v>
      </c>
      <c r="BO28" s="208">
        <v>51</v>
      </c>
      <c r="BP28" s="207">
        <v>51</v>
      </c>
      <c r="BQ28" s="202">
        <v>0</v>
      </c>
      <c r="BR28" s="203">
        <v>0</v>
      </c>
      <c r="BS28" s="208">
        <v>0</v>
      </c>
      <c r="BT28" s="205">
        <v>0</v>
      </c>
      <c r="BU28" s="203">
        <v>20</v>
      </c>
      <c r="BV28" s="203">
        <v>3</v>
      </c>
      <c r="BW28" s="203">
        <v>16</v>
      </c>
      <c r="BX28" s="203">
        <v>0</v>
      </c>
      <c r="BY28" s="203">
        <v>0</v>
      </c>
      <c r="BZ28" s="208">
        <v>39</v>
      </c>
      <c r="CA28" s="207">
        <v>39</v>
      </c>
      <c r="CB28" s="202">
        <v>0</v>
      </c>
      <c r="CC28" s="203">
        <v>0</v>
      </c>
      <c r="CD28" s="208">
        <v>0</v>
      </c>
      <c r="CE28" s="205">
        <v>0</v>
      </c>
      <c r="CF28" s="203">
        <v>0</v>
      </c>
      <c r="CG28" s="203">
        <v>0</v>
      </c>
      <c r="CH28" s="203">
        <v>0</v>
      </c>
      <c r="CI28" s="203">
        <v>0</v>
      </c>
      <c r="CJ28" s="203">
        <v>0</v>
      </c>
      <c r="CK28" s="208">
        <v>0</v>
      </c>
      <c r="CL28" s="207">
        <v>0</v>
      </c>
      <c r="CM28" s="202">
        <v>0</v>
      </c>
      <c r="CN28" s="203">
        <v>0</v>
      </c>
      <c r="CO28" s="208">
        <v>0</v>
      </c>
      <c r="CP28" s="205">
        <v>0</v>
      </c>
      <c r="CQ28" s="203">
        <v>0</v>
      </c>
      <c r="CR28" s="203">
        <v>0</v>
      </c>
      <c r="CS28" s="203">
        <v>0</v>
      </c>
      <c r="CT28" s="203">
        <v>0</v>
      </c>
      <c r="CU28" s="203">
        <v>0</v>
      </c>
      <c r="CV28" s="208">
        <v>0</v>
      </c>
      <c r="CW28" s="207">
        <v>0</v>
      </c>
      <c r="CX28" s="202">
        <v>0</v>
      </c>
      <c r="CY28" s="203">
        <v>0</v>
      </c>
      <c r="CZ28" s="208">
        <v>0</v>
      </c>
      <c r="DA28" s="205">
        <v>0</v>
      </c>
      <c r="DB28" s="203">
        <v>0</v>
      </c>
      <c r="DC28" s="203">
        <v>0</v>
      </c>
      <c r="DD28" s="203">
        <v>0</v>
      </c>
      <c r="DE28" s="203">
        <v>0</v>
      </c>
      <c r="DF28" s="203">
        <v>0</v>
      </c>
      <c r="DG28" s="208">
        <v>0</v>
      </c>
      <c r="DH28" s="207">
        <v>0</v>
      </c>
    </row>
    <row r="29" spans="2:112" ht="21" customHeight="1" x14ac:dyDescent="0.2">
      <c r="B29" s="173" t="s">
        <v>27</v>
      </c>
      <c r="C29" s="202">
        <v>0</v>
      </c>
      <c r="D29" s="208">
        <v>0</v>
      </c>
      <c r="E29" s="218">
        <v>0</v>
      </c>
      <c r="F29" s="205">
        <v>0</v>
      </c>
      <c r="G29" s="203">
        <v>9</v>
      </c>
      <c r="H29" s="203">
        <v>51</v>
      </c>
      <c r="I29" s="203">
        <v>259</v>
      </c>
      <c r="J29" s="203">
        <v>0</v>
      </c>
      <c r="K29" s="203">
        <v>0</v>
      </c>
      <c r="L29" s="206">
        <v>319</v>
      </c>
      <c r="M29" s="207">
        <v>319</v>
      </c>
      <c r="N29" s="202">
        <v>0</v>
      </c>
      <c r="O29" s="203">
        <v>0</v>
      </c>
      <c r="P29" s="208">
        <v>0</v>
      </c>
      <c r="Q29" s="205">
        <v>0</v>
      </c>
      <c r="R29" s="203">
        <v>0</v>
      </c>
      <c r="S29" s="203">
        <v>0</v>
      </c>
      <c r="T29" s="203">
        <v>1</v>
      </c>
      <c r="U29" s="203">
        <v>3</v>
      </c>
      <c r="V29" s="203">
        <v>0</v>
      </c>
      <c r="W29" s="208">
        <v>4</v>
      </c>
      <c r="X29" s="207">
        <v>4</v>
      </c>
      <c r="Y29" s="202">
        <v>0</v>
      </c>
      <c r="Z29" s="203">
        <v>20</v>
      </c>
      <c r="AA29" s="208">
        <v>20</v>
      </c>
      <c r="AB29" s="205">
        <v>0</v>
      </c>
      <c r="AC29" s="203">
        <v>0</v>
      </c>
      <c r="AD29" s="203">
        <v>34</v>
      </c>
      <c r="AE29" s="203">
        <v>32</v>
      </c>
      <c r="AF29" s="203">
        <v>8</v>
      </c>
      <c r="AG29" s="203">
        <v>0</v>
      </c>
      <c r="AH29" s="208">
        <v>74</v>
      </c>
      <c r="AI29" s="207">
        <v>94</v>
      </c>
      <c r="AJ29" s="202">
        <v>0</v>
      </c>
      <c r="AK29" s="203">
        <v>0</v>
      </c>
      <c r="AL29" s="208">
        <v>0</v>
      </c>
      <c r="AM29" s="205">
        <v>0</v>
      </c>
      <c r="AN29" s="203">
        <v>0</v>
      </c>
      <c r="AO29" s="203">
        <v>0</v>
      </c>
      <c r="AP29" s="203">
        <v>0</v>
      </c>
      <c r="AQ29" s="203">
        <v>0</v>
      </c>
      <c r="AR29" s="203">
        <v>0</v>
      </c>
      <c r="AS29" s="208">
        <v>0</v>
      </c>
      <c r="AT29" s="207">
        <v>0</v>
      </c>
      <c r="AU29" s="202">
        <v>0</v>
      </c>
      <c r="AV29" s="203">
        <v>0</v>
      </c>
      <c r="AW29" s="208">
        <v>0</v>
      </c>
      <c r="AX29" s="205">
        <v>0</v>
      </c>
      <c r="AY29" s="203">
        <v>21</v>
      </c>
      <c r="AZ29" s="203">
        <v>31</v>
      </c>
      <c r="BA29" s="203">
        <v>18</v>
      </c>
      <c r="BB29" s="203">
        <v>18</v>
      </c>
      <c r="BC29" s="203">
        <v>0</v>
      </c>
      <c r="BD29" s="206">
        <v>88</v>
      </c>
      <c r="BE29" s="207">
        <v>88</v>
      </c>
      <c r="BF29" s="202">
        <v>0</v>
      </c>
      <c r="BG29" s="203">
        <v>0</v>
      </c>
      <c r="BH29" s="208">
        <v>0</v>
      </c>
      <c r="BI29" s="205">
        <v>0</v>
      </c>
      <c r="BJ29" s="203">
        <v>13</v>
      </c>
      <c r="BK29" s="203">
        <v>8</v>
      </c>
      <c r="BL29" s="203">
        <v>9</v>
      </c>
      <c r="BM29" s="203">
        <v>0</v>
      </c>
      <c r="BN29" s="203">
        <v>0</v>
      </c>
      <c r="BO29" s="208">
        <v>30</v>
      </c>
      <c r="BP29" s="207">
        <v>30</v>
      </c>
      <c r="BQ29" s="202">
        <v>0</v>
      </c>
      <c r="BR29" s="203">
        <v>0</v>
      </c>
      <c r="BS29" s="208">
        <v>0</v>
      </c>
      <c r="BT29" s="205">
        <v>0</v>
      </c>
      <c r="BU29" s="203">
        <v>6</v>
      </c>
      <c r="BV29" s="203">
        <v>0</v>
      </c>
      <c r="BW29" s="203">
        <v>7</v>
      </c>
      <c r="BX29" s="203">
        <v>9</v>
      </c>
      <c r="BY29" s="203">
        <v>0</v>
      </c>
      <c r="BZ29" s="208">
        <v>22</v>
      </c>
      <c r="CA29" s="207">
        <v>22</v>
      </c>
      <c r="CB29" s="202">
        <v>0</v>
      </c>
      <c r="CC29" s="203">
        <v>0</v>
      </c>
      <c r="CD29" s="208">
        <v>0</v>
      </c>
      <c r="CE29" s="205">
        <v>0</v>
      </c>
      <c r="CF29" s="203">
        <v>0</v>
      </c>
      <c r="CG29" s="203">
        <v>0</v>
      </c>
      <c r="CH29" s="203">
        <v>0</v>
      </c>
      <c r="CI29" s="203">
        <v>0</v>
      </c>
      <c r="CJ29" s="203">
        <v>0</v>
      </c>
      <c r="CK29" s="208">
        <v>0</v>
      </c>
      <c r="CL29" s="207">
        <v>0</v>
      </c>
      <c r="CM29" s="202">
        <v>0</v>
      </c>
      <c r="CN29" s="203">
        <v>0</v>
      </c>
      <c r="CO29" s="208">
        <v>0</v>
      </c>
      <c r="CP29" s="205">
        <v>0</v>
      </c>
      <c r="CQ29" s="203">
        <v>0</v>
      </c>
      <c r="CR29" s="203">
        <v>0</v>
      </c>
      <c r="CS29" s="203">
        <v>0</v>
      </c>
      <c r="CT29" s="203">
        <v>0</v>
      </c>
      <c r="CU29" s="203">
        <v>0</v>
      </c>
      <c r="CV29" s="208">
        <v>0</v>
      </c>
      <c r="CW29" s="207">
        <v>0</v>
      </c>
      <c r="CX29" s="202">
        <v>0</v>
      </c>
      <c r="CY29" s="203">
        <v>0</v>
      </c>
      <c r="CZ29" s="208">
        <v>0</v>
      </c>
      <c r="DA29" s="205">
        <v>0</v>
      </c>
      <c r="DB29" s="203">
        <v>0</v>
      </c>
      <c r="DC29" s="203">
        <v>0</v>
      </c>
      <c r="DD29" s="203">
        <v>0</v>
      </c>
      <c r="DE29" s="203">
        <v>0</v>
      </c>
      <c r="DF29" s="203">
        <v>0</v>
      </c>
      <c r="DG29" s="208">
        <v>0</v>
      </c>
      <c r="DH29" s="207">
        <v>0</v>
      </c>
    </row>
    <row r="30" spans="2:112" ht="21" customHeight="1" x14ac:dyDescent="0.2">
      <c r="B30" s="173" t="s">
        <v>28</v>
      </c>
      <c r="C30" s="202">
        <v>0</v>
      </c>
      <c r="D30" s="208">
        <v>0</v>
      </c>
      <c r="E30" s="218">
        <v>0</v>
      </c>
      <c r="F30" s="205">
        <v>0</v>
      </c>
      <c r="G30" s="203">
        <v>8</v>
      </c>
      <c r="H30" s="203">
        <v>12</v>
      </c>
      <c r="I30" s="203">
        <v>0</v>
      </c>
      <c r="J30" s="203">
        <v>25</v>
      </c>
      <c r="K30" s="203">
        <v>0</v>
      </c>
      <c r="L30" s="206">
        <v>45</v>
      </c>
      <c r="M30" s="207">
        <v>45</v>
      </c>
      <c r="N30" s="202">
        <v>0</v>
      </c>
      <c r="O30" s="203">
        <v>0</v>
      </c>
      <c r="P30" s="208">
        <v>0</v>
      </c>
      <c r="Q30" s="205">
        <v>0</v>
      </c>
      <c r="R30" s="203">
        <v>0</v>
      </c>
      <c r="S30" s="203">
        <v>0</v>
      </c>
      <c r="T30" s="203">
        <v>0</v>
      </c>
      <c r="U30" s="203">
        <v>0</v>
      </c>
      <c r="V30" s="203">
        <v>0</v>
      </c>
      <c r="W30" s="208">
        <v>0</v>
      </c>
      <c r="X30" s="207">
        <v>0</v>
      </c>
      <c r="Y30" s="202">
        <v>0</v>
      </c>
      <c r="Z30" s="203">
        <v>0</v>
      </c>
      <c r="AA30" s="208">
        <v>0</v>
      </c>
      <c r="AB30" s="205">
        <v>0</v>
      </c>
      <c r="AC30" s="203">
        <v>0</v>
      </c>
      <c r="AD30" s="203">
        <v>14</v>
      </c>
      <c r="AE30" s="203">
        <v>2</v>
      </c>
      <c r="AF30" s="203">
        <v>0</v>
      </c>
      <c r="AG30" s="203">
        <v>0</v>
      </c>
      <c r="AH30" s="208">
        <v>16</v>
      </c>
      <c r="AI30" s="207">
        <v>16</v>
      </c>
      <c r="AJ30" s="202">
        <v>0</v>
      </c>
      <c r="AK30" s="203">
        <v>0</v>
      </c>
      <c r="AL30" s="208">
        <v>0</v>
      </c>
      <c r="AM30" s="205">
        <v>0</v>
      </c>
      <c r="AN30" s="203">
        <v>0</v>
      </c>
      <c r="AO30" s="203">
        <v>0</v>
      </c>
      <c r="AP30" s="203">
        <v>0</v>
      </c>
      <c r="AQ30" s="203">
        <v>0</v>
      </c>
      <c r="AR30" s="203">
        <v>0</v>
      </c>
      <c r="AS30" s="208">
        <v>0</v>
      </c>
      <c r="AT30" s="207">
        <v>0</v>
      </c>
      <c r="AU30" s="202">
        <v>0</v>
      </c>
      <c r="AV30" s="203">
        <v>0</v>
      </c>
      <c r="AW30" s="208">
        <v>0</v>
      </c>
      <c r="AX30" s="205">
        <v>0</v>
      </c>
      <c r="AY30" s="203">
        <v>0</v>
      </c>
      <c r="AZ30" s="203">
        <v>12</v>
      </c>
      <c r="BA30" s="203">
        <v>20</v>
      </c>
      <c r="BB30" s="203">
        <v>0</v>
      </c>
      <c r="BC30" s="203">
        <v>0</v>
      </c>
      <c r="BD30" s="206">
        <v>32</v>
      </c>
      <c r="BE30" s="207">
        <v>32</v>
      </c>
      <c r="BF30" s="202">
        <v>0</v>
      </c>
      <c r="BG30" s="203">
        <v>0</v>
      </c>
      <c r="BH30" s="208">
        <v>0</v>
      </c>
      <c r="BI30" s="205">
        <v>0</v>
      </c>
      <c r="BJ30" s="203">
        <v>0</v>
      </c>
      <c r="BK30" s="203">
        <v>0</v>
      </c>
      <c r="BL30" s="203">
        <v>8</v>
      </c>
      <c r="BM30" s="203">
        <v>0</v>
      </c>
      <c r="BN30" s="203">
        <v>0</v>
      </c>
      <c r="BO30" s="208">
        <v>8</v>
      </c>
      <c r="BP30" s="207">
        <v>8</v>
      </c>
      <c r="BQ30" s="202">
        <v>0</v>
      </c>
      <c r="BR30" s="203">
        <v>0</v>
      </c>
      <c r="BS30" s="208">
        <v>0</v>
      </c>
      <c r="BT30" s="205">
        <v>0</v>
      </c>
      <c r="BU30" s="203">
        <v>0</v>
      </c>
      <c r="BV30" s="203">
        <v>0</v>
      </c>
      <c r="BW30" s="203">
        <v>3</v>
      </c>
      <c r="BX30" s="203">
        <v>0</v>
      </c>
      <c r="BY30" s="203">
        <v>0</v>
      </c>
      <c r="BZ30" s="208">
        <v>3</v>
      </c>
      <c r="CA30" s="207">
        <v>3</v>
      </c>
      <c r="CB30" s="202">
        <v>0</v>
      </c>
      <c r="CC30" s="203">
        <v>0</v>
      </c>
      <c r="CD30" s="208">
        <v>0</v>
      </c>
      <c r="CE30" s="205">
        <v>0</v>
      </c>
      <c r="CF30" s="203">
        <v>0</v>
      </c>
      <c r="CG30" s="203">
        <v>0</v>
      </c>
      <c r="CH30" s="203">
        <v>0</v>
      </c>
      <c r="CI30" s="203">
        <v>0</v>
      </c>
      <c r="CJ30" s="203">
        <v>0</v>
      </c>
      <c r="CK30" s="208">
        <v>0</v>
      </c>
      <c r="CL30" s="207">
        <v>0</v>
      </c>
      <c r="CM30" s="202">
        <v>0</v>
      </c>
      <c r="CN30" s="203">
        <v>0</v>
      </c>
      <c r="CO30" s="208">
        <v>0</v>
      </c>
      <c r="CP30" s="205">
        <v>0</v>
      </c>
      <c r="CQ30" s="203">
        <v>0</v>
      </c>
      <c r="CR30" s="203">
        <v>0</v>
      </c>
      <c r="CS30" s="203">
        <v>0</v>
      </c>
      <c r="CT30" s="203">
        <v>0</v>
      </c>
      <c r="CU30" s="203">
        <v>0</v>
      </c>
      <c r="CV30" s="208">
        <v>0</v>
      </c>
      <c r="CW30" s="207">
        <v>0</v>
      </c>
      <c r="CX30" s="202">
        <v>0</v>
      </c>
      <c r="CY30" s="203">
        <v>0</v>
      </c>
      <c r="CZ30" s="208">
        <v>0</v>
      </c>
      <c r="DA30" s="205">
        <v>0</v>
      </c>
      <c r="DB30" s="203">
        <v>0</v>
      </c>
      <c r="DC30" s="203">
        <v>0</v>
      </c>
      <c r="DD30" s="203">
        <v>0</v>
      </c>
      <c r="DE30" s="203">
        <v>0</v>
      </c>
      <c r="DF30" s="203">
        <v>0</v>
      </c>
      <c r="DG30" s="208">
        <v>0</v>
      </c>
      <c r="DH30" s="207">
        <v>0</v>
      </c>
    </row>
    <row r="31" spans="2:112" ht="21" customHeight="1" x14ac:dyDescent="0.2">
      <c r="B31" s="173" t="s">
        <v>29</v>
      </c>
      <c r="C31" s="202">
        <v>0</v>
      </c>
      <c r="D31" s="208">
        <v>0</v>
      </c>
      <c r="E31" s="218">
        <v>0</v>
      </c>
      <c r="F31" s="205">
        <v>0</v>
      </c>
      <c r="G31" s="203">
        <v>16</v>
      </c>
      <c r="H31" s="203">
        <v>25</v>
      </c>
      <c r="I31" s="203">
        <v>0</v>
      </c>
      <c r="J31" s="203">
        <v>28</v>
      </c>
      <c r="K31" s="203">
        <v>0</v>
      </c>
      <c r="L31" s="206">
        <v>69</v>
      </c>
      <c r="M31" s="207">
        <v>69</v>
      </c>
      <c r="N31" s="202">
        <v>0</v>
      </c>
      <c r="O31" s="203">
        <v>0</v>
      </c>
      <c r="P31" s="208">
        <v>0</v>
      </c>
      <c r="Q31" s="205">
        <v>0</v>
      </c>
      <c r="R31" s="203">
        <v>0</v>
      </c>
      <c r="S31" s="203">
        <v>0</v>
      </c>
      <c r="T31" s="203">
        <v>0</v>
      </c>
      <c r="U31" s="203">
        <v>0</v>
      </c>
      <c r="V31" s="203">
        <v>0</v>
      </c>
      <c r="W31" s="208">
        <v>0</v>
      </c>
      <c r="X31" s="207">
        <v>0</v>
      </c>
      <c r="Y31" s="202">
        <v>0</v>
      </c>
      <c r="Z31" s="203">
        <v>9</v>
      </c>
      <c r="AA31" s="208">
        <v>9</v>
      </c>
      <c r="AB31" s="205">
        <v>0</v>
      </c>
      <c r="AC31" s="203">
        <v>35</v>
      </c>
      <c r="AD31" s="203">
        <v>19</v>
      </c>
      <c r="AE31" s="203">
        <v>53</v>
      </c>
      <c r="AF31" s="203">
        <v>0</v>
      </c>
      <c r="AG31" s="203">
        <v>0</v>
      </c>
      <c r="AH31" s="208">
        <v>107</v>
      </c>
      <c r="AI31" s="207">
        <v>116</v>
      </c>
      <c r="AJ31" s="202">
        <v>0</v>
      </c>
      <c r="AK31" s="203">
        <v>0</v>
      </c>
      <c r="AL31" s="208">
        <v>0</v>
      </c>
      <c r="AM31" s="205">
        <v>0</v>
      </c>
      <c r="AN31" s="203">
        <v>0</v>
      </c>
      <c r="AO31" s="203">
        <v>0</v>
      </c>
      <c r="AP31" s="203">
        <v>0</v>
      </c>
      <c r="AQ31" s="203">
        <v>12</v>
      </c>
      <c r="AR31" s="203">
        <v>0</v>
      </c>
      <c r="AS31" s="208">
        <v>12</v>
      </c>
      <c r="AT31" s="207">
        <v>12</v>
      </c>
      <c r="AU31" s="202">
        <v>0</v>
      </c>
      <c r="AV31" s="203">
        <v>0</v>
      </c>
      <c r="AW31" s="208">
        <v>0</v>
      </c>
      <c r="AX31" s="205">
        <v>0</v>
      </c>
      <c r="AY31" s="203">
        <v>22</v>
      </c>
      <c r="AZ31" s="203">
        <v>4</v>
      </c>
      <c r="BA31" s="203">
        <v>0</v>
      </c>
      <c r="BB31" s="203">
        <v>0</v>
      </c>
      <c r="BC31" s="203">
        <v>0</v>
      </c>
      <c r="BD31" s="206">
        <v>26</v>
      </c>
      <c r="BE31" s="207">
        <v>26</v>
      </c>
      <c r="BF31" s="202">
        <v>0</v>
      </c>
      <c r="BG31" s="203">
        <v>0</v>
      </c>
      <c r="BH31" s="208">
        <v>0</v>
      </c>
      <c r="BI31" s="205">
        <v>0</v>
      </c>
      <c r="BJ31" s="203">
        <v>14</v>
      </c>
      <c r="BK31" s="203">
        <v>0</v>
      </c>
      <c r="BL31" s="203">
        <v>12</v>
      </c>
      <c r="BM31" s="203">
        <v>9</v>
      </c>
      <c r="BN31" s="203">
        <v>0</v>
      </c>
      <c r="BO31" s="208">
        <v>35</v>
      </c>
      <c r="BP31" s="207">
        <v>35</v>
      </c>
      <c r="BQ31" s="202">
        <v>0</v>
      </c>
      <c r="BR31" s="203">
        <v>0</v>
      </c>
      <c r="BS31" s="208">
        <v>0</v>
      </c>
      <c r="BT31" s="205">
        <v>0</v>
      </c>
      <c r="BU31" s="203">
        <v>0</v>
      </c>
      <c r="BV31" s="203">
        <v>0</v>
      </c>
      <c r="BW31" s="203">
        <v>0</v>
      </c>
      <c r="BX31" s="203">
        <v>0</v>
      </c>
      <c r="BY31" s="203">
        <v>0</v>
      </c>
      <c r="BZ31" s="208">
        <v>0</v>
      </c>
      <c r="CA31" s="207">
        <v>0</v>
      </c>
      <c r="CB31" s="202">
        <v>0</v>
      </c>
      <c r="CC31" s="203">
        <v>0</v>
      </c>
      <c r="CD31" s="208">
        <v>0</v>
      </c>
      <c r="CE31" s="205">
        <v>0</v>
      </c>
      <c r="CF31" s="203">
        <v>0</v>
      </c>
      <c r="CG31" s="203">
        <v>0</v>
      </c>
      <c r="CH31" s="203">
        <v>0</v>
      </c>
      <c r="CI31" s="203">
        <v>0</v>
      </c>
      <c r="CJ31" s="203">
        <v>0</v>
      </c>
      <c r="CK31" s="208">
        <v>0</v>
      </c>
      <c r="CL31" s="207">
        <v>0</v>
      </c>
      <c r="CM31" s="202">
        <v>0</v>
      </c>
      <c r="CN31" s="203">
        <v>0</v>
      </c>
      <c r="CO31" s="208">
        <v>0</v>
      </c>
      <c r="CP31" s="205">
        <v>0</v>
      </c>
      <c r="CQ31" s="203">
        <v>0</v>
      </c>
      <c r="CR31" s="203">
        <v>0</v>
      </c>
      <c r="CS31" s="203">
        <v>0</v>
      </c>
      <c r="CT31" s="203">
        <v>0</v>
      </c>
      <c r="CU31" s="203">
        <v>0</v>
      </c>
      <c r="CV31" s="208">
        <v>0</v>
      </c>
      <c r="CW31" s="207">
        <v>0</v>
      </c>
      <c r="CX31" s="202">
        <v>0</v>
      </c>
      <c r="CY31" s="203">
        <v>0</v>
      </c>
      <c r="CZ31" s="208">
        <v>0</v>
      </c>
      <c r="DA31" s="205">
        <v>0</v>
      </c>
      <c r="DB31" s="203">
        <v>0</v>
      </c>
      <c r="DC31" s="203">
        <v>0</v>
      </c>
      <c r="DD31" s="203">
        <v>0</v>
      </c>
      <c r="DE31" s="203">
        <v>0</v>
      </c>
      <c r="DF31" s="203">
        <v>0</v>
      </c>
      <c r="DG31" s="208">
        <v>0</v>
      </c>
      <c r="DH31" s="207">
        <v>0</v>
      </c>
    </row>
    <row r="32" spans="2:112" ht="21" customHeight="1" x14ac:dyDescent="0.2">
      <c r="B32" s="173" t="s">
        <v>30</v>
      </c>
      <c r="C32" s="202">
        <v>0</v>
      </c>
      <c r="D32" s="208">
        <v>0</v>
      </c>
      <c r="E32" s="218">
        <v>0</v>
      </c>
      <c r="F32" s="205">
        <v>0</v>
      </c>
      <c r="G32" s="203">
        <v>12</v>
      </c>
      <c r="H32" s="203">
        <v>13</v>
      </c>
      <c r="I32" s="203">
        <v>54</v>
      </c>
      <c r="J32" s="203">
        <v>42</v>
      </c>
      <c r="K32" s="203">
        <v>0</v>
      </c>
      <c r="L32" s="206">
        <v>121</v>
      </c>
      <c r="M32" s="207">
        <v>121</v>
      </c>
      <c r="N32" s="202">
        <v>0</v>
      </c>
      <c r="O32" s="203">
        <v>0</v>
      </c>
      <c r="P32" s="208">
        <v>0</v>
      </c>
      <c r="Q32" s="205">
        <v>0</v>
      </c>
      <c r="R32" s="203">
        <v>7</v>
      </c>
      <c r="S32" s="203">
        <v>5</v>
      </c>
      <c r="T32" s="203">
        <v>4</v>
      </c>
      <c r="U32" s="203">
        <v>0</v>
      </c>
      <c r="V32" s="203">
        <v>0</v>
      </c>
      <c r="W32" s="208">
        <v>16</v>
      </c>
      <c r="X32" s="207">
        <v>16</v>
      </c>
      <c r="Y32" s="202">
        <v>0</v>
      </c>
      <c r="Z32" s="203">
        <v>0</v>
      </c>
      <c r="AA32" s="208">
        <v>0</v>
      </c>
      <c r="AB32" s="205">
        <v>0</v>
      </c>
      <c r="AC32" s="203">
        <v>4</v>
      </c>
      <c r="AD32" s="203">
        <v>13</v>
      </c>
      <c r="AE32" s="203">
        <v>4</v>
      </c>
      <c r="AF32" s="203">
        <v>0</v>
      </c>
      <c r="AG32" s="203">
        <v>0</v>
      </c>
      <c r="AH32" s="208">
        <v>21</v>
      </c>
      <c r="AI32" s="207">
        <v>21</v>
      </c>
      <c r="AJ32" s="202">
        <v>0</v>
      </c>
      <c r="AK32" s="203">
        <v>0</v>
      </c>
      <c r="AL32" s="208">
        <v>0</v>
      </c>
      <c r="AM32" s="205">
        <v>0</v>
      </c>
      <c r="AN32" s="203">
        <v>0</v>
      </c>
      <c r="AO32" s="203">
        <v>12</v>
      </c>
      <c r="AP32" s="203">
        <v>0</v>
      </c>
      <c r="AQ32" s="203">
        <v>0</v>
      </c>
      <c r="AR32" s="203">
        <v>0</v>
      </c>
      <c r="AS32" s="208">
        <v>12</v>
      </c>
      <c r="AT32" s="207">
        <v>12</v>
      </c>
      <c r="AU32" s="202">
        <v>0</v>
      </c>
      <c r="AV32" s="203">
        <v>0</v>
      </c>
      <c r="AW32" s="208">
        <v>0</v>
      </c>
      <c r="AX32" s="205">
        <v>0</v>
      </c>
      <c r="AY32" s="203">
        <v>5</v>
      </c>
      <c r="AZ32" s="203">
        <v>4</v>
      </c>
      <c r="BA32" s="203">
        <v>4</v>
      </c>
      <c r="BB32" s="203">
        <v>0</v>
      </c>
      <c r="BC32" s="203">
        <v>0</v>
      </c>
      <c r="BD32" s="206">
        <v>13</v>
      </c>
      <c r="BE32" s="207">
        <v>13</v>
      </c>
      <c r="BF32" s="202">
        <v>0</v>
      </c>
      <c r="BG32" s="203">
        <v>0</v>
      </c>
      <c r="BH32" s="208">
        <v>0</v>
      </c>
      <c r="BI32" s="205">
        <v>0</v>
      </c>
      <c r="BJ32" s="203">
        <v>5</v>
      </c>
      <c r="BK32" s="203">
        <v>0</v>
      </c>
      <c r="BL32" s="203">
        <v>0</v>
      </c>
      <c r="BM32" s="203">
        <v>15</v>
      </c>
      <c r="BN32" s="203">
        <v>0</v>
      </c>
      <c r="BO32" s="208">
        <v>20</v>
      </c>
      <c r="BP32" s="207">
        <v>20</v>
      </c>
      <c r="BQ32" s="202">
        <v>0</v>
      </c>
      <c r="BR32" s="203">
        <v>0</v>
      </c>
      <c r="BS32" s="208">
        <v>0</v>
      </c>
      <c r="BT32" s="205">
        <v>0</v>
      </c>
      <c r="BU32" s="203">
        <v>0</v>
      </c>
      <c r="BV32" s="203">
        <v>0</v>
      </c>
      <c r="BW32" s="203">
        <v>0</v>
      </c>
      <c r="BX32" s="203">
        <v>9</v>
      </c>
      <c r="BY32" s="203">
        <v>0</v>
      </c>
      <c r="BZ32" s="208">
        <v>9</v>
      </c>
      <c r="CA32" s="207">
        <v>9</v>
      </c>
      <c r="CB32" s="202">
        <v>0</v>
      </c>
      <c r="CC32" s="203">
        <v>0</v>
      </c>
      <c r="CD32" s="208">
        <v>0</v>
      </c>
      <c r="CE32" s="205">
        <v>0</v>
      </c>
      <c r="CF32" s="203">
        <v>2</v>
      </c>
      <c r="CG32" s="203">
        <v>0</v>
      </c>
      <c r="CH32" s="203">
        <v>0</v>
      </c>
      <c r="CI32" s="203">
        <v>0</v>
      </c>
      <c r="CJ32" s="203">
        <v>0</v>
      </c>
      <c r="CK32" s="208">
        <v>2</v>
      </c>
      <c r="CL32" s="207">
        <v>2</v>
      </c>
      <c r="CM32" s="202">
        <v>0</v>
      </c>
      <c r="CN32" s="203">
        <v>0</v>
      </c>
      <c r="CO32" s="208">
        <v>0</v>
      </c>
      <c r="CP32" s="205">
        <v>0</v>
      </c>
      <c r="CQ32" s="203">
        <v>0</v>
      </c>
      <c r="CR32" s="203">
        <v>0</v>
      </c>
      <c r="CS32" s="203">
        <v>0</v>
      </c>
      <c r="CT32" s="203">
        <v>0</v>
      </c>
      <c r="CU32" s="203">
        <v>0</v>
      </c>
      <c r="CV32" s="208">
        <v>0</v>
      </c>
      <c r="CW32" s="207">
        <v>0</v>
      </c>
      <c r="CX32" s="202">
        <v>0</v>
      </c>
      <c r="CY32" s="203">
        <v>0</v>
      </c>
      <c r="CZ32" s="208">
        <v>0</v>
      </c>
      <c r="DA32" s="205">
        <v>0</v>
      </c>
      <c r="DB32" s="203">
        <v>0</v>
      </c>
      <c r="DC32" s="203">
        <v>0</v>
      </c>
      <c r="DD32" s="203">
        <v>0</v>
      </c>
      <c r="DE32" s="203">
        <v>0</v>
      </c>
      <c r="DF32" s="203">
        <v>0</v>
      </c>
      <c r="DG32" s="208">
        <v>0</v>
      </c>
      <c r="DH32" s="207">
        <v>0</v>
      </c>
    </row>
    <row r="33" spans="2:112" ht="21" customHeight="1" x14ac:dyDescent="0.2">
      <c r="B33" s="173" t="s">
        <v>31</v>
      </c>
      <c r="C33" s="202">
        <v>0</v>
      </c>
      <c r="D33" s="208">
        <v>0</v>
      </c>
      <c r="E33" s="218">
        <v>0</v>
      </c>
      <c r="F33" s="205">
        <v>0</v>
      </c>
      <c r="G33" s="203">
        <v>5</v>
      </c>
      <c r="H33" s="203">
        <v>0</v>
      </c>
      <c r="I33" s="203">
        <v>0</v>
      </c>
      <c r="J33" s="203">
        <v>0</v>
      </c>
      <c r="K33" s="203">
        <v>0</v>
      </c>
      <c r="L33" s="206">
        <v>5</v>
      </c>
      <c r="M33" s="207">
        <v>5</v>
      </c>
      <c r="N33" s="202">
        <v>0</v>
      </c>
      <c r="O33" s="203">
        <v>0</v>
      </c>
      <c r="P33" s="208">
        <v>0</v>
      </c>
      <c r="Q33" s="205">
        <v>0</v>
      </c>
      <c r="R33" s="203">
        <v>0</v>
      </c>
      <c r="S33" s="203">
        <v>0</v>
      </c>
      <c r="T33" s="203">
        <v>0</v>
      </c>
      <c r="U33" s="203">
        <v>0</v>
      </c>
      <c r="V33" s="203">
        <v>7</v>
      </c>
      <c r="W33" s="208">
        <v>7</v>
      </c>
      <c r="X33" s="207">
        <v>7</v>
      </c>
      <c r="Y33" s="202">
        <v>0</v>
      </c>
      <c r="Z33" s="203">
        <v>0</v>
      </c>
      <c r="AA33" s="208">
        <v>0</v>
      </c>
      <c r="AB33" s="205">
        <v>0</v>
      </c>
      <c r="AC33" s="203">
        <v>37</v>
      </c>
      <c r="AD33" s="203">
        <v>0</v>
      </c>
      <c r="AE33" s="203">
        <v>20</v>
      </c>
      <c r="AF33" s="203">
        <v>0</v>
      </c>
      <c r="AG33" s="203">
        <v>25</v>
      </c>
      <c r="AH33" s="208">
        <v>82</v>
      </c>
      <c r="AI33" s="207">
        <v>82</v>
      </c>
      <c r="AJ33" s="202">
        <v>0</v>
      </c>
      <c r="AK33" s="203">
        <v>0</v>
      </c>
      <c r="AL33" s="208">
        <v>0</v>
      </c>
      <c r="AM33" s="205">
        <v>0</v>
      </c>
      <c r="AN33" s="203">
        <v>0</v>
      </c>
      <c r="AO33" s="203">
        <v>0</v>
      </c>
      <c r="AP33" s="203">
        <v>0</v>
      </c>
      <c r="AQ33" s="203">
        <v>0</v>
      </c>
      <c r="AR33" s="203">
        <v>0</v>
      </c>
      <c r="AS33" s="208">
        <v>0</v>
      </c>
      <c r="AT33" s="207">
        <v>0</v>
      </c>
      <c r="AU33" s="202">
        <v>0</v>
      </c>
      <c r="AV33" s="203">
        <v>0</v>
      </c>
      <c r="AW33" s="208">
        <v>0</v>
      </c>
      <c r="AX33" s="205">
        <v>0</v>
      </c>
      <c r="AY33" s="203">
        <v>11</v>
      </c>
      <c r="AZ33" s="203">
        <v>3</v>
      </c>
      <c r="BA33" s="203">
        <v>28</v>
      </c>
      <c r="BB33" s="203">
        <v>0</v>
      </c>
      <c r="BC33" s="203">
        <v>0</v>
      </c>
      <c r="BD33" s="206">
        <v>42</v>
      </c>
      <c r="BE33" s="207">
        <v>42</v>
      </c>
      <c r="BF33" s="202">
        <v>0</v>
      </c>
      <c r="BG33" s="203">
        <v>0</v>
      </c>
      <c r="BH33" s="208">
        <v>0</v>
      </c>
      <c r="BI33" s="205">
        <v>0</v>
      </c>
      <c r="BJ33" s="203">
        <v>8</v>
      </c>
      <c r="BK33" s="203">
        <v>0</v>
      </c>
      <c r="BL33" s="203">
        <v>17</v>
      </c>
      <c r="BM33" s="203">
        <v>0</v>
      </c>
      <c r="BN33" s="203">
        <v>0</v>
      </c>
      <c r="BO33" s="208">
        <v>25</v>
      </c>
      <c r="BP33" s="207">
        <v>25</v>
      </c>
      <c r="BQ33" s="202">
        <v>0</v>
      </c>
      <c r="BR33" s="203">
        <v>0</v>
      </c>
      <c r="BS33" s="208">
        <v>0</v>
      </c>
      <c r="BT33" s="205">
        <v>0</v>
      </c>
      <c r="BU33" s="203">
        <v>0</v>
      </c>
      <c r="BV33" s="203">
        <v>0</v>
      </c>
      <c r="BW33" s="203">
        <v>0</v>
      </c>
      <c r="BX33" s="203">
        <v>0</v>
      </c>
      <c r="BY33" s="203">
        <v>0</v>
      </c>
      <c r="BZ33" s="208">
        <v>0</v>
      </c>
      <c r="CA33" s="207">
        <v>0</v>
      </c>
      <c r="CB33" s="202">
        <v>0</v>
      </c>
      <c r="CC33" s="203">
        <v>0</v>
      </c>
      <c r="CD33" s="208">
        <v>0</v>
      </c>
      <c r="CE33" s="205">
        <v>0</v>
      </c>
      <c r="CF33" s="203">
        <v>0</v>
      </c>
      <c r="CG33" s="203">
        <v>0</v>
      </c>
      <c r="CH33" s="203">
        <v>0</v>
      </c>
      <c r="CI33" s="203">
        <v>0</v>
      </c>
      <c r="CJ33" s="203">
        <v>0</v>
      </c>
      <c r="CK33" s="208">
        <v>0</v>
      </c>
      <c r="CL33" s="207">
        <v>0</v>
      </c>
      <c r="CM33" s="202">
        <v>0</v>
      </c>
      <c r="CN33" s="203">
        <v>0</v>
      </c>
      <c r="CO33" s="208">
        <v>0</v>
      </c>
      <c r="CP33" s="205">
        <v>0</v>
      </c>
      <c r="CQ33" s="203">
        <v>0</v>
      </c>
      <c r="CR33" s="203">
        <v>0</v>
      </c>
      <c r="CS33" s="203">
        <v>0</v>
      </c>
      <c r="CT33" s="203">
        <v>0</v>
      </c>
      <c r="CU33" s="203">
        <v>0</v>
      </c>
      <c r="CV33" s="208">
        <v>0</v>
      </c>
      <c r="CW33" s="207">
        <v>0</v>
      </c>
      <c r="CX33" s="202">
        <v>0</v>
      </c>
      <c r="CY33" s="203">
        <v>0</v>
      </c>
      <c r="CZ33" s="208">
        <v>0</v>
      </c>
      <c r="DA33" s="205">
        <v>0</v>
      </c>
      <c r="DB33" s="203">
        <v>0</v>
      </c>
      <c r="DC33" s="203">
        <v>0</v>
      </c>
      <c r="DD33" s="203">
        <v>0</v>
      </c>
      <c r="DE33" s="203">
        <v>0</v>
      </c>
      <c r="DF33" s="203">
        <v>0</v>
      </c>
      <c r="DG33" s="208">
        <v>0</v>
      </c>
      <c r="DH33" s="207">
        <v>0</v>
      </c>
    </row>
    <row r="34" spans="2:112" ht="21" customHeight="1" x14ac:dyDescent="0.2">
      <c r="B34" s="173" t="s">
        <v>32</v>
      </c>
      <c r="C34" s="202">
        <v>0</v>
      </c>
      <c r="D34" s="208">
        <v>0</v>
      </c>
      <c r="E34" s="218">
        <v>0</v>
      </c>
      <c r="F34" s="205">
        <v>0</v>
      </c>
      <c r="G34" s="203">
        <v>8</v>
      </c>
      <c r="H34" s="203">
        <v>0</v>
      </c>
      <c r="I34" s="203">
        <v>1</v>
      </c>
      <c r="J34" s="203">
        <v>0</v>
      </c>
      <c r="K34" s="203">
        <v>0</v>
      </c>
      <c r="L34" s="206">
        <v>9</v>
      </c>
      <c r="M34" s="207">
        <v>9</v>
      </c>
      <c r="N34" s="202">
        <v>0</v>
      </c>
      <c r="O34" s="203">
        <v>0</v>
      </c>
      <c r="P34" s="208">
        <v>0</v>
      </c>
      <c r="Q34" s="205">
        <v>0</v>
      </c>
      <c r="R34" s="203">
        <v>0</v>
      </c>
      <c r="S34" s="203">
        <v>0</v>
      </c>
      <c r="T34" s="203">
        <v>0</v>
      </c>
      <c r="U34" s="203">
        <v>0</v>
      </c>
      <c r="V34" s="203">
        <v>0</v>
      </c>
      <c r="W34" s="208">
        <v>0</v>
      </c>
      <c r="X34" s="207">
        <v>0</v>
      </c>
      <c r="Y34" s="202">
        <v>0</v>
      </c>
      <c r="Z34" s="203">
        <v>3</v>
      </c>
      <c r="AA34" s="208">
        <v>3</v>
      </c>
      <c r="AB34" s="205">
        <v>0</v>
      </c>
      <c r="AC34" s="203">
        <v>33</v>
      </c>
      <c r="AD34" s="203">
        <v>0</v>
      </c>
      <c r="AE34" s="203">
        <v>0</v>
      </c>
      <c r="AF34" s="203">
        <v>0</v>
      </c>
      <c r="AG34" s="203">
        <v>16</v>
      </c>
      <c r="AH34" s="208">
        <v>49</v>
      </c>
      <c r="AI34" s="207">
        <v>52</v>
      </c>
      <c r="AJ34" s="202">
        <v>0</v>
      </c>
      <c r="AK34" s="203">
        <v>0</v>
      </c>
      <c r="AL34" s="208">
        <v>0</v>
      </c>
      <c r="AM34" s="205">
        <v>0</v>
      </c>
      <c r="AN34" s="203">
        <v>0</v>
      </c>
      <c r="AO34" s="203">
        <v>12</v>
      </c>
      <c r="AP34" s="203">
        <v>0</v>
      </c>
      <c r="AQ34" s="203">
        <v>12</v>
      </c>
      <c r="AR34" s="203">
        <v>0</v>
      </c>
      <c r="AS34" s="208">
        <v>24</v>
      </c>
      <c r="AT34" s="207">
        <v>24</v>
      </c>
      <c r="AU34" s="202">
        <v>0</v>
      </c>
      <c r="AV34" s="203">
        <v>0</v>
      </c>
      <c r="AW34" s="208">
        <v>0</v>
      </c>
      <c r="AX34" s="205">
        <v>0</v>
      </c>
      <c r="AY34" s="203">
        <v>17</v>
      </c>
      <c r="AZ34" s="203">
        <v>52</v>
      </c>
      <c r="BA34" s="203">
        <v>0</v>
      </c>
      <c r="BB34" s="203">
        <v>15</v>
      </c>
      <c r="BC34" s="203">
        <v>34</v>
      </c>
      <c r="BD34" s="206">
        <v>118</v>
      </c>
      <c r="BE34" s="207">
        <v>118</v>
      </c>
      <c r="BF34" s="202">
        <v>0</v>
      </c>
      <c r="BG34" s="203">
        <v>0</v>
      </c>
      <c r="BH34" s="208">
        <v>0</v>
      </c>
      <c r="BI34" s="205">
        <v>0</v>
      </c>
      <c r="BJ34" s="203">
        <v>0</v>
      </c>
      <c r="BK34" s="203">
        <v>11</v>
      </c>
      <c r="BL34" s="203">
        <v>0</v>
      </c>
      <c r="BM34" s="203">
        <v>12</v>
      </c>
      <c r="BN34" s="203">
        <v>5</v>
      </c>
      <c r="BO34" s="208">
        <v>28</v>
      </c>
      <c r="BP34" s="207">
        <v>28</v>
      </c>
      <c r="BQ34" s="202">
        <v>0</v>
      </c>
      <c r="BR34" s="203">
        <v>0</v>
      </c>
      <c r="BS34" s="208">
        <v>0</v>
      </c>
      <c r="BT34" s="205">
        <v>0</v>
      </c>
      <c r="BU34" s="203">
        <v>0</v>
      </c>
      <c r="BV34" s="203">
        <v>3</v>
      </c>
      <c r="BW34" s="203">
        <v>0</v>
      </c>
      <c r="BX34" s="203">
        <v>7</v>
      </c>
      <c r="BY34" s="203">
        <v>2</v>
      </c>
      <c r="BZ34" s="208">
        <v>12</v>
      </c>
      <c r="CA34" s="207">
        <v>12</v>
      </c>
      <c r="CB34" s="202">
        <v>0</v>
      </c>
      <c r="CC34" s="203">
        <v>0</v>
      </c>
      <c r="CD34" s="208">
        <v>0</v>
      </c>
      <c r="CE34" s="205">
        <v>0</v>
      </c>
      <c r="CF34" s="203">
        <v>0</v>
      </c>
      <c r="CG34" s="203">
        <v>0</v>
      </c>
      <c r="CH34" s="203">
        <v>0</v>
      </c>
      <c r="CI34" s="203">
        <v>0</v>
      </c>
      <c r="CJ34" s="203">
        <v>3</v>
      </c>
      <c r="CK34" s="208">
        <v>3</v>
      </c>
      <c r="CL34" s="207">
        <v>3</v>
      </c>
      <c r="CM34" s="202">
        <v>0</v>
      </c>
      <c r="CN34" s="203">
        <v>0</v>
      </c>
      <c r="CO34" s="208">
        <v>0</v>
      </c>
      <c r="CP34" s="205">
        <v>0</v>
      </c>
      <c r="CQ34" s="203">
        <v>0</v>
      </c>
      <c r="CR34" s="203">
        <v>0</v>
      </c>
      <c r="CS34" s="203">
        <v>0</v>
      </c>
      <c r="CT34" s="203">
        <v>0</v>
      </c>
      <c r="CU34" s="203">
        <v>0</v>
      </c>
      <c r="CV34" s="208">
        <v>0</v>
      </c>
      <c r="CW34" s="207">
        <v>0</v>
      </c>
      <c r="CX34" s="202">
        <v>0</v>
      </c>
      <c r="CY34" s="203">
        <v>0</v>
      </c>
      <c r="CZ34" s="208">
        <v>0</v>
      </c>
      <c r="DA34" s="205">
        <v>0</v>
      </c>
      <c r="DB34" s="203">
        <v>0</v>
      </c>
      <c r="DC34" s="203">
        <v>0</v>
      </c>
      <c r="DD34" s="203">
        <v>0</v>
      </c>
      <c r="DE34" s="203">
        <v>0</v>
      </c>
      <c r="DF34" s="203">
        <v>0</v>
      </c>
      <c r="DG34" s="208">
        <v>0</v>
      </c>
      <c r="DH34" s="207">
        <v>0</v>
      </c>
    </row>
    <row r="35" spans="2:112" ht="21" customHeight="1" x14ac:dyDescent="0.2">
      <c r="B35" s="173" t="s">
        <v>33</v>
      </c>
      <c r="C35" s="202">
        <v>0</v>
      </c>
      <c r="D35" s="208">
        <v>0</v>
      </c>
      <c r="E35" s="218">
        <v>0</v>
      </c>
      <c r="F35" s="205">
        <v>0</v>
      </c>
      <c r="G35" s="203">
        <v>29</v>
      </c>
      <c r="H35" s="203">
        <v>0</v>
      </c>
      <c r="I35" s="203">
        <v>0</v>
      </c>
      <c r="J35" s="203">
        <v>0</v>
      </c>
      <c r="K35" s="203">
        <v>91</v>
      </c>
      <c r="L35" s="206">
        <v>120</v>
      </c>
      <c r="M35" s="207">
        <v>120</v>
      </c>
      <c r="N35" s="202">
        <v>0</v>
      </c>
      <c r="O35" s="203">
        <v>0</v>
      </c>
      <c r="P35" s="208">
        <v>0</v>
      </c>
      <c r="Q35" s="205">
        <v>0</v>
      </c>
      <c r="R35" s="203">
        <v>0</v>
      </c>
      <c r="S35" s="203">
        <v>0</v>
      </c>
      <c r="T35" s="203">
        <v>0</v>
      </c>
      <c r="U35" s="203">
        <v>0</v>
      </c>
      <c r="V35" s="203">
        <v>0</v>
      </c>
      <c r="W35" s="208">
        <v>0</v>
      </c>
      <c r="X35" s="207">
        <v>0</v>
      </c>
      <c r="Y35" s="202">
        <v>0</v>
      </c>
      <c r="Z35" s="203">
        <v>0</v>
      </c>
      <c r="AA35" s="208">
        <v>0</v>
      </c>
      <c r="AB35" s="205">
        <v>0</v>
      </c>
      <c r="AC35" s="203">
        <v>4</v>
      </c>
      <c r="AD35" s="203">
        <v>27</v>
      </c>
      <c r="AE35" s="203">
        <v>0</v>
      </c>
      <c r="AF35" s="203">
        <v>0</v>
      </c>
      <c r="AG35" s="203">
        <v>3</v>
      </c>
      <c r="AH35" s="208">
        <v>34</v>
      </c>
      <c r="AI35" s="207">
        <v>34</v>
      </c>
      <c r="AJ35" s="202">
        <v>0</v>
      </c>
      <c r="AK35" s="203">
        <v>9</v>
      </c>
      <c r="AL35" s="208">
        <v>9</v>
      </c>
      <c r="AM35" s="205">
        <v>0</v>
      </c>
      <c r="AN35" s="203">
        <v>27</v>
      </c>
      <c r="AO35" s="203">
        <v>21</v>
      </c>
      <c r="AP35" s="203">
        <v>9</v>
      </c>
      <c r="AQ35" s="203">
        <v>21</v>
      </c>
      <c r="AR35" s="203">
        <v>0</v>
      </c>
      <c r="AS35" s="208">
        <v>78</v>
      </c>
      <c r="AT35" s="207">
        <v>87</v>
      </c>
      <c r="AU35" s="202">
        <v>0</v>
      </c>
      <c r="AV35" s="203">
        <v>0</v>
      </c>
      <c r="AW35" s="208">
        <v>0</v>
      </c>
      <c r="AX35" s="205">
        <v>0</v>
      </c>
      <c r="AY35" s="203">
        <v>15</v>
      </c>
      <c r="AZ35" s="203">
        <v>0</v>
      </c>
      <c r="BA35" s="203">
        <v>0</v>
      </c>
      <c r="BB35" s="203">
        <v>0</v>
      </c>
      <c r="BC35" s="203">
        <v>12</v>
      </c>
      <c r="BD35" s="206">
        <v>27</v>
      </c>
      <c r="BE35" s="207">
        <v>27</v>
      </c>
      <c r="BF35" s="202">
        <v>0</v>
      </c>
      <c r="BG35" s="203">
        <v>0</v>
      </c>
      <c r="BH35" s="208">
        <v>0</v>
      </c>
      <c r="BI35" s="205">
        <v>0</v>
      </c>
      <c r="BJ35" s="203">
        <v>0</v>
      </c>
      <c r="BK35" s="203">
        <v>0</v>
      </c>
      <c r="BL35" s="203">
        <v>3</v>
      </c>
      <c r="BM35" s="203">
        <v>0</v>
      </c>
      <c r="BN35" s="203">
        <v>0</v>
      </c>
      <c r="BO35" s="208">
        <v>3</v>
      </c>
      <c r="BP35" s="207">
        <v>3</v>
      </c>
      <c r="BQ35" s="202">
        <v>0</v>
      </c>
      <c r="BR35" s="203">
        <v>0</v>
      </c>
      <c r="BS35" s="208">
        <v>0</v>
      </c>
      <c r="BT35" s="205">
        <v>0</v>
      </c>
      <c r="BU35" s="203">
        <v>38</v>
      </c>
      <c r="BV35" s="203">
        <v>0</v>
      </c>
      <c r="BW35" s="203">
        <v>3</v>
      </c>
      <c r="BX35" s="203">
        <v>2</v>
      </c>
      <c r="BY35" s="203">
        <v>0</v>
      </c>
      <c r="BZ35" s="208">
        <v>43</v>
      </c>
      <c r="CA35" s="207">
        <v>43</v>
      </c>
      <c r="CB35" s="202">
        <v>0</v>
      </c>
      <c r="CC35" s="203">
        <v>0</v>
      </c>
      <c r="CD35" s="208">
        <v>0</v>
      </c>
      <c r="CE35" s="205">
        <v>0</v>
      </c>
      <c r="CF35" s="203">
        <v>8</v>
      </c>
      <c r="CG35" s="203">
        <v>0</v>
      </c>
      <c r="CH35" s="203">
        <v>0</v>
      </c>
      <c r="CI35" s="203">
        <v>0</v>
      </c>
      <c r="CJ35" s="203">
        <v>0</v>
      </c>
      <c r="CK35" s="208">
        <v>8</v>
      </c>
      <c r="CL35" s="207">
        <v>8</v>
      </c>
      <c r="CM35" s="202">
        <v>0</v>
      </c>
      <c r="CN35" s="203">
        <v>0</v>
      </c>
      <c r="CO35" s="208">
        <v>0</v>
      </c>
      <c r="CP35" s="205">
        <v>0</v>
      </c>
      <c r="CQ35" s="203">
        <v>0</v>
      </c>
      <c r="CR35" s="203">
        <v>0</v>
      </c>
      <c r="CS35" s="203">
        <v>0</v>
      </c>
      <c r="CT35" s="203">
        <v>0</v>
      </c>
      <c r="CU35" s="203">
        <v>0</v>
      </c>
      <c r="CV35" s="208">
        <v>0</v>
      </c>
      <c r="CW35" s="207">
        <v>0</v>
      </c>
      <c r="CX35" s="202">
        <v>0</v>
      </c>
      <c r="CY35" s="203">
        <v>0</v>
      </c>
      <c r="CZ35" s="208">
        <v>0</v>
      </c>
      <c r="DA35" s="205">
        <v>0</v>
      </c>
      <c r="DB35" s="203">
        <v>0</v>
      </c>
      <c r="DC35" s="203">
        <v>0</v>
      </c>
      <c r="DD35" s="203">
        <v>0</v>
      </c>
      <c r="DE35" s="203">
        <v>0</v>
      </c>
      <c r="DF35" s="203">
        <v>0</v>
      </c>
      <c r="DG35" s="208">
        <v>0</v>
      </c>
      <c r="DH35" s="207">
        <v>0</v>
      </c>
    </row>
    <row r="36" spans="2:112" ht="21" customHeight="1" x14ac:dyDescent="0.2">
      <c r="B36" s="173" t="s">
        <v>34</v>
      </c>
      <c r="C36" s="202">
        <v>0</v>
      </c>
      <c r="D36" s="208">
        <v>0</v>
      </c>
      <c r="E36" s="218">
        <v>0</v>
      </c>
      <c r="F36" s="205">
        <v>0</v>
      </c>
      <c r="G36" s="203">
        <v>12</v>
      </c>
      <c r="H36" s="203">
        <v>0</v>
      </c>
      <c r="I36" s="203">
        <v>0</v>
      </c>
      <c r="J36" s="203">
        <v>0</v>
      </c>
      <c r="K36" s="203">
        <v>0</v>
      </c>
      <c r="L36" s="206">
        <v>12</v>
      </c>
      <c r="M36" s="207">
        <v>12</v>
      </c>
      <c r="N36" s="202">
        <v>0</v>
      </c>
      <c r="O36" s="203">
        <v>0</v>
      </c>
      <c r="P36" s="208">
        <v>0</v>
      </c>
      <c r="Q36" s="205">
        <v>0</v>
      </c>
      <c r="R36" s="203">
        <v>0</v>
      </c>
      <c r="S36" s="203">
        <v>0</v>
      </c>
      <c r="T36" s="203">
        <v>0</v>
      </c>
      <c r="U36" s="203">
        <v>0</v>
      </c>
      <c r="V36" s="203">
        <v>0</v>
      </c>
      <c r="W36" s="208">
        <v>0</v>
      </c>
      <c r="X36" s="207">
        <v>0</v>
      </c>
      <c r="Y36" s="202">
        <v>0</v>
      </c>
      <c r="Z36" s="203">
        <v>17</v>
      </c>
      <c r="AA36" s="208">
        <v>17</v>
      </c>
      <c r="AB36" s="205">
        <v>0</v>
      </c>
      <c r="AC36" s="203">
        <v>0</v>
      </c>
      <c r="AD36" s="203">
        <v>0</v>
      </c>
      <c r="AE36" s="203">
        <v>0</v>
      </c>
      <c r="AF36" s="203">
        <v>0</v>
      </c>
      <c r="AG36" s="203">
        <v>0</v>
      </c>
      <c r="AH36" s="208">
        <v>0</v>
      </c>
      <c r="AI36" s="207">
        <v>17</v>
      </c>
      <c r="AJ36" s="202">
        <v>0</v>
      </c>
      <c r="AK36" s="203">
        <v>0</v>
      </c>
      <c r="AL36" s="208">
        <v>0</v>
      </c>
      <c r="AM36" s="205">
        <v>0</v>
      </c>
      <c r="AN36" s="203">
        <v>0</v>
      </c>
      <c r="AO36" s="203">
        <v>26</v>
      </c>
      <c r="AP36" s="203">
        <v>0</v>
      </c>
      <c r="AQ36" s="203">
        <v>0</v>
      </c>
      <c r="AR36" s="203">
        <v>0</v>
      </c>
      <c r="AS36" s="208">
        <v>26</v>
      </c>
      <c r="AT36" s="207">
        <v>26</v>
      </c>
      <c r="AU36" s="202">
        <v>0</v>
      </c>
      <c r="AV36" s="203">
        <v>0</v>
      </c>
      <c r="AW36" s="208">
        <v>0</v>
      </c>
      <c r="AX36" s="205">
        <v>0</v>
      </c>
      <c r="AY36" s="203">
        <v>0</v>
      </c>
      <c r="AZ36" s="203">
        <v>14</v>
      </c>
      <c r="BA36" s="203">
        <v>22</v>
      </c>
      <c r="BB36" s="203">
        <v>0</v>
      </c>
      <c r="BC36" s="203">
        <v>0</v>
      </c>
      <c r="BD36" s="206">
        <v>36</v>
      </c>
      <c r="BE36" s="207">
        <v>36</v>
      </c>
      <c r="BF36" s="202">
        <v>0</v>
      </c>
      <c r="BG36" s="203">
        <v>0</v>
      </c>
      <c r="BH36" s="208">
        <v>0</v>
      </c>
      <c r="BI36" s="205">
        <v>0</v>
      </c>
      <c r="BJ36" s="203">
        <v>0</v>
      </c>
      <c r="BK36" s="203">
        <v>0</v>
      </c>
      <c r="BL36" s="203">
        <v>0</v>
      </c>
      <c r="BM36" s="203">
        <v>0</v>
      </c>
      <c r="BN36" s="203">
        <v>0</v>
      </c>
      <c r="BO36" s="208">
        <v>0</v>
      </c>
      <c r="BP36" s="207">
        <v>0</v>
      </c>
      <c r="BQ36" s="202">
        <v>0</v>
      </c>
      <c r="BR36" s="203">
        <v>0</v>
      </c>
      <c r="BS36" s="208">
        <v>0</v>
      </c>
      <c r="BT36" s="205">
        <v>0</v>
      </c>
      <c r="BU36" s="203">
        <v>0</v>
      </c>
      <c r="BV36" s="203">
        <v>0</v>
      </c>
      <c r="BW36" s="203">
        <v>2</v>
      </c>
      <c r="BX36" s="203">
        <v>0</v>
      </c>
      <c r="BY36" s="203">
        <v>0</v>
      </c>
      <c r="BZ36" s="208">
        <v>2</v>
      </c>
      <c r="CA36" s="207">
        <v>2</v>
      </c>
      <c r="CB36" s="202">
        <v>0</v>
      </c>
      <c r="CC36" s="203">
        <v>0</v>
      </c>
      <c r="CD36" s="208">
        <v>0</v>
      </c>
      <c r="CE36" s="205">
        <v>0</v>
      </c>
      <c r="CF36" s="203">
        <v>0</v>
      </c>
      <c r="CG36" s="203">
        <v>0</v>
      </c>
      <c r="CH36" s="203">
        <v>0</v>
      </c>
      <c r="CI36" s="203">
        <v>0</v>
      </c>
      <c r="CJ36" s="203">
        <v>0</v>
      </c>
      <c r="CK36" s="208">
        <v>0</v>
      </c>
      <c r="CL36" s="207">
        <v>0</v>
      </c>
      <c r="CM36" s="202">
        <v>0</v>
      </c>
      <c r="CN36" s="203">
        <v>0</v>
      </c>
      <c r="CO36" s="208">
        <v>0</v>
      </c>
      <c r="CP36" s="205">
        <v>0</v>
      </c>
      <c r="CQ36" s="203">
        <v>0</v>
      </c>
      <c r="CR36" s="203">
        <v>0</v>
      </c>
      <c r="CS36" s="203">
        <v>0</v>
      </c>
      <c r="CT36" s="203">
        <v>0</v>
      </c>
      <c r="CU36" s="203">
        <v>0</v>
      </c>
      <c r="CV36" s="208">
        <v>0</v>
      </c>
      <c r="CW36" s="207">
        <v>0</v>
      </c>
      <c r="CX36" s="202">
        <v>0</v>
      </c>
      <c r="CY36" s="203">
        <v>0</v>
      </c>
      <c r="CZ36" s="208">
        <v>0</v>
      </c>
      <c r="DA36" s="205">
        <v>0</v>
      </c>
      <c r="DB36" s="203">
        <v>0</v>
      </c>
      <c r="DC36" s="203">
        <v>0</v>
      </c>
      <c r="DD36" s="203">
        <v>0</v>
      </c>
      <c r="DE36" s="203">
        <v>0</v>
      </c>
      <c r="DF36" s="203">
        <v>0</v>
      </c>
      <c r="DG36" s="208">
        <v>0</v>
      </c>
      <c r="DH36" s="207">
        <v>0</v>
      </c>
    </row>
    <row r="37" spans="2:112" ht="21" customHeight="1" x14ac:dyDescent="0.2">
      <c r="B37" s="173" t="s">
        <v>35</v>
      </c>
      <c r="C37" s="202">
        <v>0</v>
      </c>
      <c r="D37" s="208">
        <v>0</v>
      </c>
      <c r="E37" s="218">
        <v>0</v>
      </c>
      <c r="F37" s="205">
        <v>0</v>
      </c>
      <c r="G37" s="203">
        <v>49</v>
      </c>
      <c r="H37" s="203">
        <v>48</v>
      </c>
      <c r="I37" s="203">
        <v>14</v>
      </c>
      <c r="J37" s="203">
        <v>0</v>
      </c>
      <c r="K37" s="203">
        <v>0</v>
      </c>
      <c r="L37" s="206">
        <v>111</v>
      </c>
      <c r="M37" s="207">
        <v>111</v>
      </c>
      <c r="N37" s="202">
        <v>0</v>
      </c>
      <c r="O37" s="203">
        <v>0</v>
      </c>
      <c r="P37" s="208">
        <v>0</v>
      </c>
      <c r="Q37" s="205">
        <v>0</v>
      </c>
      <c r="R37" s="203">
        <v>0</v>
      </c>
      <c r="S37" s="203">
        <v>0</v>
      </c>
      <c r="T37" s="203">
        <v>0</v>
      </c>
      <c r="U37" s="203">
        <v>0</v>
      </c>
      <c r="V37" s="203">
        <v>0</v>
      </c>
      <c r="W37" s="208">
        <v>0</v>
      </c>
      <c r="X37" s="207">
        <v>0</v>
      </c>
      <c r="Y37" s="202">
        <v>0</v>
      </c>
      <c r="Z37" s="203">
        <v>21</v>
      </c>
      <c r="AA37" s="208">
        <v>21</v>
      </c>
      <c r="AB37" s="205">
        <v>0</v>
      </c>
      <c r="AC37" s="203">
        <v>24</v>
      </c>
      <c r="AD37" s="203">
        <v>20</v>
      </c>
      <c r="AE37" s="203">
        <v>48</v>
      </c>
      <c r="AF37" s="203">
        <v>0</v>
      </c>
      <c r="AG37" s="203">
        <v>0</v>
      </c>
      <c r="AH37" s="208">
        <v>92</v>
      </c>
      <c r="AI37" s="207">
        <v>113</v>
      </c>
      <c r="AJ37" s="202">
        <v>18</v>
      </c>
      <c r="AK37" s="203">
        <v>32</v>
      </c>
      <c r="AL37" s="208">
        <v>50</v>
      </c>
      <c r="AM37" s="205">
        <v>0</v>
      </c>
      <c r="AN37" s="203">
        <v>24</v>
      </c>
      <c r="AO37" s="203">
        <v>0</v>
      </c>
      <c r="AP37" s="203">
        <v>0</v>
      </c>
      <c r="AQ37" s="203">
        <v>21</v>
      </c>
      <c r="AR37" s="203">
        <v>0</v>
      </c>
      <c r="AS37" s="208">
        <v>45</v>
      </c>
      <c r="AT37" s="207">
        <v>95</v>
      </c>
      <c r="AU37" s="202">
        <v>0</v>
      </c>
      <c r="AV37" s="203">
        <v>0</v>
      </c>
      <c r="AW37" s="208">
        <v>0</v>
      </c>
      <c r="AX37" s="205">
        <v>0</v>
      </c>
      <c r="AY37" s="203">
        <v>37</v>
      </c>
      <c r="AZ37" s="203">
        <v>1</v>
      </c>
      <c r="BA37" s="203">
        <v>2</v>
      </c>
      <c r="BB37" s="203">
        <v>7</v>
      </c>
      <c r="BC37" s="203">
        <v>6</v>
      </c>
      <c r="BD37" s="206">
        <v>53</v>
      </c>
      <c r="BE37" s="207">
        <v>53</v>
      </c>
      <c r="BF37" s="202">
        <v>0</v>
      </c>
      <c r="BG37" s="203">
        <v>0</v>
      </c>
      <c r="BH37" s="208">
        <v>0</v>
      </c>
      <c r="BI37" s="205">
        <v>0</v>
      </c>
      <c r="BJ37" s="203">
        <v>32</v>
      </c>
      <c r="BK37" s="203">
        <v>5</v>
      </c>
      <c r="BL37" s="203">
        <v>13</v>
      </c>
      <c r="BM37" s="203">
        <v>0</v>
      </c>
      <c r="BN37" s="203">
        <v>0</v>
      </c>
      <c r="BO37" s="208">
        <v>50</v>
      </c>
      <c r="BP37" s="207">
        <v>50</v>
      </c>
      <c r="BQ37" s="202">
        <v>0</v>
      </c>
      <c r="BR37" s="203">
        <v>0</v>
      </c>
      <c r="BS37" s="208">
        <v>0</v>
      </c>
      <c r="BT37" s="205">
        <v>0</v>
      </c>
      <c r="BU37" s="203">
        <v>0</v>
      </c>
      <c r="BV37" s="203">
        <v>0</v>
      </c>
      <c r="BW37" s="203">
        <v>0</v>
      </c>
      <c r="BX37" s="203">
        <v>0</v>
      </c>
      <c r="BY37" s="203">
        <v>13</v>
      </c>
      <c r="BZ37" s="208">
        <v>13</v>
      </c>
      <c r="CA37" s="207">
        <v>13</v>
      </c>
      <c r="CB37" s="202">
        <v>0</v>
      </c>
      <c r="CC37" s="203">
        <v>0</v>
      </c>
      <c r="CD37" s="208">
        <v>0</v>
      </c>
      <c r="CE37" s="205">
        <v>0</v>
      </c>
      <c r="CF37" s="203">
        <v>0</v>
      </c>
      <c r="CG37" s="203">
        <v>0</v>
      </c>
      <c r="CH37" s="203">
        <v>0</v>
      </c>
      <c r="CI37" s="203">
        <v>0</v>
      </c>
      <c r="CJ37" s="203">
        <v>0</v>
      </c>
      <c r="CK37" s="208">
        <v>0</v>
      </c>
      <c r="CL37" s="207">
        <v>0</v>
      </c>
      <c r="CM37" s="202">
        <v>0</v>
      </c>
      <c r="CN37" s="203">
        <v>0</v>
      </c>
      <c r="CO37" s="208">
        <v>0</v>
      </c>
      <c r="CP37" s="205">
        <v>0</v>
      </c>
      <c r="CQ37" s="203">
        <v>0</v>
      </c>
      <c r="CR37" s="203">
        <v>0</v>
      </c>
      <c r="CS37" s="203">
        <v>0</v>
      </c>
      <c r="CT37" s="203">
        <v>0</v>
      </c>
      <c r="CU37" s="203">
        <v>0</v>
      </c>
      <c r="CV37" s="208">
        <v>0</v>
      </c>
      <c r="CW37" s="207">
        <v>0</v>
      </c>
      <c r="CX37" s="202">
        <v>0</v>
      </c>
      <c r="CY37" s="203">
        <v>0</v>
      </c>
      <c r="CZ37" s="208">
        <v>0</v>
      </c>
      <c r="DA37" s="205">
        <v>0</v>
      </c>
      <c r="DB37" s="203">
        <v>0</v>
      </c>
      <c r="DC37" s="203">
        <v>0</v>
      </c>
      <c r="DD37" s="203">
        <v>0</v>
      </c>
      <c r="DE37" s="203">
        <v>0</v>
      </c>
      <c r="DF37" s="203">
        <v>0</v>
      </c>
      <c r="DG37" s="208">
        <v>0</v>
      </c>
      <c r="DH37" s="207">
        <v>0</v>
      </c>
    </row>
    <row r="38" spans="2:112" ht="21" customHeight="1" x14ac:dyDescent="0.2">
      <c r="B38" s="173" t="s">
        <v>36</v>
      </c>
      <c r="C38" s="202">
        <v>0</v>
      </c>
      <c r="D38" s="208">
        <v>0</v>
      </c>
      <c r="E38" s="218">
        <v>0</v>
      </c>
      <c r="F38" s="205">
        <v>0</v>
      </c>
      <c r="G38" s="203">
        <v>28</v>
      </c>
      <c r="H38" s="203">
        <v>74</v>
      </c>
      <c r="I38" s="203">
        <v>8</v>
      </c>
      <c r="J38" s="203">
        <v>0</v>
      </c>
      <c r="K38" s="203">
        <v>192</v>
      </c>
      <c r="L38" s="206">
        <v>302</v>
      </c>
      <c r="M38" s="207">
        <v>302</v>
      </c>
      <c r="N38" s="202">
        <v>0</v>
      </c>
      <c r="O38" s="203">
        <v>0</v>
      </c>
      <c r="P38" s="208">
        <v>0</v>
      </c>
      <c r="Q38" s="205">
        <v>0</v>
      </c>
      <c r="R38" s="203">
        <v>0</v>
      </c>
      <c r="S38" s="203">
        <v>0</v>
      </c>
      <c r="T38" s="203">
        <v>2</v>
      </c>
      <c r="U38" s="203">
        <v>0</v>
      </c>
      <c r="V38" s="203">
        <v>0</v>
      </c>
      <c r="W38" s="208">
        <v>2</v>
      </c>
      <c r="X38" s="207">
        <v>2</v>
      </c>
      <c r="Y38" s="202">
        <v>4</v>
      </c>
      <c r="Z38" s="203">
        <v>9</v>
      </c>
      <c r="AA38" s="208">
        <v>13</v>
      </c>
      <c r="AB38" s="205">
        <v>0</v>
      </c>
      <c r="AC38" s="203">
        <v>6</v>
      </c>
      <c r="AD38" s="203">
        <v>23</v>
      </c>
      <c r="AE38" s="203">
        <v>1</v>
      </c>
      <c r="AF38" s="203">
        <v>1</v>
      </c>
      <c r="AG38" s="203">
        <v>21</v>
      </c>
      <c r="AH38" s="208">
        <v>52</v>
      </c>
      <c r="AI38" s="207">
        <v>65</v>
      </c>
      <c r="AJ38" s="202">
        <v>0</v>
      </c>
      <c r="AK38" s="203">
        <v>0</v>
      </c>
      <c r="AL38" s="208">
        <v>0</v>
      </c>
      <c r="AM38" s="205">
        <v>0</v>
      </c>
      <c r="AN38" s="203">
        <v>14</v>
      </c>
      <c r="AO38" s="203">
        <v>0</v>
      </c>
      <c r="AP38" s="203">
        <v>0</v>
      </c>
      <c r="AQ38" s="203">
        <v>0</v>
      </c>
      <c r="AR38" s="203">
        <v>0</v>
      </c>
      <c r="AS38" s="208">
        <v>14</v>
      </c>
      <c r="AT38" s="207">
        <v>14</v>
      </c>
      <c r="AU38" s="202">
        <v>0</v>
      </c>
      <c r="AV38" s="203">
        <v>0</v>
      </c>
      <c r="AW38" s="208">
        <v>0</v>
      </c>
      <c r="AX38" s="205">
        <v>0</v>
      </c>
      <c r="AY38" s="203">
        <v>0</v>
      </c>
      <c r="AZ38" s="203">
        <v>46</v>
      </c>
      <c r="BA38" s="203">
        <v>0</v>
      </c>
      <c r="BB38" s="203">
        <v>13</v>
      </c>
      <c r="BC38" s="203">
        <v>0</v>
      </c>
      <c r="BD38" s="206">
        <v>59</v>
      </c>
      <c r="BE38" s="207">
        <v>59</v>
      </c>
      <c r="BF38" s="202">
        <v>0</v>
      </c>
      <c r="BG38" s="203">
        <v>0</v>
      </c>
      <c r="BH38" s="208">
        <v>0</v>
      </c>
      <c r="BI38" s="205">
        <v>0</v>
      </c>
      <c r="BJ38" s="203">
        <v>0</v>
      </c>
      <c r="BK38" s="203">
        <v>0</v>
      </c>
      <c r="BL38" s="203">
        <v>0</v>
      </c>
      <c r="BM38" s="203">
        <v>0</v>
      </c>
      <c r="BN38" s="203">
        <v>0</v>
      </c>
      <c r="BO38" s="208">
        <v>0</v>
      </c>
      <c r="BP38" s="207">
        <v>0</v>
      </c>
      <c r="BQ38" s="202">
        <v>0</v>
      </c>
      <c r="BR38" s="203">
        <v>0</v>
      </c>
      <c r="BS38" s="208">
        <v>0</v>
      </c>
      <c r="BT38" s="205">
        <v>0</v>
      </c>
      <c r="BU38" s="203">
        <v>0</v>
      </c>
      <c r="BV38" s="203">
        <v>20</v>
      </c>
      <c r="BW38" s="203">
        <v>0</v>
      </c>
      <c r="BX38" s="203">
        <v>7</v>
      </c>
      <c r="BY38" s="203">
        <v>0</v>
      </c>
      <c r="BZ38" s="208">
        <v>27</v>
      </c>
      <c r="CA38" s="207">
        <v>27</v>
      </c>
      <c r="CB38" s="202">
        <v>0</v>
      </c>
      <c r="CC38" s="203">
        <v>0</v>
      </c>
      <c r="CD38" s="208">
        <v>0</v>
      </c>
      <c r="CE38" s="205">
        <v>0</v>
      </c>
      <c r="CF38" s="203">
        <v>0</v>
      </c>
      <c r="CG38" s="203">
        <v>0</v>
      </c>
      <c r="CH38" s="203">
        <v>0</v>
      </c>
      <c r="CI38" s="203">
        <v>0</v>
      </c>
      <c r="CJ38" s="203">
        <v>0</v>
      </c>
      <c r="CK38" s="208">
        <v>0</v>
      </c>
      <c r="CL38" s="207">
        <v>0</v>
      </c>
      <c r="CM38" s="202">
        <v>0</v>
      </c>
      <c r="CN38" s="203">
        <v>0</v>
      </c>
      <c r="CO38" s="208">
        <v>0</v>
      </c>
      <c r="CP38" s="205">
        <v>0</v>
      </c>
      <c r="CQ38" s="203">
        <v>0</v>
      </c>
      <c r="CR38" s="203">
        <v>0</v>
      </c>
      <c r="CS38" s="203">
        <v>0</v>
      </c>
      <c r="CT38" s="203">
        <v>0</v>
      </c>
      <c r="CU38" s="203">
        <v>0</v>
      </c>
      <c r="CV38" s="208">
        <v>0</v>
      </c>
      <c r="CW38" s="207">
        <v>0</v>
      </c>
      <c r="CX38" s="202">
        <v>0</v>
      </c>
      <c r="CY38" s="203">
        <v>0</v>
      </c>
      <c r="CZ38" s="208">
        <v>0</v>
      </c>
      <c r="DA38" s="205">
        <v>0</v>
      </c>
      <c r="DB38" s="203">
        <v>0</v>
      </c>
      <c r="DC38" s="203">
        <v>0</v>
      </c>
      <c r="DD38" s="203">
        <v>0</v>
      </c>
      <c r="DE38" s="203">
        <v>0</v>
      </c>
      <c r="DF38" s="203">
        <v>0</v>
      </c>
      <c r="DG38" s="208">
        <v>0</v>
      </c>
      <c r="DH38" s="207">
        <v>0</v>
      </c>
    </row>
    <row r="39" spans="2:112" ht="21" customHeight="1" thickBot="1" x14ac:dyDescent="0.25">
      <c r="B39" s="175" t="s">
        <v>37</v>
      </c>
      <c r="C39" s="209">
        <v>0</v>
      </c>
      <c r="D39" s="215">
        <v>0</v>
      </c>
      <c r="E39" s="219">
        <v>0</v>
      </c>
      <c r="F39" s="212">
        <v>0</v>
      </c>
      <c r="G39" s="210">
        <v>0</v>
      </c>
      <c r="H39" s="210">
        <v>0</v>
      </c>
      <c r="I39" s="210">
        <v>0</v>
      </c>
      <c r="J39" s="210">
        <v>0</v>
      </c>
      <c r="K39" s="210">
        <v>19</v>
      </c>
      <c r="L39" s="213">
        <v>19</v>
      </c>
      <c r="M39" s="214">
        <v>19</v>
      </c>
      <c r="N39" s="209">
        <v>0</v>
      </c>
      <c r="O39" s="210">
        <v>0</v>
      </c>
      <c r="P39" s="215">
        <v>0</v>
      </c>
      <c r="Q39" s="212">
        <v>0</v>
      </c>
      <c r="R39" s="210">
        <v>0</v>
      </c>
      <c r="S39" s="210">
        <v>0</v>
      </c>
      <c r="T39" s="210">
        <v>0</v>
      </c>
      <c r="U39" s="210">
        <v>0</v>
      </c>
      <c r="V39" s="210">
        <v>0</v>
      </c>
      <c r="W39" s="215">
        <v>0</v>
      </c>
      <c r="X39" s="214">
        <v>0</v>
      </c>
      <c r="Y39" s="209">
        <v>0</v>
      </c>
      <c r="Z39" s="210">
        <v>0</v>
      </c>
      <c r="AA39" s="215">
        <v>0</v>
      </c>
      <c r="AB39" s="212">
        <v>0</v>
      </c>
      <c r="AC39" s="210">
        <v>0</v>
      </c>
      <c r="AD39" s="210">
        <v>0</v>
      </c>
      <c r="AE39" s="210">
        <v>0</v>
      </c>
      <c r="AF39" s="210">
        <v>24</v>
      </c>
      <c r="AG39" s="210">
        <v>5</v>
      </c>
      <c r="AH39" s="215">
        <v>29</v>
      </c>
      <c r="AI39" s="214">
        <v>29</v>
      </c>
      <c r="AJ39" s="209">
        <v>0</v>
      </c>
      <c r="AK39" s="210">
        <v>0</v>
      </c>
      <c r="AL39" s="215">
        <v>0</v>
      </c>
      <c r="AM39" s="212">
        <v>0</v>
      </c>
      <c r="AN39" s="210">
        <v>0</v>
      </c>
      <c r="AO39" s="210">
        <v>0</v>
      </c>
      <c r="AP39" s="210">
        <v>0</v>
      </c>
      <c r="AQ39" s="210">
        <v>0</v>
      </c>
      <c r="AR39" s="210">
        <v>0</v>
      </c>
      <c r="AS39" s="215">
        <v>0</v>
      </c>
      <c r="AT39" s="214">
        <v>0</v>
      </c>
      <c r="AU39" s="209">
        <v>0</v>
      </c>
      <c r="AV39" s="210">
        <v>0</v>
      </c>
      <c r="AW39" s="215">
        <v>0</v>
      </c>
      <c r="AX39" s="212">
        <v>0</v>
      </c>
      <c r="AY39" s="210">
        <v>0</v>
      </c>
      <c r="AZ39" s="210">
        <v>0</v>
      </c>
      <c r="BA39" s="210">
        <v>0</v>
      </c>
      <c r="BB39" s="210">
        <v>5</v>
      </c>
      <c r="BC39" s="210">
        <v>0</v>
      </c>
      <c r="BD39" s="213">
        <v>5</v>
      </c>
      <c r="BE39" s="214">
        <v>5</v>
      </c>
      <c r="BF39" s="209">
        <v>0</v>
      </c>
      <c r="BG39" s="210">
        <v>0</v>
      </c>
      <c r="BH39" s="215">
        <v>0</v>
      </c>
      <c r="BI39" s="212">
        <v>0</v>
      </c>
      <c r="BJ39" s="210">
        <v>0</v>
      </c>
      <c r="BK39" s="210">
        <v>0</v>
      </c>
      <c r="BL39" s="210">
        <v>0</v>
      </c>
      <c r="BM39" s="210">
        <v>0</v>
      </c>
      <c r="BN39" s="210">
        <v>0</v>
      </c>
      <c r="BO39" s="215">
        <v>0</v>
      </c>
      <c r="BP39" s="214">
        <v>0</v>
      </c>
      <c r="BQ39" s="209">
        <v>0</v>
      </c>
      <c r="BR39" s="210">
        <v>0</v>
      </c>
      <c r="BS39" s="215">
        <v>0</v>
      </c>
      <c r="BT39" s="212">
        <v>0</v>
      </c>
      <c r="BU39" s="210">
        <v>0</v>
      </c>
      <c r="BV39" s="210">
        <v>0</v>
      </c>
      <c r="BW39" s="210">
        <v>0</v>
      </c>
      <c r="BX39" s="210">
        <v>0</v>
      </c>
      <c r="BY39" s="210">
        <v>0</v>
      </c>
      <c r="BZ39" s="215">
        <v>0</v>
      </c>
      <c r="CA39" s="214">
        <v>0</v>
      </c>
      <c r="CB39" s="209">
        <v>0</v>
      </c>
      <c r="CC39" s="210">
        <v>0</v>
      </c>
      <c r="CD39" s="215">
        <v>0</v>
      </c>
      <c r="CE39" s="212">
        <v>0</v>
      </c>
      <c r="CF39" s="210">
        <v>0</v>
      </c>
      <c r="CG39" s="210">
        <v>0</v>
      </c>
      <c r="CH39" s="210">
        <v>0</v>
      </c>
      <c r="CI39" s="210">
        <v>0</v>
      </c>
      <c r="CJ39" s="210">
        <v>2</v>
      </c>
      <c r="CK39" s="215">
        <v>2</v>
      </c>
      <c r="CL39" s="214">
        <v>2</v>
      </c>
      <c r="CM39" s="209">
        <v>0</v>
      </c>
      <c r="CN39" s="210">
        <v>0</v>
      </c>
      <c r="CO39" s="215">
        <v>0</v>
      </c>
      <c r="CP39" s="212">
        <v>0</v>
      </c>
      <c r="CQ39" s="210">
        <v>0</v>
      </c>
      <c r="CR39" s="210">
        <v>0</v>
      </c>
      <c r="CS39" s="210">
        <v>0</v>
      </c>
      <c r="CT39" s="210">
        <v>0</v>
      </c>
      <c r="CU39" s="210">
        <v>0</v>
      </c>
      <c r="CV39" s="215">
        <v>0</v>
      </c>
      <c r="CW39" s="214">
        <v>0</v>
      </c>
      <c r="CX39" s="209">
        <v>0</v>
      </c>
      <c r="CY39" s="210">
        <v>0</v>
      </c>
      <c r="CZ39" s="215">
        <v>0</v>
      </c>
      <c r="DA39" s="212">
        <v>0</v>
      </c>
      <c r="DB39" s="210">
        <v>0</v>
      </c>
      <c r="DC39" s="210">
        <v>0</v>
      </c>
      <c r="DD39" s="210">
        <v>0</v>
      </c>
      <c r="DE39" s="210">
        <v>0</v>
      </c>
      <c r="DF39" s="210">
        <v>0</v>
      </c>
      <c r="DG39" s="215">
        <v>0</v>
      </c>
      <c r="DH39" s="214">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138" customWidth="1"/>
    <col min="2" max="2" width="9.77734375" style="138" customWidth="1"/>
    <col min="3" max="5" width="7.77734375" style="137" customWidth="1"/>
    <col min="6" max="6" width="9.109375" style="137" customWidth="1"/>
    <col min="7" max="7" width="9.44140625" style="137" customWidth="1"/>
    <col min="8" max="26" width="7.77734375" style="137" customWidth="1"/>
    <col min="27" max="35" width="7.77734375" style="138" customWidth="1"/>
    <col min="36" max="16384" width="9" style="138"/>
  </cols>
  <sheetData>
    <row r="1" spans="2:35" ht="24" customHeight="1" x14ac:dyDescent="0.2">
      <c r="B1" s="10" t="s">
        <v>126</v>
      </c>
      <c r="F1" s="12"/>
      <c r="H1" s="464">
        <f>第１表!F2</f>
        <v>6</v>
      </c>
      <c r="I1" s="464"/>
      <c r="J1" s="43">
        <f>第１表!G2</f>
        <v>4</v>
      </c>
      <c r="K1" s="503">
        <f>IF(J1&lt;3,J1-2+12,J1-2)</f>
        <v>2</v>
      </c>
      <c r="L1" s="503"/>
    </row>
    <row r="2" spans="2:35" ht="24" customHeight="1" thickBot="1" x14ac:dyDescent="0.25">
      <c r="J2" s="220"/>
      <c r="K2" s="220"/>
      <c r="L2" s="220"/>
      <c r="M2" s="220"/>
      <c r="N2" s="220"/>
      <c r="O2" s="220"/>
      <c r="P2" s="221"/>
      <c r="Q2" s="221"/>
      <c r="R2" s="221"/>
    </row>
    <row r="3" spans="2:35" ht="21" customHeight="1" thickBot="1" x14ac:dyDescent="0.25">
      <c r="B3" s="222"/>
      <c r="C3" s="511" t="s">
        <v>53</v>
      </c>
      <c r="D3" s="512"/>
      <c r="E3" s="512"/>
      <c r="F3" s="512"/>
      <c r="G3" s="512"/>
      <c r="H3" s="512"/>
      <c r="I3" s="512"/>
      <c r="J3" s="512"/>
      <c r="K3" s="512"/>
      <c r="L3" s="512"/>
      <c r="M3" s="513"/>
      <c r="N3" s="511" t="s">
        <v>54</v>
      </c>
      <c r="O3" s="512"/>
      <c r="P3" s="512"/>
      <c r="Q3" s="512"/>
      <c r="R3" s="512"/>
      <c r="S3" s="512"/>
      <c r="T3" s="512"/>
      <c r="U3" s="512"/>
      <c r="V3" s="512"/>
      <c r="W3" s="512"/>
      <c r="X3" s="513"/>
      <c r="Y3" s="511" t="s">
        <v>55</v>
      </c>
      <c r="Z3" s="512"/>
      <c r="AA3" s="512"/>
      <c r="AB3" s="512"/>
      <c r="AC3" s="512"/>
      <c r="AD3" s="512"/>
      <c r="AE3" s="512"/>
      <c r="AF3" s="512"/>
      <c r="AG3" s="512"/>
      <c r="AH3" s="512"/>
      <c r="AI3" s="513"/>
    </row>
    <row r="4" spans="2:35" ht="30" customHeight="1" thickBot="1" x14ac:dyDescent="0.25">
      <c r="B4" s="222" t="s">
        <v>42</v>
      </c>
      <c r="C4" s="223" t="s">
        <v>43</v>
      </c>
      <c r="D4" s="224" t="s">
        <v>44</v>
      </c>
      <c r="E4" s="225" t="s">
        <v>45</v>
      </c>
      <c r="F4" s="226" t="s">
        <v>46</v>
      </c>
      <c r="G4" s="224" t="s">
        <v>47</v>
      </c>
      <c r="H4" s="224" t="s">
        <v>48</v>
      </c>
      <c r="I4" s="224" t="s">
        <v>49</v>
      </c>
      <c r="J4" s="224" t="s">
        <v>50</v>
      </c>
      <c r="K4" s="224" t="s">
        <v>51</v>
      </c>
      <c r="L4" s="225" t="s">
        <v>45</v>
      </c>
      <c r="M4" s="136" t="s">
        <v>52</v>
      </c>
      <c r="N4" s="223" t="s">
        <v>43</v>
      </c>
      <c r="O4" s="224" t="s">
        <v>44</v>
      </c>
      <c r="P4" s="225" t="s">
        <v>45</v>
      </c>
      <c r="Q4" s="226" t="s">
        <v>46</v>
      </c>
      <c r="R4" s="224" t="s">
        <v>47</v>
      </c>
      <c r="S4" s="224" t="s">
        <v>48</v>
      </c>
      <c r="T4" s="224" t="s">
        <v>49</v>
      </c>
      <c r="U4" s="224" t="s">
        <v>50</v>
      </c>
      <c r="V4" s="224" t="s">
        <v>51</v>
      </c>
      <c r="W4" s="225" t="s">
        <v>45</v>
      </c>
      <c r="X4" s="136" t="s">
        <v>52</v>
      </c>
      <c r="Y4" s="223" t="s">
        <v>43</v>
      </c>
      <c r="Z4" s="224" t="s">
        <v>44</v>
      </c>
      <c r="AA4" s="225" t="s">
        <v>45</v>
      </c>
      <c r="AB4" s="226" t="s">
        <v>46</v>
      </c>
      <c r="AC4" s="224" t="s">
        <v>47</v>
      </c>
      <c r="AD4" s="224" t="s">
        <v>48</v>
      </c>
      <c r="AE4" s="224" t="s">
        <v>49</v>
      </c>
      <c r="AF4" s="224" t="s">
        <v>50</v>
      </c>
      <c r="AG4" s="224" t="s">
        <v>51</v>
      </c>
      <c r="AH4" s="225" t="s">
        <v>45</v>
      </c>
      <c r="AI4" s="136" t="s">
        <v>52</v>
      </c>
    </row>
    <row r="5" spans="2:35" ht="21" customHeight="1" x14ac:dyDescent="0.2">
      <c r="B5" s="151" t="s">
        <v>4</v>
      </c>
      <c r="C5" s="227">
        <v>174</v>
      </c>
      <c r="D5" s="228">
        <v>323</v>
      </c>
      <c r="E5" s="229">
        <v>497</v>
      </c>
      <c r="F5" s="230">
        <v>0</v>
      </c>
      <c r="G5" s="228">
        <v>18873</v>
      </c>
      <c r="H5" s="228">
        <v>19492</v>
      </c>
      <c r="I5" s="228">
        <v>12780</v>
      </c>
      <c r="J5" s="228">
        <v>8058</v>
      </c>
      <c r="K5" s="228">
        <v>5049</v>
      </c>
      <c r="L5" s="229">
        <v>64252</v>
      </c>
      <c r="M5" s="231">
        <v>64749</v>
      </c>
      <c r="N5" s="232">
        <v>0</v>
      </c>
      <c r="O5" s="228">
        <v>2</v>
      </c>
      <c r="P5" s="229">
        <v>2</v>
      </c>
      <c r="Q5" s="230">
        <v>0</v>
      </c>
      <c r="R5" s="228">
        <v>220</v>
      </c>
      <c r="S5" s="228">
        <v>375</v>
      </c>
      <c r="T5" s="228">
        <v>214</v>
      </c>
      <c r="U5" s="228">
        <v>172</v>
      </c>
      <c r="V5" s="228">
        <v>164</v>
      </c>
      <c r="W5" s="229">
        <v>1145</v>
      </c>
      <c r="X5" s="231">
        <v>1147</v>
      </c>
      <c r="Y5" s="232">
        <v>174</v>
      </c>
      <c r="Z5" s="228">
        <v>325</v>
      </c>
      <c r="AA5" s="229">
        <v>499</v>
      </c>
      <c r="AB5" s="230">
        <v>0</v>
      </c>
      <c r="AC5" s="228">
        <v>19093</v>
      </c>
      <c r="AD5" s="228">
        <v>19867</v>
      </c>
      <c r="AE5" s="228">
        <v>12994</v>
      </c>
      <c r="AF5" s="228">
        <v>8230</v>
      </c>
      <c r="AG5" s="228">
        <v>5213</v>
      </c>
      <c r="AH5" s="229">
        <v>65397</v>
      </c>
      <c r="AI5" s="231">
        <v>65896</v>
      </c>
    </row>
    <row r="6" spans="2:35" ht="21" customHeight="1" x14ac:dyDescent="0.2">
      <c r="B6" s="162" t="s">
        <v>5</v>
      </c>
      <c r="C6" s="233">
        <v>73</v>
      </c>
      <c r="D6" s="234">
        <v>129</v>
      </c>
      <c r="E6" s="235">
        <v>202</v>
      </c>
      <c r="F6" s="236">
        <v>0</v>
      </c>
      <c r="G6" s="234">
        <v>7099</v>
      </c>
      <c r="H6" s="234">
        <v>9276</v>
      </c>
      <c r="I6" s="234">
        <v>5666</v>
      </c>
      <c r="J6" s="234">
        <v>3565</v>
      </c>
      <c r="K6" s="234">
        <v>2320</v>
      </c>
      <c r="L6" s="235">
        <v>27926</v>
      </c>
      <c r="M6" s="237">
        <v>28128</v>
      </c>
      <c r="N6" s="238">
        <v>0</v>
      </c>
      <c r="O6" s="234">
        <v>0</v>
      </c>
      <c r="P6" s="235">
        <v>0</v>
      </c>
      <c r="Q6" s="236">
        <v>0</v>
      </c>
      <c r="R6" s="234">
        <v>73</v>
      </c>
      <c r="S6" s="234">
        <v>184</v>
      </c>
      <c r="T6" s="234">
        <v>108</v>
      </c>
      <c r="U6" s="234">
        <v>87</v>
      </c>
      <c r="V6" s="234">
        <v>87</v>
      </c>
      <c r="W6" s="235">
        <v>539</v>
      </c>
      <c r="X6" s="237">
        <v>539</v>
      </c>
      <c r="Y6" s="238">
        <v>73</v>
      </c>
      <c r="Z6" s="234">
        <v>129</v>
      </c>
      <c r="AA6" s="235">
        <v>202</v>
      </c>
      <c r="AB6" s="236">
        <v>0</v>
      </c>
      <c r="AC6" s="234">
        <v>7172</v>
      </c>
      <c r="AD6" s="234">
        <v>9460</v>
      </c>
      <c r="AE6" s="234">
        <v>5774</v>
      </c>
      <c r="AF6" s="234">
        <v>3652</v>
      </c>
      <c r="AG6" s="234">
        <v>2407</v>
      </c>
      <c r="AH6" s="235">
        <v>28465</v>
      </c>
      <c r="AI6" s="237">
        <v>28667</v>
      </c>
    </row>
    <row r="7" spans="2:35" ht="21" customHeight="1" x14ac:dyDescent="0.2">
      <c r="B7" s="173" t="s">
        <v>6</v>
      </c>
      <c r="C7" s="233">
        <v>22</v>
      </c>
      <c r="D7" s="234">
        <v>44</v>
      </c>
      <c r="E7" s="235">
        <v>66</v>
      </c>
      <c r="F7" s="236">
        <v>0</v>
      </c>
      <c r="G7" s="234">
        <v>2905</v>
      </c>
      <c r="H7" s="234">
        <v>2613</v>
      </c>
      <c r="I7" s="234">
        <v>1909</v>
      </c>
      <c r="J7" s="234">
        <v>1340</v>
      </c>
      <c r="K7" s="234">
        <v>920</v>
      </c>
      <c r="L7" s="235">
        <v>9687</v>
      </c>
      <c r="M7" s="237">
        <v>9753</v>
      </c>
      <c r="N7" s="238">
        <v>0</v>
      </c>
      <c r="O7" s="234">
        <v>0</v>
      </c>
      <c r="P7" s="235">
        <v>0</v>
      </c>
      <c r="Q7" s="236">
        <v>0</v>
      </c>
      <c r="R7" s="234">
        <v>25</v>
      </c>
      <c r="S7" s="234">
        <v>31</v>
      </c>
      <c r="T7" s="234">
        <v>21</v>
      </c>
      <c r="U7" s="234">
        <v>26</v>
      </c>
      <c r="V7" s="234">
        <v>30</v>
      </c>
      <c r="W7" s="235">
        <v>133</v>
      </c>
      <c r="X7" s="237">
        <v>133</v>
      </c>
      <c r="Y7" s="238">
        <v>22</v>
      </c>
      <c r="Z7" s="234">
        <v>44</v>
      </c>
      <c r="AA7" s="235">
        <v>66</v>
      </c>
      <c r="AB7" s="236">
        <v>0</v>
      </c>
      <c r="AC7" s="234">
        <v>2930</v>
      </c>
      <c r="AD7" s="234">
        <v>2644</v>
      </c>
      <c r="AE7" s="234">
        <v>1930</v>
      </c>
      <c r="AF7" s="234">
        <v>1366</v>
      </c>
      <c r="AG7" s="234">
        <v>950</v>
      </c>
      <c r="AH7" s="235">
        <v>9820</v>
      </c>
      <c r="AI7" s="237">
        <v>9886</v>
      </c>
    </row>
    <row r="8" spans="2:35" ht="21" customHeight="1" x14ac:dyDescent="0.2">
      <c r="B8" s="173" t="s">
        <v>14</v>
      </c>
      <c r="C8" s="233">
        <v>20</v>
      </c>
      <c r="D8" s="234">
        <v>30</v>
      </c>
      <c r="E8" s="235">
        <v>50</v>
      </c>
      <c r="F8" s="236">
        <v>0</v>
      </c>
      <c r="G8" s="234">
        <v>1467</v>
      </c>
      <c r="H8" s="234">
        <v>1668</v>
      </c>
      <c r="I8" s="234">
        <v>1138</v>
      </c>
      <c r="J8" s="234">
        <v>649</v>
      </c>
      <c r="K8" s="234">
        <v>356</v>
      </c>
      <c r="L8" s="235">
        <v>5278</v>
      </c>
      <c r="M8" s="237">
        <v>5328</v>
      </c>
      <c r="N8" s="238">
        <v>0</v>
      </c>
      <c r="O8" s="234">
        <v>0</v>
      </c>
      <c r="P8" s="235">
        <v>0</v>
      </c>
      <c r="Q8" s="236">
        <v>0</v>
      </c>
      <c r="R8" s="234">
        <v>14</v>
      </c>
      <c r="S8" s="234">
        <v>36</v>
      </c>
      <c r="T8" s="234">
        <v>17</v>
      </c>
      <c r="U8" s="234">
        <v>9</v>
      </c>
      <c r="V8" s="234">
        <v>9</v>
      </c>
      <c r="W8" s="235">
        <v>85</v>
      </c>
      <c r="X8" s="237">
        <v>85</v>
      </c>
      <c r="Y8" s="238">
        <v>20</v>
      </c>
      <c r="Z8" s="234">
        <v>30</v>
      </c>
      <c r="AA8" s="235">
        <v>50</v>
      </c>
      <c r="AB8" s="236">
        <v>0</v>
      </c>
      <c r="AC8" s="234">
        <v>1481</v>
      </c>
      <c r="AD8" s="234">
        <v>1704</v>
      </c>
      <c r="AE8" s="234">
        <v>1155</v>
      </c>
      <c r="AF8" s="234">
        <v>658</v>
      </c>
      <c r="AG8" s="234">
        <v>365</v>
      </c>
      <c r="AH8" s="235">
        <v>5363</v>
      </c>
      <c r="AI8" s="237">
        <v>5413</v>
      </c>
    </row>
    <row r="9" spans="2:35" ht="21" customHeight="1" x14ac:dyDescent="0.2">
      <c r="B9" s="173" t="s">
        <v>7</v>
      </c>
      <c r="C9" s="233">
        <v>3</v>
      </c>
      <c r="D9" s="234">
        <v>4</v>
      </c>
      <c r="E9" s="235">
        <v>7</v>
      </c>
      <c r="F9" s="236">
        <v>0</v>
      </c>
      <c r="G9" s="234">
        <v>1359</v>
      </c>
      <c r="H9" s="234">
        <v>918</v>
      </c>
      <c r="I9" s="234">
        <v>512</v>
      </c>
      <c r="J9" s="234">
        <v>292</v>
      </c>
      <c r="K9" s="234">
        <v>174</v>
      </c>
      <c r="L9" s="235">
        <v>3255</v>
      </c>
      <c r="M9" s="237">
        <v>3262</v>
      </c>
      <c r="N9" s="238">
        <v>0</v>
      </c>
      <c r="O9" s="234">
        <v>0</v>
      </c>
      <c r="P9" s="235">
        <v>0</v>
      </c>
      <c r="Q9" s="236">
        <v>0</v>
      </c>
      <c r="R9" s="234">
        <v>20</v>
      </c>
      <c r="S9" s="234">
        <v>20</v>
      </c>
      <c r="T9" s="234">
        <v>11</v>
      </c>
      <c r="U9" s="234">
        <v>5</v>
      </c>
      <c r="V9" s="234">
        <v>4</v>
      </c>
      <c r="W9" s="235">
        <v>60</v>
      </c>
      <c r="X9" s="237">
        <v>60</v>
      </c>
      <c r="Y9" s="238">
        <v>3</v>
      </c>
      <c r="Z9" s="234">
        <v>4</v>
      </c>
      <c r="AA9" s="235">
        <v>7</v>
      </c>
      <c r="AB9" s="236">
        <v>0</v>
      </c>
      <c r="AC9" s="234">
        <v>1379</v>
      </c>
      <c r="AD9" s="234">
        <v>938</v>
      </c>
      <c r="AE9" s="234">
        <v>523</v>
      </c>
      <c r="AF9" s="234">
        <v>297</v>
      </c>
      <c r="AG9" s="234">
        <v>178</v>
      </c>
      <c r="AH9" s="235">
        <v>3315</v>
      </c>
      <c r="AI9" s="237">
        <v>3322</v>
      </c>
    </row>
    <row r="10" spans="2:35" ht="21" customHeight="1" x14ac:dyDescent="0.2">
      <c r="B10" s="173" t="s">
        <v>8</v>
      </c>
      <c r="C10" s="233">
        <v>9</v>
      </c>
      <c r="D10" s="234">
        <v>12</v>
      </c>
      <c r="E10" s="235">
        <v>21</v>
      </c>
      <c r="F10" s="236">
        <v>0</v>
      </c>
      <c r="G10" s="234">
        <v>767</v>
      </c>
      <c r="H10" s="234">
        <v>677</v>
      </c>
      <c r="I10" s="234">
        <v>394</v>
      </c>
      <c r="J10" s="234">
        <v>246</v>
      </c>
      <c r="K10" s="234">
        <v>130</v>
      </c>
      <c r="L10" s="235">
        <v>2214</v>
      </c>
      <c r="M10" s="237">
        <v>2235</v>
      </c>
      <c r="N10" s="238">
        <v>0</v>
      </c>
      <c r="O10" s="234">
        <v>0</v>
      </c>
      <c r="P10" s="235">
        <v>0</v>
      </c>
      <c r="Q10" s="236">
        <v>0</v>
      </c>
      <c r="R10" s="234">
        <v>14</v>
      </c>
      <c r="S10" s="234">
        <v>25</v>
      </c>
      <c r="T10" s="234">
        <v>6</v>
      </c>
      <c r="U10" s="234">
        <v>6</v>
      </c>
      <c r="V10" s="234">
        <v>3</v>
      </c>
      <c r="W10" s="235">
        <v>54</v>
      </c>
      <c r="X10" s="237">
        <v>54</v>
      </c>
      <c r="Y10" s="238">
        <v>9</v>
      </c>
      <c r="Z10" s="234">
        <v>12</v>
      </c>
      <c r="AA10" s="235">
        <v>21</v>
      </c>
      <c r="AB10" s="236">
        <v>0</v>
      </c>
      <c r="AC10" s="234">
        <v>781</v>
      </c>
      <c r="AD10" s="234">
        <v>702</v>
      </c>
      <c r="AE10" s="234">
        <v>400</v>
      </c>
      <c r="AF10" s="234">
        <v>252</v>
      </c>
      <c r="AG10" s="234">
        <v>133</v>
      </c>
      <c r="AH10" s="235">
        <v>2268</v>
      </c>
      <c r="AI10" s="237">
        <v>2289</v>
      </c>
    </row>
    <row r="11" spans="2:35" ht="21" customHeight="1" x14ac:dyDescent="0.2">
      <c r="B11" s="173" t="s">
        <v>9</v>
      </c>
      <c r="C11" s="233">
        <v>5</v>
      </c>
      <c r="D11" s="234">
        <v>7</v>
      </c>
      <c r="E11" s="235">
        <v>12</v>
      </c>
      <c r="F11" s="236">
        <v>0</v>
      </c>
      <c r="G11" s="234">
        <v>528</v>
      </c>
      <c r="H11" s="234">
        <v>372</v>
      </c>
      <c r="I11" s="234">
        <v>273</v>
      </c>
      <c r="J11" s="234">
        <v>208</v>
      </c>
      <c r="K11" s="234">
        <v>100</v>
      </c>
      <c r="L11" s="235">
        <v>1481</v>
      </c>
      <c r="M11" s="237">
        <v>1493</v>
      </c>
      <c r="N11" s="238">
        <v>0</v>
      </c>
      <c r="O11" s="234">
        <v>0</v>
      </c>
      <c r="P11" s="235">
        <v>0</v>
      </c>
      <c r="Q11" s="236">
        <v>0</v>
      </c>
      <c r="R11" s="234">
        <v>14</v>
      </c>
      <c r="S11" s="234">
        <v>11</v>
      </c>
      <c r="T11" s="234">
        <v>6</v>
      </c>
      <c r="U11" s="234">
        <v>5</v>
      </c>
      <c r="V11" s="234">
        <v>2</v>
      </c>
      <c r="W11" s="235">
        <v>38</v>
      </c>
      <c r="X11" s="237">
        <v>38</v>
      </c>
      <c r="Y11" s="238">
        <v>5</v>
      </c>
      <c r="Z11" s="234">
        <v>7</v>
      </c>
      <c r="AA11" s="235">
        <v>12</v>
      </c>
      <c r="AB11" s="236">
        <v>0</v>
      </c>
      <c r="AC11" s="234">
        <v>542</v>
      </c>
      <c r="AD11" s="234">
        <v>383</v>
      </c>
      <c r="AE11" s="234">
        <v>279</v>
      </c>
      <c r="AF11" s="234">
        <v>213</v>
      </c>
      <c r="AG11" s="234">
        <v>102</v>
      </c>
      <c r="AH11" s="235">
        <v>1519</v>
      </c>
      <c r="AI11" s="237">
        <v>1531</v>
      </c>
    </row>
    <row r="12" spans="2:35" ht="21" customHeight="1" x14ac:dyDescent="0.2">
      <c r="B12" s="173" t="s">
        <v>10</v>
      </c>
      <c r="C12" s="233">
        <v>13</v>
      </c>
      <c r="D12" s="234">
        <v>16</v>
      </c>
      <c r="E12" s="235">
        <v>29</v>
      </c>
      <c r="F12" s="236">
        <v>0</v>
      </c>
      <c r="G12" s="234">
        <v>846</v>
      </c>
      <c r="H12" s="234">
        <v>516</v>
      </c>
      <c r="I12" s="234">
        <v>409</v>
      </c>
      <c r="J12" s="234">
        <v>311</v>
      </c>
      <c r="K12" s="234">
        <v>231</v>
      </c>
      <c r="L12" s="235">
        <v>2313</v>
      </c>
      <c r="M12" s="237">
        <v>2342</v>
      </c>
      <c r="N12" s="238">
        <v>0</v>
      </c>
      <c r="O12" s="234">
        <v>1</v>
      </c>
      <c r="P12" s="235">
        <v>1</v>
      </c>
      <c r="Q12" s="236">
        <v>0</v>
      </c>
      <c r="R12" s="234">
        <v>17</v>
      </c>
      <c r="S12" s="234">
        <v>5</v>
      </c>
      <c r="T12" s="234">
        <v>7</v>
      </c>
      <c r="U12" s="234">
        <v>7</v>
      </c>
      <c r="V12" s="234">
        <v>5</v>
      </c>
      <c r="W12" s="235">
        <v>41</v>
      </c>
      <c r="X12" s="237">
        <v>42</v>
      </c>
      <c r="Y12" s="238">
        <v>13</v>
      </c>
      <c r="Z12" s="234">
        <v>17</v>
      </c>
      <c r="AA12" s="235">
        <v>30</v>
      </c>
      <c r="AB12" s="236">
        <v>0</v>
      </c>
      <c r="AC12" s="234">
        <v>863</v>
      </c>
      <c r="AD12" s="234">
        <v>521</v>
      </c>
      <c r="AE12" s="234">
        <v>416</v>
      </c>
      <c r="AF12" s="234">
        <v>318</v>
      </c>
      <c r="AG12" s="234">
        <v>236</v>
      </c>
      <c r="AH12" s="235">
        <v>2354</v>
      </c>
      <c r="AI12" s="237">
        <v>2384</v>
      </c>
    </row>
    <row r="13" spans="2:35" ht="21" customHeight="1" x14ac:dyDescent="0.2">
      <c r="B13" s="173" t="s">
        <v>11</v>
      </c>
      <c r="C13" s="233">
        <v>2</v>
      </c>
      <c r="D13" s="234">
        <v>8</v>
      </c>
      <c r="E13" s="235">
        <v>10</v>
      </c>
      <c r="F13" s="236">
        <v>0</v>
      </c>
      <c r="G13" s="234">
        <v>633</v>
      </c>
      <c r="H13" s="234">
        <v>407</v>
      </c>
      <c r="I13" s="234">
        <v>303</v>
      </c>
      <c r="J13" s="234">
        <v>167</v>
      </c>
      <c r="K13" s="234">
        <v>81</v>
      </c>
      <c r="L13" s="235">
        <v>1591</v>
      </c>
      <c r="M13" s="237">
        <v>1601</v>
      </c>
      <c r="N13" s="238">
        <v>0</v>
      </c>
      <c r="O13" s="234">
        <v>0</v>
      </c>
      <c r="P13" s="235">
        <v>0</v>
      </c>
      <c r="Q13" s="236">
        <v>0</v>
      </c>
      <c r="R13" s="234">
        <v>9</v>
      </c>
      <c r="S13" s="234">
        <v>5</v>
      </c>
      <c r="T13" s="234">
        <v>5</v>
      </c>
      <c r="U13" s="234">
        <v>4</v>
      </c>
      <c r="V13" s="234">
        <v>2</v>
      </c>
      <c r="W13" s="235">
        <v>25</v>
      </c>
      <c r="X13" s="237">
        <v>25</v>
      </c>
      <c r="Y13" s="238">
        <v>2</v>
      </c>
      <c r="Z13" s="234">
        <v>8</v>
      </c>
      <c r="AA13" s="235">
        <v>10</v>
      </c>
      <c r="AB13" s="236">
        <v>0</v>
      </c>
      <c r="AC13" s="234">
        <v>642</v>
      </c>
      <c r="AD13" s="234">
        <v>412</v>
      </c>
      <c r="AE13" s="234">
        <v>308</v>
      </c>
      <c r="AF13" s="234">
        <v>171</v>
      </c>
      <c r="AG13" s="234">
        <v>83</v>
      </c>
      <c r="AH13" s="235">
        <v>1616</v>
      </c>
      <c r="AI13" s="237">
        <v>1626</v>
      </c>
    </row>
    <row r="14" spans="2:35" ht="21" customHeight="1" x14ac:dyDescent="0.2">
      <c r="B14" s="173" t="s">
        <v>12</v>
      </c>
      <c r="C14" s="233">
        <v>0</v>
      </c>
      <c r="D14" s="234">
        <v>2</v>
      </c>
      <c r="E14" s="235">
        <v>2</v>
      </c>
      <c r="F14" s="236">
        <v>0</v>
      </c>
      <c r="G14" s="234">
        <v>436</v>
      </c>
      <c r="H14" s="234">
        <v>370</v>
      </c>
      <c r="I14" s="234">
        <v>278</v>
      </c>
      <c r="J14" s="234">
        <v>178</v>
      </c>
      <c r="K14" s="234">
        <v>121</v>
      </c>
      <c r="L14" s="235">
        <v>1383</v>
      </c>
      <c r="M14" s="237">
        <v>1385</v>
      </c>
      <c r="N14" s="238">
        <v>0</v>
      </c>
      <c r="O14" s="234">
        <v>0</v>
      </c>
      <c r="P14" s="235">
        <v>0</v>
      </c>
      <c r="Q14" s="236">
        <v>0</v>
      </c>
      <c r="R14" s="234">
        <v>5</v>
      </c>
      <c r="S14" s="234">
        <v>9</v>
      </c>
      <c r="T14" s="234">
        <v>3</v>
      </c>
      <c r="U14" s="234">
        <v>0</v>
      </c>
      <c r="V14" s="234">
        <v>2</v>
      </c>
      <c r="W14" s="235">
        <v>19</v>
      </c>
      <c r="X14" s="237">
        <v>19</v>
      </c>
      <c r="Y14" s="238">
        <v>0</v>
      </c>
      <c r="Z14" s="234">
        <v>2</v>
      </c>
      <c r="AA14" s="235">
        <v>2</v>
      </c>
      <c r="AB14" s="236">
        <v>0</v>
      </c>
      <c r="AC14" s="234">
        <v>441</v>
      </c>
      <c r="AD14" s="234">
        <v>379</v>
      </c>
      <c r="AE14" s="234">
        <v>281</v>
      </c>
      <c r="AF14" s="234">
        <v>178</v>
      </c>
      <c r="AG14" s="234">
        <v>123</v>
      </c>
      <c r="AH14" s="235">
        <v>1402</v>
      </c>
      <c r="AI14" s="237">
        <v>1404</v>
      </c>
    </row>
    <row r="15" spans="2:35" ht="21" customHeight="1" x14ac:dyDescent="0.2">
      <c r="B15" s="173" t="s">
        <v>13</v>
      </c>
      <c r="C15" s="233">
        <v>1</v>
      </c>
      <c r="D15" s="234">
        <v>4</v>
      </c>
      <c r="E15" s="235">
        <v>5</v>
      </c>
      <c r="F15" s="236">
        <v>0</v>
      </c>
      <c r="G15" s="234">
        <v>183</v>
      </c>
      <c r="H15" s="234">
        <v>185</v>
      </c>
      <c r="I15" s="234">
        <v>110</v>
      </c>
      <c r="J15" s="234">
        <v>54</v>
      </c>
      <c r="K15" s="234">
        <v>32</v>
      </c>
      <c r="L15" s="235">
        <v>564</v>
      </c>
      <c r="M15" s="237">
        <v>569</v>
      </c>
      <c r="N15" s="238">
        <v>0</v>
      </c>
      <c r="O15" s="234">
        <v>0</v>
      </c>
      <c r="P15" s="235">
        <v>0</v>
      </c>
      <c r="Q15" s="236">
        <v>0</v>
      </c>
      <c r="R15" s="234">
        <v>1</v>
      </c>
      <c r="S15" s="234">
        <v>2</v>
      </c>
      <c r="T15" s="234">
        <v>3</v>
      </c>
      <c r="U15" s="234">
        <v>0</v>
      </c>
      <c r="V15" s="234">
        <v>0</v>
      </c>
      <c r="W15" s="235">
        <v>6</v>
      </c>
      <c r="X15" s="237">
        <v>6</v>
      </c>
      <c r="Y15" s="238">
        <v>1</v>
      </c>
      <c r="Z15" s="234">
        <v>4</v>
      </c>
      <c r="AA15" s="235">
        <v>5</v>
      </c>
      <c r="AB15" s="236">
        <v>0</v>
      </c>
      <c r="AC15" s="234">
        <v>184</v>
      </c>
      <c r="AD15" s="234">
        <v>187</v>
      </c>
      <c r="AE15" s="234">
        <v>113</v>
      </c>
      <c r="AF15" s="234">
        <v>54</v>
      </c>
      <c r="AG15" s="234">
        <v>32</v>
      </c>
      <c r="AH15" s="235">
        <v>570</v>
      </c>
      <c r="AI15" s="237">
        <v>575</v>
      </c>
    </row>
    <row r="16" spans="2:35" ht="21" customHeight="1" x14ac:dyDescent="0.2">
      <c r="B16" s="173" t="s">
        <v>15</v>
      </c>
      <c r="C16" s="233">
        <v>2</v>
      </c>
      <c r="D16" s="234">
        <v>16</v>
      </c>
      <c r="E16" s="235">
        <v>18</v>
      </c>
      <c r="F16" s="236">
        <v>0</v>
      </c>
      <c r="G16" s="234">
        <v>225</v>
      </c>
      <c r="H16" s="234">
        <v>243</v>
      </c>
      <c r="I16" s="234">
        <v>140</v>
      </c>
      <c r="J16" s="234">
        <v>78</v>
      </c>
      <c r="K16" s="234">
        <v>53</v>
      </c>
      <c r="L16" s="235">
        <v>739</v>
      </c>
      <c r="M16" s="237">
        <v>757</v>
      </c>
      <c r="N16" s="238">
        <v>0</v>
      </c>
      <c r="O16" s="234">
        <v>1</v>
      </c>
      <c r="P16" s="235">
        <v>1</v>
      </c>
      <c r="Q16" s="236">
        <v>0</v>
      </c>
      <c r="R16" s="234">
        <v>4</v>
      </c>
      <c r="S16" s="234">
        <v>4</v>
      </c>
      <c r="T16" s="234">
        <v>1</v>
      </c>
      <c r="U16" s="234">
        <v>0</v>
      </c>
      <c r="V16" s="234">
        <v>0</v>
      </c>
      <c r="W16" s="235">
        <v>9</v>
      </c>
      <c r="X16" s="237">
        <v>10</v>
      </c>
      <c r="Y16" s="238">
        <v>2</v>
      </c>
      <c r="Z16" s="234">
        <v>17</v>
      </c>
      <c r="AA16" s="235">
        <v>19</v>
      </c>
      <c r="AB16" s="236">
        <v>0</v>
      </c>
      <c r="AC16" s="234">
        <v>229</v>
      </c>
      <c r="AD16" s="234">
        <v>247</v>
      </c>
      <c r="AE16" s="234">
        <v>141</v>
      </c>
      <c r="AF16" s="234">
        <v>78</v>
      </c>
      <c r="AG16" s="234">
        <v>53</v>
      </c>
      <c r="AH16" s="235">
        <v>748</v>
      </c>
      <c r="AI16" s="237">
        <v>767</v>
      </c>
    </row>
    <row r="17" spans="2:35" ht="21" customHeight="1" x14ac:dyDescent="0.2">
      <c r="B17" s="173" t="s">
        <v>16</v>
      </c>
      <c r="C17" s="233">
        <v>3</v>
      </c>
      <c r="D17" s="234">
        <v>5</v>
      </c>
      <c r="E17" s="235">
        <v>8</v>
      </c>
      <c r="F17" s="236">
        <v>0</v>
      </c>
      <c r="G17" s="234">
        <v>194</v>
      </c>
      <c r="H17" s="234">
        <v>279</v>
      </c>
      <c r="I17" s="234">
        <v>183</v>
      </c>
      <c r="J17" s="234">
        <v>113</v>
      </c>
      <c r="K17" s="234">
        <v>81</v>
      </c>
      <c r="L17" s="235">
        <v>850</v>
      </c>
      <c r="M17" s="237">
        <v>858</v>
      </c>
      <c r="N17" s="238">
        <v>0</v>
      </c>
      <c r="O17" s="234">
        <v>0</v>
      </c>
      <c r="P17" s="235">
        <v>0</v>
      </c>
      <c r="Q17" s="236">
        <v>0</v>
      </c>
      <c r="R17" s="234">
        <v>4</v>
      </c>
      <c r="S17" s="234">
        <v>5</v>
      </c>
      <c r="T17" s="234">
        <v>5</v>
      </c>
      <c r="U17" s="234">
        <v>5</v>
      </c>
      <c r="V17" s="234">
        <v>1</v>
      </c>
      <c r="W17" s="235">
        <v>20</v>
      </c>
      <c r="X17" s="237">
        <v>20</v>
      </c>
      <c r="Y17" s="238">
        <v>3</v>
      </c>
      <c r="Z17" s="234">
        <v>5</v>
      </c>
      <c r="AA17" s="235">
        <v>8</v>
      </c>
      <c r="AB17" s="236">
        <v>0</v>
      </c>
      <c r="AC17" s="234">
        <v>198</v>
      </c>
      <c r="AD17" s="234">
        <v>284</v>
      </c>
      <c r="AE17" s="234">
        <v>188</v>
      </c>
      <c r="AF17" s="234">
        <v>118</v>
      </c>
      <c r="AG17" s="234">
        <v>82</v>
      </c>
      <c r="AH17" s="235">
        <v>870</v>
      </c>
      <c r="AI17" s="237">
        <v>878</v>
      </c>
    </row>
    <row r="18" spans="2:35" ht="21" customHeight="1" x14ac:dyDescent="0.2">
      <c r="B18" s="173" t="s">
        <v>17</v>
      </c>
      <c r="C18" s="233">
        <v>2</v>
      </c>
      <c r="D18" s="234">
        <v>6</v>
      </c>
      <c r="E18" s="235">
        <v>8</v>
      </c>
      <c r="F18" s="236">
        <v>0</v>
      </c>
      <c r="G18" s="234">
        <v>319</v>
      </c>
      <c r="H18" s="234">
        <v>408</v>
      </c>
      <c r="I18" s="234">
        <v>302</v>
      </c>
      <c r="J18" s="234">
        <v>205</v>
      </c>
      <c r="K18" s="234">
        <v>104</v>
      </c>
      <c r="L18" s="235">
        <v>1338</v>
      </c>
      <c r="M18" s="237">
        <v>1346</v>
      </c>
      <c r="N18" s="238">
        <v>0</v>
      </c>
      <c r="O18" s="234">
        <v>0</v>
      </c>
      <c r="P18" s="235">
        <v>0</v>
      </c>
      <c r="Q18" s="236">
        <v>0</v>
      </c>
      <c r="R18" s="234">
        <v>3</v>
      </c>
      <c r="S18" s="234">
        <v>14</v>
      </c>
      <c r="T18" s="234">
        <v>7</v>
      </c>
      <c r="U18" s="234">
        <v>8</v>
      </c>
      <c r="V18" s="234">
        <v>5</v>
      </c>
      <c r="W18" s="235">
        <v>37</v>
      </c>
      <c r="X18" s="237">
        <v>37</v>
      </c>
      <c r="Y18" s="238">
        <v>2</v>
      </c>
      <c r="Z18" s="234">
        <v>6</v>
      </c>
      <c r="AA18" s="235">
        <v>8</v>
      </c>
      <c r="AB18" s="236">
        <v>0</v>
      </c>
      <c r="AC18" s="234">
        <v>322</v>
      </c>
      <c r="AD18" s="234">
        <v>422</v>
      </c>
      <c r="AE18" s="234">
        <v>309</v>
      </c>
      <c r="AF18" s="234">
        <v>213</v>
      </c>
      <c r="AG18" s="234">
        <v>109</v>
      </c>
      <c r="AH18" s="235">
        <v>1375</v>
      </c>
      <c r="AI18" s="237">
        <v>1383</v>
      </c>
    </row>
    <row r="19" spans="2:35" ht="21" customHeight="1" x14ac:dyDescent="0.2">
      <c r="B19" s="173" t="s">
        <v>18</v>
      </c>
      <c r="C19" s="233">
        <v>6</v>
      </c>
      <c r="D19" s="234">
        <v>19</v>
      </c>
      <c r="E19" s="235">
        <v>25</v>
      </c>
      <c r="F19" s="236">
        <v>0</v>
      </c>
      <c r="G19" s="234">
        <v>417</v>
      </c>
      <c r="H19" s="234">
        <v>339</v>
      </c>
      <c r="I19" s="234">
        <v>281</v>
      </c>
      <c r="J19" s="234">
        <v>155</v>
      </c>
      <c r="K19" s="234">
        <v>75</v>
      </c>
      <c r="L19" s="235">
        <v>1267</v>
      </c>
      <c r="M19" s="237">
        <v>1292</v>
      </c>
      <c r="N19" s="238">
        <v>0</v>
      </c>
      <c r="O19" s="234">
        <v>0</v>
      </c>
      <c r="P19" s="235">
        <v>0</v>
      </c>
      <c r="Q19" s="236">
        <v>0</v>
      </c>
      <c r="R19" s="234">
        <v>3</v>
      </c>
      <c r="S19" s="234">
        <v>7</v>
      </c>
      <c r="T19" s="234">
        <v>0</v>
      </c>
      <c r="U19" s="234">
        <v>6</v>
      </c>
      <c r="V19" s="234">
        <v>5</v>
      </c>
      <c r="W19" s="235">
        <v>21</v>
      </c>
      <c r="X19" s="237">
        <v>21</v>
      </c>
      <c r="Y19" s="238">
        <v>6</v>
      </c>
      <c r="Z19" s="234">
        <v>19</v>
      </c>
      <c r="AA19" s="235">
        <v>25</v>
      </c>
      <c r="AB19" s="236">
        <v>0</v>
      </c>
      <c r="AC19" s="234">
        <v>420</v>
      </c>
      <c r="AD19" s="234">
        <v>346</v>
      </c>
      <c r="AE19" s="234">
        <v>281</v>
      </c>
      <c r="AF19" s="234">
        <v>161</v>
      </c>
      <c r="AG19" s="234">
        <v>80</v>
      </c>
      <c r="AH19" s="235">
        <v>1288</v>
      </c>
      <c r="AI19" s="237">
        <v>1313</v>
      </c>
    </row>
    <row r="20" spans="2:35" ht="21" customHeight="1" x14ac:dyDescent="0.2">
      <c r="B20" s="173" t="s">
        <v>19</v>
      </c>
      <c r="C20" s="233">
        <v>0</v>
      </c>
      <c r="D20" s="234">
        <v>1</v>
      </c>
      <c r="E20" s="235">
        <v>1</v>
      </c>
      <c r="F20" s="236">
        <v>0</v>
      </c>
      <c r="G20" s="234">
        <v>179</v>
      </c>
      <c r="H20" s="234">
        <v>183</v>
      </c>
      <c r="I20" s="234">
        <v>127</v>
      </c>
      <c r="J20" s="234">
        <v>66</v>
      </c>
      <c r="K20" s="234">
        <v>59</v>
      </c>
      <c r="L20" s="235">
        <v>614</v>
      </c>
      <c r="M20" s="237">
        <v>615</v>
      </c>
      <c r="N20" s="238">
        <v>0</v>
      </c>
      <c r="O20" s="234">
        <v>0</v>
      </c>
      <c r="P20" s="235">
        <v>0</v>
      </c>
      <c r="Q20" s="236">
        <v>0</v>
      </c>
      <c r="R20" s="234">
        <v>2</v>
      </c>
      <c r="S20" s="234">
        <v>3</v>
      </c>
      <c r="T20" s="234">
        <v>1</v>
      </c>
      <c r="U20" s="234">
        <v>2</v>
      </c>
      <c r="V20" s="234">
        <v>1</v>
      </c>
      <c r="W20" s="235">
        <v>9</v>
      </c>
      <c r="X20" s="237">
        <v>9</v>
      </c>
      <c r="Y20" s="238">
        <v>0</v>
      </c>
      <c r="Z20" s="234">
        <v>1</v>
      </c>
      <c r="AA20" s="235">
        <v>1</v>
      </c>
      <c r="AB20" s="236">
        <v>0</v>
      </c>
      <c r="AC20" s="234">
        <v>181</v>
      </c>
      <c r="AD20" s="234">
        <v>186</v>
      </c>
      <c r="AE20" s="234">
        <v>128</v>
      </c>
      <c r="AF20" s="234">
        <v>68</v>
      </c>
      <c r="AG20" s="234">
        <v>60</v>
      </c>
      <c r="AH20" s="235">
        <v>623</v>
      </c>
      <c r="AI20" s="237">
        <v>624</v>
      </c>
    </row>
    <row r="21" spans="2:35" ht="21" customHeight="1" x14ac:dyDescent="0.2">
      <c r="B21" s="173" t="s">
        <v>20</v>
      </c>
      <c r="C21" s="233">
        <v>0</v>
      </c>
      <c r="D21" s="234">
        <v>1</v>
      </c>
      <c r="E21" s="235">
        <v>1</v>
      </c>
      <c r="F21" s="236">
        <v>0</v>
      </c>
      <c r="G21" s="234">
        <v>209</v>
      </c>
      <c r="H21" s="234">
        <v>145</v>
      </c>
      <c r="I21" s="234">
        <v>114</v>
      </c>
      <c r="J21" s="234">
        <v>37</v>
      </c>
      <c r="K21" s="234">
        <v>32</v>
      </c>
      <c r="L21" s="235">
        <v>537</v>
      </c>
      <c r="M21" s="237">
        <v>538</v>
      </c>
      <c r="N21" s="238">
        <v>0</v>
      </c>
      <c r="O21" s="234">
        <v>0</v>
      </c>
      <c r="P21" s="235">
        <v>0</v>
      </c>
      <c r="Q21" s="236">
        <v>0</v>
      </c>
      <c r="R21" s="234">
        <v>3</v>
      </c>
      <c r="S21" s="234">
        <v>3</v>
      </c>
      <c r="T21" s="234">
        <v>4</v>
      </c>
      <c r="U21" s="234">
        <v>0</v>
      </c>
      <c r="V21" s="234">
        <v>2</v>
      </c>
      <c r="W21" s="235">
        <v>12</v>
      </c>
      <c r="X21" s="237">
        <v>12</v>
      </c>
      <c r="Y21" s="238">
        <v>0</v>
      </c>
      <c r="Z21" s="234">
        <v>1</v>
      </c>
      <c r="AA21" s="235">
        <v>1</v>
      </c>
      <c r="AB21" s="236">
        <v>0</v>
      </c>
      <c r="AC21" s="234">
        <v>212</v>
      </c>
      <c r="AD21" s="234">
        <v>148</v>
      </c>
      <c r="AE21" s="234">
        <v>118</v>
      </c>
      <c r="AF21" s="234">
        <v>37</v>
      </c>
      <c r="AG21" s="234">
        <v>34</v>
      </c>
      <c r="AH21" s="235">
        <v>549</v>
      </c>
      <c r="AI21" s="237">
        <v>550</v>
      </c>
    </row>
    <row r="22" spans="2:35" ht="21" customHeight="1" x14ac:dyDescent="0.2">
      <c r="B22" s="173" t="s">
        <v>21</v>
      </c>
      <c r="C22" s="233">
        <v>0</v>
      </c>
      <c r="D22" s="234">
        <v>0</v>
      </c>
      <c r="E22" s="235">
        <v>0</v>
      </c>
      <c r="F22" s="236">
        <v>0</v>
      </c>
      <c r="G22" s="234">
        <v>221</v>
      </c>
      <c r="H22" s="234">
        <v>217</v>
      </c>
      <c r="I22" s="234">
        <v>141</v>
      </c>
      <c r="J22" s="234">
        <v>61</v>
      </c>
      <c r="K22" s="234">
        <v>34</v>
      </c>
      <c r="L22" s="235">
        <v>674</v>
      </c>
      <c r="M22" s="237">
        <v>674</v>
      </c>
      <c r="N22" s="238">
        <v>0</v>
      </c>
      <c r="O22" s="234">
        <v>0</v>
      </c>
      <c r="P22" s="235">
        <v>0</v>
      </c>
      <c r="Q22" s="236">
        <v>0</v>
      </c>
      <c r="R22" s="234">
        <v>2</v>
      </c>
      <c r="S22" s="234">
        <v>6</v>
      </c>
      <c r="T22" s="234">
        <v>3</v>
      </c>
      <c r="U22" s="234">
        <v>0</v>
      </c>
      <c r="V22" s="234">
        <v>2</v>
      </c>
      <c r="W22" s="235">
        <v>13</v>
      </c>
      <c r="X22" s="237">
        <v>13</v>
      </c>
      <c r="Y22" s="238">
        <v>0</v>
      </c>
      <c r="Z22" s="234">
        <v>0</v>
      </c>
      <c r="AA22" s="235">
        <v>0</v>
      </c>
      <c r="AB22" s="236">
        <v>0</v>
      </c>
      <c r="AC22" s="234">
        <v>223</v>
      </c>
      <c r="AD22" s="234">
        <v>223</v>
      </c>
      <c r="AE22" s="234">
        <v>144</v>
      </c>
      <c r="AF22" s="234">
        <v>61</v>
      </c>
      <c r="AG22" s="234">
        <v>36</v>
      </c>
      <c r="AH22" s="235">
        <v>687</v>
      </c>
      <c r="AI22" s="237">
        <v>687</v>
      </c>
    </row>
    <row r="23" spans="2:35" ht="21" customHeight="1" x14ac:dyDescent="0.2">
      <c r="B23" s="173" t="s">
        <v>22</v>
      </c>
      <c r="C23" s="233">
        <v>4</v>
      </c>
      <c r="D23" s="234">
        <v>4</v>
      </c>
      <c r="E23" s="235">
        <v>8</v>
      </c>
      <c r="F23" s="236">
        <v>0</v>
      </c>
      <c r="G23" s="234">
        <v>146</v>
      </c>
      <c r="H23" s="234">
        <v>145</v>
      </c>
      <c r="I23" s="234">
        <v>87</v>
      </c>
      <c r="J23" s="234">
        <v>63</v>
      </c>
      <c r="K23" s="234">
        <v>25</v>
      </c>
      <c r="L23" s="235">
        <v>466</v>
      </c>
      <c r="M23" s="237">
        <v>474</v>
      </c>
      <c r="N23" s="238">
        <v>0</v>
      </c>
      <c r="O23" s="234">
        <v>0</v>
      </c>
      <c r="P23" s="235">
        <v>0</v>
      </c>
      <c r="Q23" s="236">
        <v>0</v>
      </c>
      <c r="R23" s="234">
        <v>2</v>
      </c>
      <c r="S23" s="234">
        <v>1</v>
      </c>
      <c r="T23" s="234">
        <v>1</v>
      </c>
      <c r="U23" s="234">
        <v>0</v>
      </c>
      <c r="V23" s="234">
        <v>0</v>
      </c>
      <c r="W23" s="235">
        <v>4</v>
      </c>
      <c r="X23" s="237">
        <v>4</v>
      </c>
      <c r="Y23" s="238">
        <v>4</v>
      </c>
      <c r="Z23" s="234">
        <v>4</v>
      </c>
      <c r="AA23" s="235">
        <v>8</v>
      </c>
      <c r="AB23" s="236">
        <v>0</v>
      </c>
      <c r="AC23" s="234">
        <v>148</v>
      </c>
      <c r="AD23" s="234">
        <v>146</v>
      </c>
      <c r="AE23" s="234">
        <v>88</v>
      </c>
      <c r="AF23" s="234">
        <v>63</v>
      </c>
      <c r="AG23" s="234">
        <v>25</v>
      </c>
      <c r="AH23" s="235">
        <v>470</v>
      </c>
      <c r="AI23" s="237">
        <v>478</v>
      </c>
    </row>
    <row r="24" spans="2:35" ht="21" customHeight="1" x14ac:dyDescent="0.2">
      <c r="B24" s="173" t="s">
        <v>23</v>
      </c>
      <c r="C24" s="233">
        <v>0</v>
      </c>
      <c r="D24" s="234">
        <v>0</v>
      </c>
      <c r="E24" s="235">
        <v>0</v>
      </c>
      <c r="F24" s="236">
        <v>0</v>
      </c>
      <c r="G24" s="234">
        <v>99</v>
      </c>
      <c r="H24" s="234">
        <v>66</v>
      </c>
      <c r="I24" s="234">
        <v>53</v>
      </c>
      <c r="J24" s="234">
        <v>44</v>
      </c>
      <c r="K24" s="234">
        <v>8</v>
      </c>
      <c r="L24" s="235">
        <v>270</v>
      </c>
      <c r="M24" s="237">
        <v>270</v>
      </c>
      <c r="N24" s="238">
        <v>0</v>
      </c>
      <c r="O24" s="234">
        <v>0</v>
      </c>
      <c r="P24" s="235">
        <v>0</v>
      </c>
      <c r="Q24" s="236">
        <v>0</v>
      </c>
      <c r="R24" s="234">
        <v>1</v>
      </c>
      <c r="S24" s="234">
        <v>1</v>
      </c>
      <c r="T24" s="234">
        <v>0</v>
      </c>
      <c r="U24" s="234">
        <v>0</v>
      </c>
      <c r="V24" s="234">
        <v>0</v>
      </c>
      <c r="W24" s="235">
        <v>2</v>
      </c>
      <c r="X24" s="237">
        <v>2</v>
      </c>
      <c r="Y24" s="238">
        <v>0</v>
      </c>
      <c r="Z24" s="234">
        <v>0</v>
      </c>
      <c r="AA24" s="235">
        <v>0</v>
      </c>
      <c r="AB24" s="236">
        <v>0</v>
      </c>
      <c r="AC24" s="234">
        <v>100</v>
      </c>
      <c r="AD24" s="234">
        <v>67</v>
      </c>
      <c r="AE24" s="234">
        <v>53</v>
      </c>
      <c r="AF24" s="234">
        <v>44</v>
      </c>
      <c r="AG24" s="234">
        <v>8</v>
      </c>
      <c r="AH24" s="235">
        <v>272</v>
      </c>
      <c r="AI24" s="237">
        <v>272</v>
      </c>
    </row>
    <row r="25" spans="2:35" ht="21" customHeight="1" x14ac:dyDescent="0.2">
      <c r="B25" s="173" t="s">
        <v>24</v>
      </c>
      <c r="C25" s="233">
        <v>2</v>
      </c>
      <c r="D25" s="234">
        <v>3</v>
      </c>
      <c r="E25" s="235">
        <v>5</v>
      </c>
      <c r="F25" s="236">
        <v>0</v>
      </c>
      <c r="G25" s="234">
        <v>44</v>
      </c>
      <c r="H25" s="234">
        <v>36</v>
      </c>
      <c r="I25" s="234">
        <v>26</v>
      </c>
      <c r="J25" s="234">
        <v>24</v>
      </c>
      <c r="K25" s="234">
        <v>6</v>
      </c>
      <c r="L25" s="235">
        <v>136</v>
      </c>
      <c r="M25" s="237">
        <v>141</v>
      </c>
      <c r="N25" s="238">
        <v>0</v>
      </c>
      <c r="O25" s="234">
        <v>0</v>
      </c>
      <c r="P25" s="235">
        <v>0</v>
      </c>
      <c r="Q25" s="236">
        <v>0</v>
      </c>
      <c r="R25" s="234">
        <v>0</v>
      </c>
      <c r="S25" s="234">
        <v>1</v>
      </c>
      <c r="T25" s="234">
        <v>0</v>
      </c>
      <c r="U25" s="234">
        <v>1</v>
      </c>
      <c r="V25" s="234">
        <v>0</v>
      </c>
      <c r="W25" s="235">
        <v>2</v>
      </c>
      <c r="X25" s="237">
        <v>2</v>
      </c>
      <c r="Y25" s="238">
        <v>2</v>
      </c>
      <c r="Z25" s="234">
        <v>3</v>
      </c>
      <c r="AA25" s="235">
        <v>5</v>
      </c>
      <c r="AB25" s="236">
        <v>0</v>
      </c>
      <c r="AC25" s="234">
        <v>44</v>
      </c>
      <c r="AD25" s="234">
        <v>37</v>
      </c>
      <c r="AE25" s="234">
        <v>26</v>
      </c>
      <c r="AF25" s="234">
        <v>25</v>
      </c>
      <c r="AG25" s="234">
        <v>6</v>
      </c>
      <c r="AH25" s="235">
        <v>138</v>
      </c>
      <c r="AI25" s="237">
        <v>143</v>
      </c>
    </row>
    <row r="26" spans="2:35" ht="21" customHeight="1" x14ac:dyDescent="0.2">
      <c r="B26" s="173" t="s">
        <v>25</v>
      </c>
      <c r="C26" s="233">
        <v>2</v>
      </c>
      <c r="D26" s="234">
        <v>1</v>
      </c>
      <c r="E26" s="235">
        <v>3</v>
      </c>
      <c r="F26" s="236">
        <v>0</v>
      </c>
      <c r="G26" s="234">
        <v>92</v>
      </c>
      <c r="H26" s="234">
        <v>47</v>
      </c>
      <c r="I26" s="234">
        <v>27</v>
      </c>
      <c r="J26" s="234">
        <v>14</v>
      </c>
      <c r="K26" s="234">
        <v>4</v>
      </c>
      <c r="L26" s="235">
        <v>184</v>
      </c>
      <c r="M26" s="237">
        <v>187</v>
      </c>
      <c r="N26" s="238">
        <v>0</v>
      </c>
      <c r="O26" s="234">
        <v>0</v>
      </c>
      <c r="P26" s="235">
        <v>0</v>
      </c>
      <c r="Q26" s="236">
        <v>0</v>
      </c>
      <c r="R26" s="234">
        <v>1</v>
      </c>
      <c r="S26" s="234">
        <v>0</v>
      </c>
      <c r="T26" s="234">
        <v>2</v>
      </c>
      <c r="U26" s="234">
        <v>0</v>
      </c>
      <c r="V26" s="234">
        <v>0</v>
      </c>
      <c r="W26" s="235">
        <v>3</v>
      </c>
      <c r="X26" s="237">
        <v>3</v>
      </c>
      <c r="Y26" s="238">
        <v>2</v>
      </c>
      <c r="Z26" s="234">
        <v>1</v>
      </c>
      <c r="AA26" s="235">
        <v>3</v>
      </c>
      <c r="AB26" s="236">
        <v>0</v>
      </c>
      <c r="AC26" s="234">
        <v>93</v>
      </c>
      <c r="AD26" s="234">
        <v>47</v>
      </c>
      <c r="AE26" s="234">
        <v>29</v>
      </c>
      <c r="AF26" s="234">
        <v>14</v>
      </c>
      <c r="AG26" s="234">
        <v>4</v>
      </c>
      <c r="AH26" s="235">
        <v>187</v>
      </c>
      <c r="AI26" s="237">
        <v>190</v>
      </c>
    </row>
    <row r="27" spans="2:35" ht="21" customHeight="1" x14ac:dyDescent="0.2">
      <c r="B27" s="173" t="s">
        <v>26</v>
      </c>
      <c r="C27" s="233">
        <v>0</v>
      </c>
      <c r="D27" s="234">
        <v>0</v>
      </c>
      <c r="E27" s="235">
        <v>0</v>
      </c>
      <c r="F27" s="236">
        <v>0</v>
      </c>
      <c r="G27" s="234">
        <v>54</v>
      </c>
      <c r="H27" s="234">
        <v>64</v>
      </c>
      <c r="I27" s="234">
        <v>56</v>
      </c>
      <c r="J27" s="234">
        <v>21</v>
      </c>
      <c r="K27" s="234">
        <v>12</v>
      </c>
      <c r="L27" s="235">
        <v>207</v>
      </c>
      <c r="M27" s="237">
        <v>207</v>
      </c>
      <c r="N27" s="238">
        <v>0</v>
      </c>
      <c r="O27" s="234">
        <v>0</v>
      </c>
      <c r="P27" s="235">
        <v>0</v>
      </c>
      <c r="Q27" s="236">
        <v>0</v>
      </c>
      <c r="R27" s="234">
        <v>0</v>
      </c>
      <c r="S27" s="234">
        <v>0</v>
      </c>
      <c r="T27" s="234">
        <v>0</v>
      </c>
      <c r="U27" s="234">
        <v>0</v>
      </c>
      <c r="V27" s="234">
        <v>1</v>
      </c>
      <c r="W27" s="235">
        <v>1</v>
      </c>
      <c r="X27" s="237">
        <v>1</v>
      </c>
      <c r="Y27" s="238">
        <v>0</v>
      </c>
      <c r="Z27" s="234">
        <v>0</v>
      </c>
      <c r="AA27" s="235">
        <v>0</v>
      </c>
      <c r="AB27" s="236">
        <v>0</v>
      </c>
      <c r="AC27" s="234">
        <v>54</v>
      </c>
      <c r="AD27" s="234">
        <v>64</v>
      </c>
      <c r="AE27" s="234">
        <v>56</v>
      </c>
      <c r="AF27" s="234">
        <v>21</v>
      </c>
      <c r="AG27" s="234">
        <v>13</v>
      </c>
      <c r="AH27" s="235">
        <v>208</v>
      </c>
      <c r="AI27" s="237">
        <v>208</v>
      </c>
    </row>
    <row r="28" spans="2:35" ht="21" customHeight="1" x14ac:dyDescent="0.2">
      <c r="B28" s="173" t="s">
        <v>27</v>
      </c>
      <c r="C28" s="233">
        <v>0</v>
      </c>
      <c r="D28" s="234">
        <v>0</v>
      </c>
      <c r="E28" s="235">
        <v>0</v>
      </c>
      <c r="F28" s="236">
        <v>0</v>
      </c>
      <c r="G28" s="234">
        <v>48</v>
      </c>
      <c r="H28" s="234">
        <v>27</v>
      </c>
      <c r="I28" s="234">
        <v>31</v>
      </c>
      <c r="J28" s="234">
        <v>20</v>
      </c>
      <c r="K28" s="234">
        <v>13</v>
      </c>
      <c r="L28" s="235">
        <v>139</v>
      </c>
      <c r="M28" s="237">
        <v>139</v>
      </c>
      <c r="N28" s="238">
        <v>0</v>
      </c>
      <c r="O28" s="234">
        <v>0</v>
      </c>
      <c r="P28" s="235">
        <v>0</v>
      </c>
      <c r="Q28" s="236">
        <v>0</v>
      </c>
      <c r="R28" s="234">
        <v>1</v>
      </c>
      <c r="S28" s="234">
        <v>0</v>
      </c>
      <c r="T28" s="234">
        <v>1</v>
      </c>
      <c r="U28" s="234">
        <v>0</v>
      </c>
      <c r="V28" s="234">
        <v>0</v>
      </c>
      <c r="W28" s="235">
        <v>2</v>
      </c>
      <c r="X28" s="237">
        <v>2</v>
      </c>
      <c r="Y28" s="238">
        <v>0</v>
      </c>
      <c r="Z28" s="234">
        <v>0</v>
      </c>
      <c r="AA28" s="235">
        <v>0</v>
      </c>
      <c r="AB28" s="236">
        <v>0</v>
      </c>
      <c r="AC28" s="234">
        <v>49</v>
      </c>
      <c r="AD28" s="234">
        <v>27</v>
      </c>
      <c r="AE28" s="234">
        <v>32</v>
      </c>
      <c r="AF28" s="234">
        <v>20</v>
      </c>
      <c r="AG28" s="234">
        <v>13</v>
      </c>
      <c r="AH28" s="235">
        <v>141</v>
      </c>
      <c r="AI28" s="237">
        <v>141</v>
      </c>
    </row>
    <row r="29" spans="2:35" ht="21" customHeight="1" x14ac:dyDescent="0.2">
      <c r="B29" s="173" t="s">
        <v>28</v>
      </c>
      <c r="C29" s="233">
        <v>0</v>
      </c>
      <c r="D29" s="234">
        <v>0</v>
      </c>
      <c r="E29" s="235">
        <v>0</v>
      </c>
      <c r="F29" s="236">
        <v>0</v>
      </c>
      <c r="G29" s="234">
        <v>31</v>
      </c>
      <c r="H29" s="234">
        <v>20</v>
      </c>
      <c r="I29" s="234">
        <v>6</v>
      </c>
      <c r="J29" s="234">
        <v>6</v>
      </c>
      <c r="K29" s="234">
        <v>3</v>
      </c>
      <c r="L29" s="235">
        <v>66</v>
      </c>
      <c r="M29" s="237">
        <v>66</v>
      </c>
      <c r="N29" s="238">
        <v>0</v>
      </c>
      <c r="O29" s="234">
        <v>0</v>
      </c>
      <c r="P29" s="235">
        <v>0</v>
      </c>
      <c r="Q29" s="236">
        <v>0</v>
      </c>
      <c r="R29" s="234">
        <v>0</v>
      </c>
      <c r="S29" s="234">
        <v>0</v>
      </c>
      <c r="T29" s="234">
        <v>1</v>
      </c>
      <c r="U29" s="234">
        <v>0</v>
      </c>
      <c r="V29" s="234">
        <v>1</v>
      </c>
      <c r="W29" s="235">
        <v>2</v>
      </c>
      <c r="X29" s="237">
        <v>2</v>
      </c>
      <c r="Y29" s="238">
        <v>0</v>
      </c>
      <c r="Z29" s="234">
        <v>0</v>
      </c>
      <c r="AA29" s="235">
        <v>0</v>
      </c>
      <c r="AB29" s="236">
        <v>0</v>
      </c>
      <c r="AC29" s="234">
        <v>31</v>
      </c>
      <c r="AD29" s="234">
        <v>20</v>
      </c>
      <c r="AE29" s="234">
        <v>7</v>
      </c>
      <c r="AF29" s="234">
        <v>6</v>
      </c>
      <c r="AG29" s="234">
        <v>4</v>
      </c>
      <c r="AH29" s="235">
        <v>68</v>
      </c>
      <c r="AI29" s="237">
        <v>68</v>
      </c>
    </row>
    <row r="30" spans="2:35" ht="21" customHeight="1" x14ac:dyDescent="0.2">
      <c r="B30" s="173" t="s">
        <v>29</v>
      </c>
      <c r="C30" s="233">
        <v>0</v>
      </c>
      <c r="D30" s="234">
        <v>1</v>
      </c>
      <c r="E30" s="235">
        <v>1</v>
      </c>
      <c r="F30" s="236">
        <v>0</v>
      </c>
      <c r="G30" s="234">
        <v>29</v>
      </c>
      <c r="H30" s="234">
        <v>32</v>
      </c>
      <c r="I30" s="234">
        <v>36</v>
      </c>
      <c r="J30" s="234">
        <v>20</v>
      </c>
      <c r="K30" s="234">
        <v>8</v>
      </c>
      <c r="L30" s="235">
        <v>125</v>
      </c>
      <c r="M30" s="237">
        <v>126</v>
      </c>
      <c r="N30" s="238">
        <v>0</v>
      </c>
      <c r="O30" s="234">
        <v>0</v>
      </c>
      <c r="P30" s="235">
        <v>0</v>
      </c>
      <c r="Q30" s="236">
        <v>0</v>
      </c>
      <c r="R30" s="234">
        <v>1</v>
      </c>
      <c r="S30" s="234">
        <v>0</v>
      </c>
      <c r="T30" s="234">
        <v>0</v>
      </c>
      <c r="U30" s="234">
        <v>0</v>
      </c>
      <c r="V30" s="234">
        <v>0</v>
      </c>
      <c r="W30" s="235">
        <v>1</v>
      </c>
      <c r="X30" s="237">
        <v>1</v>
      </c>
      <c r="Y30" s="238">
        <v>0</v>
      </c>
      <c r="Z30" s="234">
        <v>1</v>
      </c>
      <c r="AA30" s="235">
        <v>1</v>
      </c>
      <c r="AB30" s="236">
        <v>0</v>
      </c>
      <c r="AC30" s="234">
        <v>30</v>
      </c>
      <c r="AD30" s="234">
        <v>32</v>
      </c>
      <c r="AE30" s="234">
        <v>36</v>
      </c>
      <c r="AF30" s="234">
        <v>20</v>
      </c>
      <c r="AG30" s="234">
        <v>8</v>
      </c>
      <c r="AH30" s="235">
        <v>126</v>
      </c>
      <c r="AI30" s="237">
        <v>127</v>
      </c>
    </row>
    <row r="31" spans="2:35" ht="21" customHeight="1" x14ac:dyDescent="0.2">
      <c r="B31" s="173" t="s">
        <v>30</v>
      </c>
      <c r="C31" s="233">
        <v>0</v>
      </c>
      <c r="D31" s="234">
        <v>0</v>
      </c>
      <c r="E31" s="235">
        <v>0</v>
      </c>
      <c r="F31" s="236">
        <v>0</v>
      </c>
      <c r="G31" s="234">
        <v>28</v>
      </c>
      <c r="H31" s="234">
        <v>15</v>
      </c>
      <c r="I31" s="234">
        <v>14</v>
      </c>
      <c r="J31" s="234">
        <v>13</v>
      </c>
      <c r="K31" s="234">
        <v>4</v>
      </c>
      <c r="L31" s="235">
        <v>74</v>
      </c>
      <c r="M31" s="237">
        <v>74</v>
      </c>
      <c r="N31" s="238">
        <v>0</v>
      </c>
      <c r="O31" s="234">
        <v>0</v>
      </c>
      <c r="P31" s="235">
        <v>0</v>
      </c>
      <c r="Q31" s="236">
        <v>0</v>
      </c>
      <c r="R31" s="234">
        <v>1</v>
      </c>
      <c r="S31" s="234">
        <v>0</v>
      </c>
      <c r="T31" s="234">
        <v>0</v>
      </c>
      <c r="U31" s="234">
        <v>0</v>
      </c>
      <c r="V31" s="234">
        <v>0</v>
      </c>
      <c r="W31" s="235">
        <v>1</v>
      </c>
      <c r="X31" s="237">
        <v>1</v>
      </c>
      <c r="Y31" s="238">
        <v>0</v>
      </c>
      <c r="Z31" s="234">
        <v>0</v>
      </c>
      <c r="AA31" s="235">
        <v>0</v>
      </c>
      <c r="AB31" s="236">
        <v>0</v>
      </c>
      <c r="AC31" s="234">
        <v>29</v>
      </c>
      <c r="AD31" s="234">
        <v>15</v>
      </c>
      <c r="AE31" s="234">
        <v>14</v>
      </c>
      <c r="AF31" s="234">
        <v>13</v>
      </c>
      <c r="AG31" s="234">
        <v>4</v>
      </c>
      <c r="AH31" s="235">
        <v>75</v>
      </c>
      <c r="AI31" s="237">
        <v>75</v>
      </c>
    </row>
    <row r="32" spans="2:35" ht="21" customHeight="1" x14ac:dyDescent="0.2">
      <c r="B32" s="173" t="s">
        <v>31</v>
      </c>
      <c r="C32" s="233">
        <v>0</v>
      </c>
      <c r="D32" s="234">
        <v>2</v>
      </c>
      <c r="E32" s="235">
        <v>2</v>
      </c>
      <c r="F32" s="236">
        <v>0</v>
      </c>
      <c r="G32" s="234">
        <v>45</v>
      </c>
      <c r="H32" s="234">
        <v>36</v>
      </c>
      <c r="I32" s="234">
        <v>23</v>
      </c>
      <c r="J32" s="234">
        <v>18</v>
      </c>
      <c r="K32" s="234">
        <v>7</v>
      </c>
      <c r="L32" s="235">
        <v>129</v>
      </c>
      <c r="M32" s="237">
        <v>131</v>
      </c>
      <c r="N32" s="238">
        <v>0</v>
      </c>
      <c r="O32" s="234">
        <v>0</v>
      </c>
      <c r="P32" s="235">
        <v>0</v>
      </c>
      <c r="Q32" s="236">
        <v>0</v>
      </c>
      <c r="R32" s="234">
        <v>0</v>
      </c>
      <c r="S32" s="234">
        <v>0</v>
      </c>
      <c r="T32" s="234">
        <v>0</v>
      </c>
      <c r="U32" s="234">
        <v>0</v>
      </c>
      <c r="V32" s="234">
        <v>0</v>
      </c>
      <c r="W32" s="235">
        <v>0</v>
      </c>
      <c r="X32" s="237">
        <v>0</v>
      </c>
      <c r="Y32" s="238">
        <v>0</v>
      </c>
      <c r="Z32" s="234">
        <v>2</v>
      </c>
      <c r="AA32" s="235">
        <v>2</v>
      </c>
      <c r="AB32" s="236">
        <v>0</v>
      </c>
      <c r="AC32" s="234">
        <v>45</v>
      </c>
      <c r="AD32" s="234">
        <v>36</v>
      </c>
      <c r="AE32" s="234">
        <v>23</v>
      </c>
      <c r="AF32" s="234">
        <v>18</v>
      </c>
      <c r="AG32" s="234">
        <v>7</v>
      </c>
      <c r="AH32" s="235">
        <v>129</v>
      </c>
      <c r="AI32" s="237">
        <v>131</v>
      </c>
    </row>
    <row r="33" spans="2:35" ht="21" customHeight="1" x14ac:dyDescent="0.2">
      <c r="B33" s="173" t="s">
        <v>32</v>
      </c>
      <c r="C33" s="233">
        <v>0</v>
      </c>
      <c r="D33" s="234">
        <v>3</v>
      </c>
      <c r="E33" s="235">
        <v>3</v>
      </c>
      <c r="F33" s="236">
        <v>0</v>
      </c>
      <c r="G33" s="234">
        <v>62</v>
      </c>
      <c r="H33" s="234">
        <v>36</v>
      </c>
      <c r="I33" s="234">
        <v>26</v>
      </c>
      <c r="J33" s="234">
        <v>20</v>
      </c>
      <c r="K33" s="234">
        <v>12</v>
      </c>
      <c r="L33" s="235">
        <v>156</v>
      </c>
      <c r="M33" s="237">
        <v>159</v>
      </c>
      <c r="N33" s="238">
        <v>0</v>
      </c>
      <c r="O33" s="234">
        <v>0</v>
      </c>
      <c r="P33" s="235">
        <v>0</v>
      </c>
      <c r="Q33" s="236">
        <v>0</v>
      </c>
      <c r="R33" s="234">
        <v>0</v>
      </c>
      <c r="S33" s="234">
        <v>1</v>
      </c>
      <c r="T33" s="234">
        <v>0</v>
      </c>
      <c r="U33" s="234">
        <v>0</v>
      </c>
      <c r="V33" s="234">
        <v>0</v>
      </c>
      <c r="W33" s="235">
        <v>1</v>
      </c>
      <c r="X33" s="237">
        <v>1</v>
      </c>
      <c r="Y33" s="238">
        <v>0</v>
      </c>
      <c r="Z33" s="234">
        <v>3</v>
      </c>
      <c r="AA33" s="235">
        <v>3</v>
      </c>
      <c r="AB33" s="236">
        <v>0</v>
      </c>
      <c r="AC33" s="234">
        <v>62</v>
      </c>
      <c r="AD33" s="234">
        <v>37</v>
      </c>
      <c r="AE33" s="234">
        <v>26</v>
      </c>
      <c r="AF33" s="234">
        <v>20</v>
      </c>
      <c r="AG33" s="234">
        <v>12</v>
      </c>
      <c r="AH33" s="235">
        <v>157</v>
      </c>
      <c r="AI33" s="237">
        <v>160</v>
      </c>
    </row>
    <row r="34" spans="2:35" ht="21" customHeight="1" x14ac:dyDescent="0.2">
      <c r="B34" s="173" t="s">
        <v>33</v>
      </c>
      <c r="C34" s="233">
        <v>0</v>
      </c>
      <c r="D34" s="234">
        <v>1</v>
      </c>
      <c r="E34" s="235">
        <v>1</v>
      </c>
      <c r="F34" s="236">
        <v>0</v>
      </c>
      <c r="G34" s="234">
        <v>28</v>
      </c>
      <c r="H34" s="234">
        <v>18</v>
      </c>
      <c r="I34" s="234">
        <v>16</v>
      </c>
      <c r="J34" s="234">
        <v>8</v>
      </c>
      <c r="K34" s="234">
        <v>7</v>
      </c>
      <c r="L34" s="235">
        <v>77</v>
      </c>
      <c r="M34" s="237">
        <v>78</v>
      </c>
      <c r="N34" s="238">
        <v>0</v>
      </c>
      <c r="O34" s="234">
        <v>0</v>
      </c>
      <c r="P34" s="235">
        <v>0</v>
      </c>
      <c r="Q34" s="236">
        <v>0</v>
      </c>
      <c r="R34" s="234">
        <v>0</v>
      </c>
      <c r="S34" s="234">
        <v>0</v>
      </c>
      <c r="T34" s="234">
        <v>0</v>
      </c>
      <c r="U34" s="234">
        <v>0</v>
      </c>
      <c r="V34" s="234">
        <v>0</v>
      </c>
      <c r="W34" s="235">
        <v>0</v>
      </c>
      <c r="X34" s="237">
        <v>0</v>
      </c>
      <c r="Y34" s="238">
        <v>0</v>
      </c>
      <c r="Z34" s="234">
        <v>1</v>
      </c>
      <c r="AA34" s="235">
        <v>1</v>
      </c>
      <c r="AB34" s="236">
        <v>0</v>
      </c>
      <c r="AC34" s="234">
        <v>28</v>
      </c>
      <c r="AD34" s="234">
        <v>18</v>
      </c>
      <c r="AE34" s="234">
        <v>16</v>
      </c>
      <c r="AF34" s="234">
        <v>8</v>
      </c>
      <c r="AG34" s="234">
        <v>7</v>
      </c>
      <c r="AH34" s="235">
        <v>77</v>
      </c>
      <c r="AI34" s="237">
        <v>78</v>
      </c>
    </row>
    <row r="35" spans="2:35" ht="21" customHeight="1" x14ac:dyDescent="0.2">
      <c r="B35" s="173" t="s">
        <v>34</v>
      </c>
      <c r="C35" s="233">
        <v>1</v>
      </c>
      <c r="D35" s="234">
        <v>1</v>
      </c>
      <c r="E35" s="235">
        <v>2</v>
      </c>
      <c r="F35" s="236">
        <v>0</v>
      </c>
      <c r="G35" s="234">
        <v>27</v>
      </c>
      <c r="H35" s="234">
        <v>22</v>
      </c>
      <c r="I35" s="234">
        <v>10</v>
      </c>
      <c r="J35" s="234">
        <v>4</v>
      </c>
      <c r="K35" s="234">
        <v>3</v>
      </c>
      <c r="L35" s="235">
        <v>66</v>
      </c>
      <c r="M35" s="237">
        <v>68</v>
      </c>
      <c r="N35" s="238">
        <v>0</v>
      </c>
      <c r="O35" s="234">
        <v>0</v>
      </c>
      <c r="P35" s="235">
        <v>0</v>
      </c>
      <c r="Q35" s="236">
        <v>0</v>
      </c>
      <c r="R35" s="234">
        <v>0</v>
      </c>
      <c r="S35" s="234">
        <v>0</v>
      </c>
      <c r="T35" s="234">
        <v>0</v>
      </c>
      <c r="U35" s="234">
        <v>1</v>
      </c>
      <c r="V35" s="234">
        <v>0</v>
      </c>
      <c r="W35" s="235">
        <v>1</v>
      </c>
      <c r="X35" s="237">
        <v>1</v>
      </c>
      <c r="Y35" s="238">
        <v>1</v>
      </c>
      <c r="Z35" s="234">
        <v>1</v>
      </c>
      <c r="AA35" s="235">
        <v>2</v>
      </c>
      <c r="AB35" s="236">
        <v>0</v>
      </c>
      <c r="AC35" s="234">
        <v>27</v>
      </c>
      <c r="AD35" s="234">
        <v>22</v>
      </c>
      <c r="AE35" s="234">
        <v>10</v>
      </c>
      <c r="AF35" s="234">
        <v>5</v>
      </c>
      <c r="AG35" s="234">
        <v>3</v>
      </c>
      <c r="AH35" s="235">
        <v>67</v>
      </c>
      <c r="AI35" s="237">
        <v>69</v>
      </c>
    </row>
    <row r="36" spans="2:35" ht="21" customHeight="1" x14ac:dyDescent="0.2">
      <c r="B36" s="173" t="s">
        <v>35</v>
      </c>
      <c r="C36" s="233">
        <v>4</v>
      </c>
      <c r="D36" s="234">
        <v>2</v>
      </c>
      <c r="E36" s="235">
        <v>6</v>
      </c>
      <c r="F36" s="236">
        <v>0</v>
      </c>
      <c r="G36" s="234">
        <v>41</v>
      </c>
      <c r="H36" s="234">
        <v>35</v>
      </c>
      <c r="I36" s="234">
        <v>36</v>
      </c>
      <c r="J36" s="234">
        <v>25</v>
      </c>
      <c r="K36" s="234">
        <v>10</v>
      </c>
      <c r="L36" s="235">
        <v>147</v>
      </c>
      <c r="M36" s="237">
        <v>153</v>
      </c>
      <c r="N36" s="238">
        <v>0</v>
      </c>
      <c r="O36" s="234">
        <v>0</v>
      </c>
      <c r="P36" s="235">
        <v>0</v>
      </c>
      <c r="Q36" s="236">
        <v>0</v>
      </c>
      <c r="R36" s="234">
        <v>0</v>
      </c>
      <c r="S36" s="234">
        <v>1</v>
      </c>
      <c r="T36" s="234">
        <v>0</v>
      </c>
      <c r="U36" s="234">
        <v>0</v>
      </c>
      <c r="V36" s="234">
        <v>0</v>
      </c>
      <c r="W36" s="235">
        <v>1</v>
      </c>
      <c r="X36" s="237">
        <v>1</v>
      </c>
      <c r="Y36" s="238">
        <v>4</v>
      </c>
      <c r="Z36" s="234">
        <v>2</v>
      </c>
      <c r="AA36" s="235">
        <v>6</v>
      </c>
      <c r="AB36" s="236">
        <v>0</v>
      </c>
      <c r="AC36" s="234">
        <v>41</v>
      </c>
      <c r="AD36" s="234">
        <v>36</v>
      </c>
      <c r="AE36" s="234">
        <v>36</v>
      </c>
      <c r="AF36" s="234">
        <v>25</v>
      </c>
      <c r="AG36" s="234">
        <v>10</v>
      </c>
      <c r="AH36" s="235">
        <v>148</v>
      </c>
      <c r="AI36" s="237">
        <v>154</v>
      </c>
    </row>
    <row r="37" spans="2:35" ht="21" customHeight="1" x14ac:dyDescent="0.2">
      <c r="B37" s="173" t="s">
        <v>36</v>
      </c>
      <c r="C37" s="233">
        <v>0</v>
      </c>
      <c r="D37" s="234">
        <v>1</v>
      </c>
      <c r="E37" s="235">
        <v>1</v>
      </c>
      <c r="F37" s="236">
        <v>0</v>
      </c>
      <c r="G37" s="234">
        <v>94</v>
      </c>
      <c r="H37" s="234">
        <v>71</v>
      </c>
      <c r="I37" s="234">
        <v>45</v>
      </c>
      <c r="J37" s="234">
        <v>27</v>
      </c>
      <c r="K37" s="234">
        <v>20</v>
      </c>
      <c r="L37" s="235">
        <v>257</v>
      </c>
      <c r="M37" s="237">
        <v>258</v>
      </c>
      <c r="N37" s="238">
        <v>0</v>
      </c>
      <c r="O37" s="234">
        <v>0</v>
      </c>
      <c r="P37" s="235">
        <v>0</v>
      </c>
      <c r="Q37" s="236">
        <v>0</v>
      </c>
      <c r="R37" s="234">
        <v>0</v>
      </c>
      <c r="S37" s="234">
        <v>0</v>
      </c>
      <c r="T37" s="234">
        <v>1</v>
      </c>
      <c r="U37" s="234">
        <v>0</v>
      </c>
      <c r="V37" s="234">
        <v>2</v>
      </c>
      <c r="W37" s="235">
        <v>3</v>
      </c>
      <c r="X37" s="237">
        <v>3</v>
      </c>
      <c r="Y37" s="238">
        <v>0</v>
      </c>
      <c r="Z37" s="234">
        <v>1</v>
      </c>
      <c r="AA37" s="235">
        <v>1</v>
      </c>
      <c r="AB37" s="236">
        <v>0</v>
      </c>
      <c r="AC37" s="234">
        <v>94</v>
      </c>
      <c r="AD37" s="234">
        <v>71</v>
      </c>
      <c r="AE37" s="234">
        <v>46</v>
      </c>
      <c r="AF37" s="234">
        <v>27</v>
      </c>
      <c r="AG37" s="234">
        <v>22</v>
      </c>
      <c r="AH37" s="235">
        <v>260</v>
      </c>
      <c r="AI37" s="237">
        <v>261</v>
      </c>
    </row>
    <row r="38" spans="2:35" ht="21" customHeight="1" thickBot="1" x14ac:dyDescent="0.25">
      <c r="B38" s="175" t="s">
        <v>37</v>
      </c>
      <c r="C38" s="239">
        <v>0</v>
      </c>
      <c r="D38" s="240">
        <v>0</v>
      </c>
      <c r="E38" s="241">
        <v>0</v>
      </c>
      <c r="F38" s="242">
        <v>0</v>
      </c>
      <c r="G38" s="240">
        <v>18</v>
      </c>
      <c r="H38" s="240">
        <v>6</v>
      </c>
      <c r="I38" s="240">
        <v>8</v>
      </c>
      <c r="J38" s="240">
        <v>6</v>
      </c>
      <c r="K38" s="240">
        <v>4</v>
      </c>
      <c r="L38" s="241">
        <v>42</v>
      </c>
      <c r="M38" s="243">
        <v>42</v>
      </c>
      <c r="N38" s="244">
        <v>0</v>
      </c>
      <c r="O38" s="240">
        <v>0</v>
      </c>
      <c r="P38" s="241">
        <v>0</v>
      </c>
      <c r="Q38" s="242">
        <v>0</v>
      </c>
      <c r="R38" s="240">
        <v>0</v>
      </c>
      <c r="S38" s="240">
        <v>0</v>
      </c>
      <c r="T38" s="240">
        <v>0</v>
      </c>
      <c r="U38" s="240">
        <v>0</v>
      </c>
      <c r="V38" s="240">
        <v>0</v>
      </c>
      <c r="W38" s="241">
        <v>0</v>
      </c>
      <c r="X38" s="243">
        <v>0</v>
      </c>
      <c r="Y38" s="244">
        <v>0</v>
      </c>
      <c r="Z38" s="240">
        <v>0</v>
      </c>
      <c r="AA38" s="241">
        <v>0</v>
      </c>
      <c r="AB38" s="242">
        <v>0</v>
      </c>
      <c r="AC38" s="240">
        <v>18</v>
      </c>
      <c r="AD38" s="240">
        <v>6</v>
      </c>
      <c r="AE38" s="240">
        <v>8</v>
      </c>
      <c r="AF38" s="240">
        <v>6</v>
      </c>
      <c r="AG38" s="240">
        <v>4</v>
      </c>
      <c r="AH38" s="241">
        <v>42</v>
      </c>
      <c r="AI38" s="243">
        <v>42</v>
      </c>
    </row>
    <row r="39" spans="2:35" x14ac:dyDescent="0.2">
      <c r="AA39" s="137"/>
      <c r="AB39" s="137"/>
      <c r="AC39" s="137"/>
      <c r="AD39" s="137"/>
      <c r="AE39" s="137"/>
      <c r="AF39" s="137"/>
      <c r="AG39" s="137"/>
      <c r="AH39" s="137"/>
      <c r="AI39" s="137"/>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38" customWidth="1"/>
    <col min="2" max="2" width="9.77734375" style="187" customWidth="1"/>
    <col min="3" max="4" width="9" style="187"/>
    <col min="5" max="5" width="10.33203125" style="187" customWidth="1"/>
    <col min="6" max="6" width="7.6640625" style="187" customWidth="1"/>
    <col min="7" max="7" width="8.44140625" style="187" customWidth="1"/>
    <col min="8" max="8" width="8.77734375" style="187" customWidth="1"/>
    <col min="9" max="16" width="9" style="187"/>
    <col min="17" max="17" width="7.21875" style="187" customWidth="1"/>
    <col min="18" max="27" width="9" style="187"/>
    <col min="28" max="28" width="7.6640625" style="187" customWidth="1"/>
    <col min="29" max="38" width="9" style="187"/>
    <col min="39" max="39" width="7.6640625" style="187" customWidth="1"/>
    <col min="40" max="49" width="9" style="187"/>
    <col min="50" max="50" width="7.6640625" style="187" customWidth="1"/>
    <col min="51" max="60" width="9" style="187"/>
    <col min="61" max="61" width="7.21875" style="187" customWidth="1"/>
    <col min="62" max="71" width="9" style="187"/>
    <col min="72" max="72" width="7.21875" style="187" customWidth="1"/>
    <col min="73" max="82" width="9" style="187"/>
    <col min="83" max="83" width="7.33203125" style="187" customWidth="1"/>
    <col min="84" max="93" width="9" style="187"/>
    <col min="94" max="94" width="7.44140625" style="187" customWidth="1"/>
    <col min="95" max="16384" width="9" style="187"/>
  </cols>
  <sheetData>
    <row r="1" spans="2:101" ht="24" customHeight="1" x14ac:dyDescent="0.2">
      <c r="B1" s="186" t="s">
        <v>122</v>
      </c>
      <c r="I1" s="464">
        <f>第１表!F2</f>
        <v>6</v>
      </c>
      <c r="J1" s="464"/>
      <c r="K1" s="43">
        <f>第１表!G2</f>
        <v>4</v>
      </c>
      <c r="L1" s="503">
        <f>IF(K1&lt;3,K1+12-2,K1-2)</f>
        <v>2</v>
      </c>
      <c r="M1" s="503"/>
    </row>
    <row r="2" spans="2:101" s="138" customFormat="1" ht="24" customHeight="1" thickBot="1" x14ac:dyDescent="0.25">
      <c r="B2" s="186" t="s">
        <v>130</v>
      </c>
    </row>
    <row r="3" spans="2:101" ht="21" customHeight="1" thickBot="1" x14ac:dyDescent="0.25">
      <c r="B3" s="516"/>
      <c r="C3" s="519" t="s">
        <v>113</v>
      </c>
      <c r="D3" s="520"/>
      <c r="E3" s="520"/>
      <c r="F3" s="520"/>
      <c r="G3" s="520"/>
      <c r="H3" s="520"/>
      <c r="I3" s="520"/>
      <c r="J3" s="520"/>
      <c r="K3" s="520"/>
      <c r="L3" s="520"/>
      <c r="M3" s="521"/>
      <c r="N3" s="519" t="s">
        <v>114</v>
      </c>
      <c r="O3" s="520"/>
      <c r="P3" s="520"/>
      <c r="Q3" s="520"/>
      <c r="R3" s="520"/>
      <c r="S3" s="520"/>
      <c r="T3" s="520"/>
      <c r="U3" s="520"/>
      <c r="V3" s="520"/>
      <c r="W3" s="520"/>
      <c r="X3" s="521"/>
      <c r="Y3" s="519" t="s">
        <v>139</v>
      </c>
      <c r="Z3" s="520"/>
      <c r="AA3" s="520"/>
      <c r="AB3" s="520"/>
      <c r="AC3" s="520"/>
      <c r="AD3" s="520"/>
      <c r="AE3" s="520"/>
      <c r="AF3" s="520"/>
      <c r="AG3" s="520"/>
      <c r="AH3" s="520"/>
      <c r="AI3" s="521"/>
      <c r="AJ3" s="519" t="s">
        <v>90</v>
      </c>
      <c r="AK3" s="520"/>
      <c r="AL3" s="520"/>
      <c r="AM3" s="520"/>
      <c r="AN3" s="520"/>
      <c r="AO3" s="520"/>
      <c r="AP3" s="520"/>
      <c r="AQ3" s="520"/>
      <c r="AR3" s="520"/>
      <c r="AS3" s="520"/>
      <c r="AT3" s="521"/>
      <c r="AU3" s="494" t="s">
        <v>89</v>
      </c>
      <c r="AV3" s="495"/>
      <c r="AW3" s="495"/>
      <c r="AX3" s="495"/>
      <c r="AY3" s="495"/>
      <c r="AZ3" s="495"/>
      <c r="BA3" s="495"/>
      <c r="BB3" s="495"/>
      <c r="BC3" s="495"/>
      <c r="BD3" s="495"/>
      <c r="BE3" s="496"/>
      <c r="BF3" s="494" t="s">
        <v>91</v>
      </c>
      <c r="BG3" s="495"/>
      <c r="BH3" s="495"/>
      <c r="BI3" s="495"/>
      <c r="BJ3" s="495"/>
      <c r="BK3" s="495"/>
      <c r="BL3" s="495"/>
      <c r="BM3" s="495"/>
      <c r="BN3" s="495"/>
      <c r="BO3" s="495"/>
      <c r="BP3" s="496"/>
      <c r="BQ3" s="494" t="s">
        <v>92</v>
      </c>
      <c r="BR3" s="495"/>
      <c r="BS3" s="495"/>
      <c r="BT3" s="495"/>
      <c r="BU3" s="495"/>
      <c r="BV3" s="495"/>
      <c r="BW3" s="495"/>
      <c r="BX3" s="495"/>
      <c r="BY3" s="495"/>
      <c r="BZ3" s="495"/>
      <c r="CA3" s="496"/>
      <c r="CB3" s="494" t="s">
        <v>93</v>
      </c>
      <c r="CC3" s="495"/>
      <c r="CD3" s="495"/>
      <c r="CE3" s="495"/>
      <c r="CF3" s="495"/>
      <c r="CG3" s="495"/>
      <c r="CH3" s="495"/>
      <c r="CI3" s="495"/>
      <c r="CJ3" s="495"/>
      <c r="CK3" s="495"/>
      <c r="CL3" s="496"/>
      <c r="CM3" s="495" t="s">
        <v>138</v>
      </c>
      <c r="CN3" s="495"/>
      <c r="CO3" s="495"/>
      <c r="CP3" s="495"/>
      <c r="CQ3" s="495"/>
      <c r="CR3" s="495"/>
      <c r="CS3" s="495"/>
      <c r="CT3" s="495"/>
      <c r="CU3" s="495"/>
      <c r="CV3" s="495"/>
      <c r="CW3" s="496"/>
    </row>
    <row r="4" spans="2:101" ht="21" customHeight="1" x14ac:dyDescent="0.2">
      <c r="B4" s="517"/>
      <c r="C4" s="497" t="s">
        <v>61</v>
      </c>
      <c r="D4" s="498"/>
      <c r="E4" s="499"/>
      <c r="F4" s="500" t="s">
        <v>62</v>
      </c>
      <c r="G4" s="498"/>
      <c r="H4" s="498"/>
      <c r="I4" s="498"/>
      <c r="J4" s="498"/>
      <c r="K4" s="498"/>
      <c r="L4" s="510"/>
      <c r="M4" s="501" t="s">
        <v>52</v>
      </c>
      <c r="N4" s="497" t="s">
        <v>61</v>
      </c>
      <c r="O4" s="498"/>
      <c r="P4" s="499"/>
      <c r="Q4" s="500" t="s">
        <v>62</v>
      </c>
      <c r="R4" s="498"/>
      <c r="S4" s="498"/>
      <c r="T4" s="498"/>
      <c r="U4" s="498"/>
      <c r="V4" s="498"/>
      <c r="W4" s="499"/>
      <c r="X4" s="501" t="s">
        <v>52</v>
      </c>
      <c r="Y4" s="497" t="s">
        <v>61</v>
      </c>
      <c r="Z4" s="498"/>
      <c r="AA4" s="499"/>
      <c r="AB4" s="500" t="s">
        <v>62</v>
      </c>
      <c r="AC4" s="498"/>
      <c r="AD4" s="498"/>
      <c r="AE4" s="498"/>
      <c r="AF4" s="498"/>
      <c r="AG4" s="498"/>
      <c r="AH4" s="499"/>
      <c r="AI4" s="501" t="s">
        <v>52</v>
      </c>
      <c r="AJ4" s="497" t="s">
        <v>61</v>
      </c>
      <c r="AK4" s="498"/>
      <c r="AL4" s="499"/>
      <c r="AM4" s="500" t="s">
        <v>62</v>
      </c>
      <c r="AN4" s="498"/>
      <c r="AO4" s="498"/>
      <c r="AP4" s="498"/>
      <c r="AQ4" s="498"/>
      <c r="AR4" s="498"/>
      <c r="AS4" s="499"/>
      <c r="AT4" s="501" t="s">
        <v>52</v>
      </c>
      <c r="AU4" s="525" t="s">
        <v>61</v>
      </c>
      <c r="AV4" s="523"/>
      <c r="AW4" s="524"/>
      <c r="AX4" s="522" t="s">
        <v>62</v>
      </c>
      <c r="AY4" s="523"/>
      <c r="AZ4" s="523"/>
      <c r="BA4" s="523"/>
      <c r="BB4" s="523"/>
      <c r="BC4" s="523"/>
      <c r="BD4" s="524"/>
      <c r="BE4" s="514" t="s">
        <v>52</v>
      </c>
      <c r="BF4" s="525" t="s">
        <v>61</v>
      </c>
      <c r="BG4" s="523"/>
      <c r="BH4" s="524"/>
      <c r="BI4" s="522" t="s">
        <v>62</v>
      </c>
      <c r="BJ4" s="523"/>
      <c r="BK4" s="523"/>
      <c r="BL4" s="523"/>
      <c r="BM4" s="523"/>
      <c r="BN4" s="523"/>
      <c r="BO4" s="524"/>
      <c r="BP4" s="514" t="s">
        <v>52</v>
      </c>
      <c r="BQ4" s="525" t="s">
        <v>61</v>
      </c>
      <c r="BR4" s="523"/>
      <c r="BS4" s="524"/>
      <c r="BT4" s="522" t="s">
        <v>62</v>
      </c>
      <c r="BU4" s="523"/>
      <c r="BV4" s="523"/>
      <c r="BW4" s="523"/>
      <c r="BX4" s="523"/>
      <c r="BY4" s="523"/>
      <c r="BZ4" s="524"/>
      <c r="CA4" s="514" t="s">
        <v>52</v>
      </c>
      <c r="CB4" s="525" t="s">
        <v>61</v>
      </c>
      <c r="CC4" s="523"/>
      <c r="CD4" s="524"/>
      <c r="CE4" s="522" t="s">
        <v>62</v>
      </c>
      <c r="CF4" s="523"/>
      <c r="CG4" s="523"/>
      <c r="CH4" s="523"/>
      <c r="CI4" s="523"/>
      <c r="CJ4" s="523"/>
      <c r="CK4" s="524"/>
      <c r="CL4" s="514" t="s">
        <v>52</v>
      </c>
      <c r="CM4" s="525" t="s">
        <v>61</v>
      </c>
      <c r="CN4" s="523"/>
      <c r="CO4" s="524"/>
      <c r="CP4" s="522" t="s">
        <v>62</v>
      </c>
      <c r="CQ4" s="523"/>
      <c r="CR4" s="523"/>
      <c r="CS4" s="523"/>
      <c r="CT4" s="523"/>
      <c r="CU4" s="523"/>
      <c r="CV4" s="524"/>
      <c r="CW4" s="514" t="s">
        <v>52</v>
      </c>
    </row>
    <row r="5" spans="2:101" ht="30" customHeight="1" thickBot="1" x14ac:dyDescent="0.25">
      <c r="B5" s="518"/>
      <c r="C5" s="194" t="s">
        <v>43</v>
      </c>
      <c r="D5" s="193" t="s">
        <v>44</v>
      </c>
      <c r="E5" s="216" t="s">
        <v>45</v>
      </c>
      <c r="F5" s="191" t="s">
        <v>83</v>
      </c>
      <c r="G5" s="189" t="s">
        <v>47</v>
      </c>
      <c r="H5" s="189" t="s">
        <v>48</v>
      </c>
      <c r="I5" s="189" t="s">
        <v>49</v>
      </c>
      <c r="J5" s="189" t="s">
        <v>50</v>
      </c>
      <c r="K5" s="189" t="s">
        <v>51</v>
      </c>
      <c r="L5" s="192" t="s">
        <v>45</v>
      </c>
      <c r="M5" s="502"/>
      <c r="N5" s="194" t="s">
        <v>43</v>
      </c>
      <c r="O5" s="189" t="s">
        <v>44</v>
      </c>
      <c r="P5" s="193" t="s">
        <v>45</v>
      </c>
      <c r="Q5" s="191" t="s">
        <v>83</v>
      </c>
      <c r="R5" s="189" t="s">
        <v>47</v>
      </c>
      <c r="S5" s="189" t="s">
        <v>48</v>
      </c>
      <c r="T5" s="189" t="s">
        <v>49</v>
      </c>
      <c r="U5" s="189" t="s">
        <v>50</v>
      </c>
      <c r="V5" s="189" t="s">
        <v>51</v>
      </c>
      <c r="W5" s="193" t="s">
        <v>45</v>
      </c>
      <c r="X5" s="502"/>
      <c r="Y5" s="194" t="s">
        <v>43</v>
      </c>
      <c r="Z5" s="189" t="s">
        <v>44</v>
      </c>
      <c r="AA5" s="193" t="s">
        <v>45</v>
      </c>
      <c r="AB5" s="191" t="s">
        <v>83</v>
      </c>
      <c r="AC5" s="189" t="s">
        <v>47</v>
      </c>
      <c r="AD5" s="189" t="s">
        <v>48</v>
      </c>
      <c r="AE5" s="189" t="s">
        <v>49</v>
      </c>
      <c r="AF5" s="189" t="s">
        <v>50</v>
      </c>
      <c r="AG5" s="189" t="s">
        <v>51</v>
      </c>
      <c r="AH5" s="193" t="s">
        <v>45</v>
      </c>
      <c r="AI5" s="502"/>
      <c r="AJ5" s="194" t="s">
        <v>43</v>
      </c>
      <c r="AK5" s="189" t="s">
        <v>44</v>
      </c>
      <c r="AL5" s="193" t="s">
        <v>45</v>
      </c>
      <c r="AM5" s="191" t="s">
        <v>83</v>
      </c>
      <c r="AN5" s="189" t="s">
        <v>47</v>
      </c>
      <c r="AO5" s="189" t="s">
        <v>48</v>
      </c>
      <c r="AP5" s="189" t="s">
        <v>49</v>
      </c>
      <c r="AQ5" s="189" t="s">
        <v>50</v>
      </c>
      <c r="AR5" s="189" t="s">
        <v>51</v>
      </c>
      <c r="AS5" s="193" t="s">
        <v>45</v>
      </c>
      <c r="AT5" s="502"/>
      <c r="AU5" s="194" t="s">
        <v>43</v>
      </c>
      <c r="AV5" s="189" t="s">
        <v>44</v>
      </c>
      <c r="AW5" s="193" t="s">
        <v>45</v>
      </c>
      <c r="AX5" s="191" t="s">
        <v>83</v>
      </c>
      <c r="AY5" s="189" t="s">
        <v>47</v>
      </c>
      <c r="AZ5" s="189" t="s">
        <v>48</v>
      </c>
      <c r="BA5" s="189" t="s">
        <v>49</v>
      </c>
      <c r="BB5" s="189" t="s">
        <v>50</v>
      </c>
      <c r="BC5" s="189" t="s">
        <v>51</v>
      </c>
      <c r="BD5" s="193" t="s">
        <v>45</v>
      </c>
      <c r="BE5" s="515"/>
      <c r="BF5" s="194" t="s">
        <v>43</v>
      </c>
      <c r="BG5" s="189" t="s">
        <v>44</v>
      </c>
      <c r="BH5" s="193" t="s">
        <v>45</v>
      </c>
      <c r="BI5" s="191" t="s">
        <v>83</v>
      </c>
      <c r="BJ5" s="189" t="s">
        <v>47</v>
      </c>
      <c r="BK5" s="189" t="s">
        <v>48</v>
      </c>
      <c r="BL5" s="189" t="s">
        <v>49</v>
      </c>
      <c r="BM5" s="189" t="s">
        <v>50</v>
      </c>
      <c r="BN5" s="189" t="s">
        <v>51</v>
      </c>
      <c r="BO5" s="193" t="s">
        <v>45</v>
      </c>
      <c r="BP5" s="515"/>
      <c r="BQ5" s="194" t="s">
        <v>43</v>
      </c>
      <c r="BR5" s="189" t="s">
        <v>44</v>
      </c>
      <c r="BS5" s="193" t="s">
        <v>45</v>
      </c>
      <c r="BT5" s="191" t="s">
        <v>83</v>
      </c>
      <c r="BU5" s="189" t="s">
        <v>47</v>
      </c>
      <c r="BV5" s="189" t="s">
        <v>48</v>
      </c>
      <c r="BW5" s="189" t="s">
        <v>49</v>
      </c>
      <c r="BX5" s="189" t="s">
        <v>50</v>
      </c>
      <c r="BY5" s="189" t="s">
        <v>51</v>
      </c>
      <c r="BZ5" s="193" t="s">
        <v>45</v>
      </c>
      <c r="CA5" s="515"/>
      <c r="CB5" s="194" t="s">
        <v>43</v>
      </c>
      <c r="CC5" s="189" t="s">
        <v>44</v>
      </c>
      <c r="CD5" s="193" t="s">
        <v>45</v>
      </c>
      <c r="CE5" s="191" t="s">
        <v>83</v>
      </c>
      <c r="CF5" s="189" t="s">
        <v>47</v>
      </c>
      <c r="CG5" s="189" t="s">
        <v>48</v>
      </c>
      <c r="CH5" s="189" t="s">
        <v>49</v>
      </c>
      <c r="CI5" s="189" t="s">
        <v>50</v>
      </c>
      <c r="CJ5" s="189" t="s">
        <v>51</v>
      </c>
      <c r="CK5" s="193" t="s">
        <v>45</v>
      </c>
      <c r="CL5" s="515"/>
      <c r="CM5" s="194" t="s">
        <v>43</v>
      </c>
      <c r="CN5" s="189" t="s">
        <v>44</v>
      </c>
      <c r="CO5" s="193" t="s">
        <v>45</v>
      </c>
      <c r="CP5" s="191" t="s">
        <v>83</v>
      </c>
      <c r="CQ5" s="189" t="s">
        <v>47</v>
      </c>
      <c r="CR5" s="189" t="s">
        <v>48</v>
      </c>
      <c r="CS5" s="189" t="s">
        <v>49</v>
      </c>
      <c r="CT5" s="189" t="s">
        <v>50</v>
      </c>
      <c r="CU5" s="189" t="s">
        <v>51</v>
      </c>
      <c r="CV5" s="193" t="s">
        <v>45</v>
      </c>
      <c r="CW5" s="515"/>
    </row>
    <row r="6" spans="2:101" ht="21" customHeight="1" x14ac:dyDescent="0.2">
      <c r="B6" s="151" t="s">
        <v>4</v>
      </c>
      <c r="C6" s="195">
        <v>0</v>
      </c>
      <c r="D6" s="201">
        <v>0</v>
      </c>
      <c r="E6" s="217">
        <v>0</v>
      </c>
      <c r="F6" s="198">
        <v>0</v>
      </c>
      <c r="G6" s="196">
        <v>310</v>
      </c>
      <c r="H6" s="196">
        <v>395</v>
      </c>
      <c r="I6" s="196">
        <v>333</v>
      </c>
      <c r="J6" s="196">
        <v>438</v>
      </c>
      <c r="K6" s="196">
        <v>385</v>
      </c>
      <c r="L6" s="199">
        <v>1861</v>
      </c>
      <c r="M6" s="200">
        <v>1861</v>
      </c>
      <c r="N6" s="195">
        <v>0</v>
      </c>
      <c r="O6" s="196">
        <v>0</v>
      </c>
      <c r="P6" s="201">
        <v>0</v>
      </c>
      <c r="Q6" s="198">
        <v>0</v>
      </c>
      <c r="R6" s="196">
        <v>202</v>
      </c>
      <c r="S6" s="196">
        <v>524</v>
      </c>
      <c r="T6" s="196">
        <v>448</v>
      </c>
      <c r="U6" s="196">
        <v>461</v>
      </c>
      <c r="V6" s="196">
        <v>403</v>
      </c>
      <c r="W6" s="201">
        <v>2038</v>
      </c>
      <c r="X6" s="200">
        <v>2038</v>
      </c>
      <c r="Y6" s="195">
        <v>0</v>
      </c>
      <c r="Z6" s="196">
        <v>0</v>
      </c>
      <c r="AA6" s="201">
        <v>0</v>
      </c>
      <c r="AB6" s="198">
        <v>0</v>
      </c>
      <c r="AC6" s="196">
        <v>13816</v>
      </c>
      <c r="AD6" s="196">
        <v>13006</v>
      </c>
      <c r="AE6" s="196">
        <v>5934</v>
      </c>
      <c r="AF6" s="196">
        <v>2827</v>
      </c>
      <c r="AG6" s="196">
        <v>1293</v>
      </c>
      <c r="AH6" s="201">
        <v>36876</v>
      </c>
      <c r="AI6" s="200">
        <v>36876</v>
      </c>
      <c r="AJ6" s="195">
        <v>6</v>
      </c>
      <c r="AK6" s="196">
        <v>7</v>
      </c>
      <c r="AL6" s="201">
        <v>13</v>
      </c>
      <c r="AM6" s="198">
        <v>0</v>
      </c>
      <c r="AN6" s="196">
        <v>773</v>
      </c>
      <c r="AO6" s="196">
        <v>960</v>
      </c>
      <c r="AP6" s="196">
        <v>1031</v>
      </c>
      <c r="AQ6" s="196">
        <v>580</v>
      </c>
      <c r="AR6" s="196">
        <v>438</v>
      </c>
      <c r="AS6" s="201">
        <v>3782</v>
      </c>
      <c r="AT6" s="200">
        <v>3795</v>
      </c>
      <c r="AU6" s="195">
        <v>168</v>
      </c>
      <c r="AV6" s="196">
        <v>277</v>
      </c>
      <c r="AW6" s="201">
        <v>445</v>
      </c>
      <c r="AX6" s="198">
        <v>0</v>
      </c>
      <c r="AY6" s="196">
        <v>1479</v>
      </c>
      <c r="AZ6" s="196">
        <v>1635</v>
      </c>
      <c r="BA6" s="196">
        <v>1316</v>
      </c>
      <c r="BB6" s="196">
        <v>904</v>
      </c>
      <c r="BC6" s="196">
        <v>522</v>
      </c>
      <c r="BD6" s="201">
        <v>5856</v>
      </c>
      <c r="BE6" s="200">
        <v>6301</v>
      </c>
      <c r="BF6" s="195">
        <v>0</v>
      </c>
      <c r="BG6" s="196">
        <v>39</v>
      </c>
      <c r="BH6" s="201">
        <v>39</v>
      </c>
      <c r="BI6" s="198">
        <v>0</v>
      </c>
      <c r="BJ6" s="196">
        <v>2515</v>
      </c>
      <c r="BK6" s="196">
        <v>3265</v>
      </c>
      <c r="BL6" s="196">
        <v>3666</v>
      </c>
      <c r="BM6" s="196">
        <v>2426</v>
      </c>
      <c r="BN6" s="196">
        <v>1588</v>
      </c>
      <c r="BO6" s="199">
        <v>13460</v>
      </c>
      <c r="BP6" s="200">
        <v>13499</v>
      </c>
      <c r="BQ6" s="195">
        <v>0</v>
      </c>
      <c r="BR6" s="196">
        <v>0</v>
      </c>
      <c r="BS6" s="201">
        <v>0</v>
      </c>
      <c r="BT6" s="198">
        <v>0</v>
      </c>
      <c r="BU6" s="196">
        <v>48</v>
      </c>
      <c r="BV6" s="196">
        <v>42</v>
      </c>
      <c r="BW6" s="196">
        <v>63</v>
      </c>
      <c r="BX6" s="196">
        <v>66</v>
      </c>
      <c r="BY6" s="196">
        <v>51</v>
      </c>
      <c r="BZ6" s="201">
        <v>270</v>
      </c>
      <c r="CA6" s="200">
        <v>270</v>
      </c>
      <c r="CB6" s="195">
        <v>0</v>
      </c>
      <c r="CC6" s="196">
        <v>0</v>
      </c>
      <c r="CD6" s="201">
        <v>0</v>
      </c>
      <c r="CE6" s="198">
        <v>0</v>
      </c>
      <c r="CF6" s="196">
        <v>5</v>
      </c>
      <c r="CG6" s="196">
        <v>31</v>
      </c>
      <c r="CH6" s="196">
        <v>208</v>
      </c>
      <c r="CI6" s="196">
        <v>343</v>
      </c>
      <c r="CJ6" s="196">
        <v>226</v>
      </c>
      <c r="CK6" s="201">
        <v>813</v>
      </c>
      <c r="CL6" s="200">
        <v>813</v>
      </c>
      <c r="CM6" s="195">
        <v>0</v>
      </c>
      <c r="CN6" s="196">
        <v>0</v>
      </c>
      <c r="CO6" s="201">
        <v>0</v>
      </c>
      <c r="CP6" s="198">
        <v>0</v>
      </c>
      <c r="CQ6" s="196">
        <v>196</v>
      </c>
      <c r="CR6" s="196">
        <v>311</v>
      </c>
      <c r="CS6" s="196">
        <v>288</v>
      </c>
      <c r="CT6" s="196">
        <v>371</v>
      </c>
      <c r="CU6" s="196">
        <v>449</v>
      </c>
      <c r="CV6" s="201">
        <v>1615</v>
      </c>
      <c r="CW6" s="200">
        <v>1615</v>
      </c>
    </row>
    <row r="7" spans="2:101" ht="21" customHeight="1" x14ac:dyDescent="0.2">
      <c r="B7" s="162" t="s">
        <v>5</v>
      </c>
      <c r="C7" s="202">
        <v>0</v>
      </c>
      <c r="D7" s="208">
        <v>0</v>
      </c>
      <c r="E7" s="218">
        <v>0</v>
      </c>
      <c r="F7" s="205">
        <v>0</v>
      </c>
      <c r="G7" s="203">
        <v>135</v>
      </c>
      <c r="H7" s="203">
        <v>177</v>
      </c>
      <c r="I7" s="203">
        <v>164</v>
      </c>
      <c r="J7" s="203">
        <v>207</v>
      </c>
      <c r="K7" s="203">
        <v>175</v>
      </c>
      <c r="L7" s="206">
        <v>858</v>
      </c>
      <c r="M7" s="207">
        <v>858</v>
      </c>
      <c r="N7" s="202">
        <v>0</v>
      </c>
      <c r="O7" s="203">
        <v>0</v>
      </c>
      <c r="P7" s="208">
        <v>0</v>
      </c>
      <c r="Q7" s="205">
        <v>0</v>
      </c>
      <c r="R7" s="203">
        <v>106</v>
      </c>
      <c r="S7" s="203">
        <v>385</v>
      </c>
      <c r="T7" s="203">
        <v>325</v>
      </c>
      <c r="U7" s="203">
        <v>337</v>
      </c>
      <c r="V7" s="203">
        <v>304</v>
      </c>
      <c r="W7" s="208">
        <v>1457</v>
      </c>
      <c r="X7" s="207">
        <v>1457</v>
      </c>
      <c r="Y7" s="202">
        <v>0</v>
      </c>
      <c r="Z7" s="203">
        <v>0</v>
      </c>
      <c r="AA7" s="208">
        <v>0</v>
      </c>
      <c r="AB7" s="205">
        <v>0</v>
      </c>
      <c r="AC7" s="203">
        <v>4925</v>
      </c>
      <c r="AD7" s="203">
        <v>6367</v>
      </c>
      <c r="AE7" s="203">
        <v>2740</v>
      </c>
      <c r="AF7" s="203">
        <v>1288</v>
      </c>
      <c r="AG7" s="203">
        <v>598</v>
      </c>
      <c r="AH7" s="208">
        <v>15918</v>
      </c>
      <c r="AI7" s="207">
        <v>15918</v>
      </c>
      <c r="AJ7" s="202">
        <v>3</v>
      </c>
      <c r="AK7" s="203">
        <v>1</v>
      </c>
      <c r="AL7" s="208">
        <v>4</v>
      </c>
      <c r="AM7" s="205">
        <v>0</v>
      </c>
      <c r="AN7" s="203">
        <v>389</v>
      </c>
      <c r="AO7" s="203">
        <v>491</v>
      </c>
      <c r="AP7" s="203">
        <v>524</v>
      </c>
      <c r="AQ7" s="203">
        <v>323</v>
      </c>
      <c r="AR7" s="203">
        <v>231</v>
      </c>
      <c r="AS7" s="208">
        <v>1958</v>
      </c>
      <c r="AT7" s="207">
        <v>1962</v>
      </c>
      <c r="AU7" s="202">
        <v>69</v>
      </c>
      <c r="AV7" s="203">
        <v>109</v>
      </c>
      <c r="AW7" s="208">
        <v>178</v>
      </c>
      <c r="AX7" s="205">
        <v>0</v>
      </c>
      <c r="AY7" s="203">
        <v>562</v>
      </c>
      <c r="AZ7" s="203">
        <v>713</v>
      </c>
      <c r="BA7" s="203">
        <v>516</v>
      </c>
      <c r="BB7" s="203">
        <v>415</v>
      </c>
      <c r="BC7" s="203">
        <v>249</v>
      </c>
      <c r="BD7" s="208">
        <v>2455</v>
      </c>
      <c r="BE7" s="207">
        <v>2633</v>
      </c>
      <c r="BF7" s="202">
        <v>0</v>
      </c>
      <c r="BG7" s="203">
        <v>18</v>
      </c>
      <c r="BH7" s="208">
        <v>18</v>
      </c>
      <c r="BI7" s="205">
        <v>0</v>
      </c>
      <c r="BJ7" s="203">
        <v>1133</v>
      </c>
      <c r="BK7" s="203">
        <v>1410</v>
      </c>
      <c r="BL7" s="203">
        <v>1567</v>
      </c>
      <c r="BM7" s="203">
        <v>1054</v>
      </c>
      <c r="BN7" s="203">
        <v>710</v>
      </c>
      <c r="BO7" s="206">
        <v>5874</v>
      </c>
      <c r="BP7" s="207">
        <v>5892</v>
      </c>
      <c r="BQ7" s="202">
        <v>0</v>
      </c>
      <c r="BR7" s="203">
        <v>0</v>
      </c>
      <c r="BS7" s="208">
        <v>0</v>
      </c>
      <c r="BT7" s="205">
        <v>0</v>
      </c>
      <c r="BU7" s="203">
        <v>1</v>
      </c>
      <c r="BV7" s="203">
        <v>2</v>
      </c>
      <c r="BW7" s="203">
        <v>5</v>
      </c>
      <c r="BX7" s="203">
        <v>0</v>
      </c>
      <c r="BY7" s="203">
        <v>4</v>
      </c>
      <c r="BZ7" s="208">
        <v>12</v>
      </c>
      <c r="CA7" s="207">
        <v>12</v>
      </c>
      <c r="CB7" s="202">
        <v>0</v>
      </c>
      <c r="CC7" s="203">
        <v>0</v>
      </c>
      <c r="CD7" s="208">
        <v>0</v>
      </c>
      <c r="CE7" s="205">
        <v>0</v>
      </c>
      <c r="CF7" s="203">
        <v>3</v>
      </c>
      <c r="CG7" s="203">
        <v>12</v>
      </c>
      <c r="CH7" s="203">
        <v>20</v>
      </c>
      <c r="CI7" s="203">
        <v>38</v>
      </c>
      <c r="CJ7" s="203">
        <v>37</v>
      </c>
      <c r="CK7" s="208">
        <v>110</v>
      </c>
      <c r="CL7" s="207">
        <v>110</v>
      </c>
      <c r="CM7" s="202">
        <v>0</v>
      </c>
      <c r="CN7" s="203">
        <v>0</v>
      </c>
      <c r="CO7" s="208">
        <v>0</v>
      </c>
      <c r="CP7" s="205">
        <v>0</v>
      </c>
      <c r="CQ7" s="203">
        <v>22</v>
      </c>
      <c r="CR7" s="203">
        <v>70</v>
      </c>
      <c r="CS7" s="203">
        <v>62</v>
      </c>
      <c r="CT7" s="203">
        <v>94</v>
      </c>
      <c r="CU7" s="203">
        <v>173</v>
      </c>
      <c r="CV7" s="208">
        <v>421</v>
      </c>
      <c r="CW7" s="207">
        <v>421</v>
      </c>
    </row>
    <row r="8" spans="2:101" ht="21" customHeight="1" x14ac:dyDescent="0.2">
      <c r="B8" s="173" t="s">
        <v>6</v>
      </c>
      <c r="C8" s="202">
        <v>0</v>
      </c>
      <c r="D8" s="208">
        <v>0</v>
      </c>
      <c r="E8" s="218">
        <v>0</v>
      </c>
      <c r="F8" s="205">
        <v>0</v>
      </c>
      <c r="G8" s="203">
        <v>63</v>
      </c>
      <c r="H8" s="203">
        <v>72</v>
      </c>
      <c r="I8" s="203">
        <v>70</v>
      </c>
      <c r="J8" s="203">
        <v>116</v>
      </c>
      <c r="K8" s="203">
        <v>111</v>
      </c>
      <c r="L8" s="206">
        <v>432</v>
      </c>
      <c r="M8" s="207">
        <v>432</v>
      </c>
      <c r="N8" s="202">
        <v>0</v>
      </c>
      <c r="O8" s="203">
        <v>0</v>
      </c>
      <c r="P8" s="208">
        <v>0</v>
      </c>
      <c r="Q8" s="205">
        <v>0</v>
      </c>
      <c r="R8" s="203">
        <v>70</v>
      </c>
      <c r="S8" s="203">
        <v>114</v>
      </c>
      <c r="T8" s="203">
        <v>98</v>
      </c>
      <c r="U8" s="203">
        <v>92</v>
      </c>
      <c r="V8" s="203">
        <v>85</v>
      </c>
      <c r="W8" s="208">
        <v>459</v>
      </c>
      <c r="X8" s="207">
        <v>459</v>
      </c>
      <c r="Y8" s="202">
        <v>0</v>
      </c>
      <c r="Z8" s="203">
        <v>0</v>
      </c>
      <c r="AA8" s="208">
        <v>0</v>
      </c>
      <c r="AB8" s="205">
        <v>0</v>
      </c>
      <c r="AC8" s="203">
        <v>1921</v>
      </c>
      <c r="AD8" s="203">
        <v>1378</v>
      </c>
      <c r="AE8" s="203">
        <v>727</v>
      </c>
      <c r="AF8" s="203">
        <v>395</v>
      </c>
      <c r="AG8" s="203">
        <v>208</v>
      </c>
      <c r="AH8" s="208">
        <v>4629</v>
      </c>
      <c r="AI8" s="207">
        <v>4629</v>
      </c>
      <c r="AJ8" s="202">
        <v>1</v>
      </c>
      <c r="AK8" s="203">
        <v>0</v>
      </c>
      <c r="AL8" s="208">
        <v>1</v>
      </c>
      <c r="AM8" s="205">
        <v>0</v>
      </c>
      <c r="AN8" s="203">
        <v>160</v>
      </c>
      <c r="AO8" s="203">
        <v>213</v>
      </c>
      <c r="AP8" s="203">
        <v>234</v>
      </c>
      <c r="AQ8" s="203">
        <v>124</v>
      </c>
      <c r="AR8" s="203">
        <v>104</v>
      </c>
      <c r="AS8" s="208">
        <v>835</v>
      </c>
      <c r="AT8" s="207">
        <v>836</v>
      </c>
      <c r="AU8" s="202">
        <v>22</v>
      </c>
      <c r="AV8" s="203">
        <v>37</v>
      </c>
      <c r="AW8" s="208">
        <v>59</v>
      </c>
      <c r="AX8" s="205">
        <v>0</v>
      </c>
      <c r="AY8" s="203">
        <v>260</v>
      </c>
      <c r="AZ8" s="203">
        <v>236</v>
      </c>
      <c r="BA8" s="203">
        <v>196</v>
      </c>
      <c r="BB8" s="203">
        <v>116</v>
      </c>
      <c r="BC8" s="203">
        <v>66</v>
      </c>
      <c r="BD8" s="208">
        <v>874</v>
      </c>
      <c r="BE8" s="207">
        <v>933</v>
      </c>
      <c r="BF8" s="202">
        <v>0</v>
      </c>
      <c r="BG8" s="203">
        <v>6</v>
      </c>
      <c r="BH8" s="208">
        <v>6</v>
      </c>
      <c r="BI8" s="205">
        <v>0</v>
      </c>
      <c r="BJ8" s="203">
        <v>467</v>
      </c>
      <c r="BK8" s="203">
        <v>589</v>
      </c>
      <c r="BL8" s="203">
        <v>566</v>
      </c>
      <c r="BM8" s="203">
        <v>386</v>
      </c>
      <c r="BN8" s="203">
        <v>268</v>
      </c>
      <c r="BO8" s="206">
        <v>2276</v>
      </c>
      <c r="BP8" s="207">
        <v>2282</v>
      </c>
      <c r="BQ8" s="202">
        <v>0</v>
      </c>
      <c r="BR8" s="203">
        <v>0</v>
      </c>
      <c r="BS8" s="208">
        <v>0</v>
      </c>
      <c r="BT8" s="205">
        <v>0</v>
      </c>
      <c r="BU8" s="203">
        <v>0</v>
      </c>
      <c r="BV8" s="203">
        <v>0</v>
      </c>
      <c r="BW8" s="203">
        <v>0</v>
      </c>
      <c r="BX8" s="203">
        <v>0</v>
      </c>
      <c r="BY8" s="203">
        <v>0</v>
      </c>
      <c r="BZ8" s="208">
        <v>0</v>
      </c>
      <c r="CA8" s="207">
        <v>0</v>
      </c>
      <c r="CB8" s="202">
        <v>0</v>
      </c>
      <c r="CC8" s="203">
        <v>0</v>
      </c>
      <c r="CD8" s="208">
        <v>0</v>
      </c>
      <c r="CE8" s="205">
        <v>0</v>
      </c>
      <c r="CF8" s="203">
        <v>1</v>
      </c>
      <c r="CG8" s="203">
        <v>9</v>
      </c>
      <c r="CH8" s="203">
        <v>68</v>
      </c>
      <c r="CI8" s="203">
        <v>98</v>
      </c>
      <c r="CJ8" s="203">
        <v>64</v>
      </c>
      <c r="CK8" s="208">
        <v>240</v>
      </c>
      <c r="CL8" s="207">
        <v>240</v>
      </c>
      <c r="CM8" s="202">
        <v>0</v>
      </c>
      <c r="CN8" s="203">
        <v>0</v>
      </c>
      <c r="CO8" s="208">
        <v>0</v>
      </c>
      <c r="CP8" s="205">
        <v>0</v>
      </c>
      <c r="CQ8" s="203">
        <v>67</v>
      </c>
      <c r="CR8" s="203">
        <v>92</v>
      </c>
      <c r="CS8" s="203">
        <v>70</v>
      </c>
      <c r="CT8" s="203">
        <v>95</v>
      </c>
      <c r="CU8" s="203">
        <v>103</v>
      </c>
      <c r="CV8" s="208">
        <v>427</v>
      </c>
      <c r="CW8" s="207">
        <v>427</v>
      </c>
    </row>
    <row r="9" spans="2:101" ht="21" customHeight="1" x14ac:dyDescent="0.2">
      <c r="B9" s="173" t="s">
        <v>14</v>
      </c>
      <c r="C9" s="202">
        <v>0</v>
      </c>
      <c r="D9" s="208">
        <v>0</v>
      </c>
      <c r="E9" s="218">
        <v>0</v>
      </c>
      <c r="F9" s="205">
        <v>0</v>
      </c>
      <c r="G9" s="203">
        <v>27</v>
      </c>
      <c r="H9" s="203">
        <v>39</v>
      </c>
      <c r="I9" s="203">
        <v>29</v>
      </c>
      <c r="J9" s="203">
        <v>35</v>
      </c>
      <c r="K9" s="203">
        <v>32</v>
      </c>
      <c r="L9" s="206">
        <v>162</v>
      </c>
      <c r="M9" s="207">
        <v>162</v>
      </c>
      <c r="N9" s="202">
        <v>0</v>
      </c>
      <c r="O9" s="203">
        <v>0</v>
      </c>
      <c r="P9" s="208">
        <v>0</v>
      </c>
      <c r="Q9" s="205">
        <v>0</v>
      </c>
      <c r="R9" s="203">
        <v>0</v>
      </c>
      <c r="S9" s="203">
        <v>0</v>
      </c>
      <c r="T9" s="203">
        <v>0</v>
      </c>
      <c r="U9" s="203">
        <v>0</v>
      </c>
      <c r="V9" s="203">
        <v>0</v>
      </c>
      <c r="W9" s="208">
        <v>0</v>
      </c>
      <c r="X9" s="207">
        <v>0</v>
      </c>
      <c r="Y9" s="202">
        <v>0</v>
      </c>
      <c r="Z9" s="203">
        <v>0</v>
      </c>
      <c r="AA9" s="208">
        <v>0</v>
      </c>
      <c r="AB9" s="205">
        <v>0</v>
      </c>
      <c r="AC9" s="203">
        <v>1113</v>
      </c>
      <c r="AD9" s="203">
        <v>1193</v>
      </c>
      <c r="AE9" s="203">
        <v>527</v>
      </c>
      <c r="AF9" s="203">
        <v>255</v>
      </c>
      <c r="AG9" s="203">
        <v>111</v>
      </c>
      <c r="AH9" s="208">
        <v>3199</v>
      </c>
      <c r="AI9" s="207">
        <v>3199</v>
      </c>
      <c r="AJ9" s="202">
        <v>0</v>
      </c>
      <c r="AK9" s="203">
        <v>0</v>
      </c>
      <c r="AL9" s="208">
        <v>0</v>
      </c>
      <c r="AM9" s="205">
        <v>0</v>
      </c>
      <c r="AN9" s="203">
        <v>19</v>
      </c>
      <c r="AO9" s="203">
        <v>25</v>
      </c>
      <c r="AP9" s="203">
        <v>40</v>
      </c>
      <c r="AQ9" s="203">
        <v>17</v>
      </c>
      <c r="AR9" s="203">
        <v>18</v>
      </c>
      <c r="AS9" s="208">
        <v>119</v>
      </c>
      <c r="AT9" s="207">
        <v>119</v>
      </c>
      <c r="AU9" s="202">
        <v>20</v>
      </c>
      <c r="AV9" s="203">
        <v>28</v>
      </c>
      <c r="AW9" s="208">
        <v>48</v>
      </c>
      <c r="AX9" s="205">
        <v>0</v>
      </c>
      <c r="AY9" s="203">
        <v>124</v>
      </c>
      <c r="AZ9" s="203">
        <v>151</v>
      </c>
      <c r="BA9" s="203">
        <v>127</v>
      </c>
      <c r="BB9" s="203">
        <v>79</v>
      </c>
      <c r="BC9" s="203">
        <v>30</v>
      </c>
      <c r="BD9" s="208">
        <v>511</v>
      </c>
      <c r="BE9" s="207">
        <v>559</v>
      </c>
      <c r="BF9" s="202">
        <v>0</v>
      </c>
      <c r="BG9" s="203">
        <v>2</v>
      </c>
      <c r="BH9" s="208">
        <v>2</v>
      </c>
      <c r="BI9" s="205">
        <v>0</v>
      </c>
      <c r="BJ9" s="203">
        <v>190</v>
      </c>
      <c r="BK9" s="203">
        <v>280</v>
      </c>
      <c r="BL9" s="203">
        <v>398</v>
      </c>
      <c r="BM9" s="203">
        <v>206</v>
      </c>
      <c r="BN9" s="203">
        <v>134</v>
      </c>
      <c r="BO9" s="206">
        <v>1208</v>
      </c>
      <c r="BP9" s="207">
        <v>1210</v>
      </c>
      <c r="BQ9" s="202">
        <v>0</v>
      </c>
      <c r="BR9" s="203">
        <v>0</v>
      </c>
      <c r="BS9" s="208">
        <v>0</v>
      </c>
      <c r="BT9" s="205">
        <v>0</v>
      </c>
      <c r="BU9" s="203">
        <v>0</v>
      </c>
      <c r="BV9" s="203">
        <v>0</v>
      </c>
      <c r="BW9" s="203">
        <v>0</v>
      </c>
      <c r="BX9" s="203">
        <v>0</v>
      </c>
      <c r="BY9" s="203">
        <v>0</v>
      </c>
      <c r="BZ9" s="208">
        <v>0</v>
      </c>
      <c r="CA9" s="207">
        <v>0</v>
      </c>
      <c r="CB9" s="202">
        <v>0</v>
      </c>
      <c r="CC9" s="203">
        <v>0</v>
      </c>
      <c r="CD9" s="208">
        <v>0</v>
      </c>
      <c r="CE9" s="205">
        <v>0</v>
      </c>
      <c r="CF9" s="203">
        <v>0</v>
      </c>
      <c r="CG9" s="203">
        <v>1</v>
      </c>
      <c r="CH9" s="203">
        <v>11</v>
      </c>
      <c r="CI9" s="203">
        <v>27</v>
      </c>
      <c r="CJ9" s="203">
        <v>12</v>
      </c>
      <c r="CK9" s="208">
        <v>51</v>
      </c>
      <c r="CL9" s="207">
        <v>51</v>
      </c>
      <c r="CM9" s="202">
        <v>0</v>
      </c>
      <c r="CN9" s="203">
        <v>0</v>
      </c>
      <c r="CO9" s="208">
        <v>0</v>
      </c>
      <c r="CP9" s="205">
        <v>0</v>
      </c>
      <c r="CQ9" s="203">
        <v>16</v>
      </c>
      <c r="CR9" s="203">
        <v>23</v>
      </c>
      <c r="CS9" s="203">
        <v>29</v>
      </c>
      <c r="CT9" s="203">
        <v>43</v>
      </c>
      <c r="CU9" s="203">
        <v>33</v>
      </c>
      <c r="CV9" s="208">
        <v>144</v>
      </c>
      <c r="CW9" s="207">
        <v>144</v>
      </c>
    </row>
    <row r="10" spans="2:101" ht="21" customHeight="1" x14ac:dyDescent="0.2">
      <c r="B10" s="173" t="s">
        <v>7</v>
      </c>
      <c r="C10" s="202">
        <v>0</v>
      </c>
      <c r="D10" s="208">
        <v>0</v>
      </c>
      <c r="E10" s="218">
        <v>0</v>
      </c>
      <c r="F10" s="205">
        <v>0</v>
      </c>
      <c r="G10" s="203">
        <v>10</v>
      </c>
      <c r="H10" s="203">
        <v>9</v>
      </c>
      <c r="I10" s="203">
        <v>5</v>
      </c>
      <c r="J10" s="203">
        <v>9</v>
      </c>
      <c r="K10" s="203">
        <v>3</v>
      </c>
      <c r="L10" s="206">
        <v>36</v>
      </c>
      <c r="M10" s="207">
        <v>36</v>
      </c>
      <c r="N10" s="202">
        <v>0</v>
      </c>
      <c r="O10" s="203">
        <v>0</v>
      </c>
      <c r="P10" s="208">
        <v>0</v>
      </c>
      <c r="Q10" s="205">
        <v>0</v>
      </c>
      <c r="R10" s="203">
        <v>0</v>
      </c>
      <c r="S10" s="203">
        <v>0</v>
      </c>
      <c r="T10" s="203">
        <v>0</v>
      </c>
      <c r="U10" s="203">
        <v>0</v>
      </c>
      <c r="V10" s="203">
        <v>0</v>
      </c>
      <c r="W10" s="208">
        <v>0</v>
      </c>
      <c r="X10" s="207">
        <v>0</v>
      </c>
      <c r="Y10" s="202">
        <v>0</v>
      </c>
      <c r="Z10" s="203">
        <v>0</v>
      </c>
      <c r="AA10" s="208">
        <v>0</v>
      </c>
      <c r="AB10" s="205">
        <v>0</v>
      </c>
      <c r="AC10" s="203">
        <v>1128</v>
      </c>
      <c r="AD10" s="203">
        <v>666</v>
      </c>
      <c r="AE10" s="203">
        <v>256</v>
      </c>
      <c r="AF10" s="203">
        <v>112</v>
      </c>
      <c r="AG10" s="203">
        <v>60</v>
      </c>
      <c r="AH10" s="208">
        <v>2222</v>
      </c>
      <c r="AI10" s="207">
        <v>2222</v>
      </c>
      <c r="AJ10" s="202">
        <v>0</v>
      </c>
      <c r="AK10" s="203">
        <v>1</v>
      </c>
      <c r="AL10" s="208">
        <v>1</v>
      </c>
      <c r="AM10" s="205">
        <v>0</v>
      </c>
      <c r="AN10" s="203">
        <v>79</v>
      </c>
      <c r="AO10" s="203">
        <v>79</v>
      </c>
      <c r="AP10" s="203">
        <v>78</v>
      </c>
      <c r="AQ10" s="203">
        <v>35</v>
      </c>
      <c r="AR10" s="203">
        <v>19</v>
      </c>
      <c r="AS10" s="208">
        <v>290</v>
      </c>
      <c r="AT10" s="207">
        <v>291</v>
      </c>
      <c r="AU10" s="202">
        <v>3</v>
      </c>
      <c r="AV10" s="203">
        <v>2</v>
      </c>
      <c r="AW10" s="208">
        <v>5</v>
      </c>
      <c r="AX10" s="205">
        <v>0</v>
      </c>
      <c r="AY10" s="203">
        <v>43</v>
      </c>
      <c r="AZ10" s="203">
        <v>35</v>
      </c>
      <c r="BA10" s="203">
        <v>31</v>
      </c>
      <c r="BB10" s="203">
        <v>15</v>
      </c>
      <c r="BC10" s="203">
        <v>13</v>
      </c>
      <c r="BD10" s="208">
        <v>137</v>
      </c>
      <c r="BE10" s="207">
        <v>142</v>
      </c>
      <c r="BF10" s="202">
        <v>0</v>
      </c>
      <c r="BG10" s="203">
        <v>1</v>
      </c>
      <c r="BH10" s="208">
        <v>1</v>
      </c>
      <c r="BI10" s="205">
        <v>0</v>
      </c>
      <c r="BJ10" s="203">
        <v>123</v>
      </c>
      <c r="BK10" s="203">
        <v>154</v>
      </c>
      <c r="BL10" s="203">
        <v>150</v>
      </c>
      <c r="BM10" s="203">
        <v>120</v>
      </c>
      <c r="BN10" s="203">
        <v>67</v>
      </c>
      <c r="BO10" s="206">
        <v>614</v>
      </c>
      <c r="BP10" s="207">
        <v>615</v>
      </c>
      <c r="BQ10" s="202">
        <v>0</v>
      </c>
      <c r="BR10" s="203">
        <v>0</v>
      </c>
      <c r="BS10" s="208">
        <v>0</v>
      </c>
      <c r="BT10" s="205">
        <v>0</v>
      </c>
      <c r="BU10" s="203">
        <v>0</v>
      </c>
      <c r="BV10" s="203">
        <v>0</v>
      </c>
      <c r="BW10" s="203">
        <v>0</v>
      </c>
      <c r="BX10" s="203">
        <v>0</v>
      </c>
      <c r="BY10" s="203">
        <v>0</v>
      </c>
      <c r="BZ10" s="208">
        <v>0</v>
      </c>
      <c r="CA10" s="207">
        <v>0</v>
      </c>
      <c r="CB10" s="202">
        <v>0</v>
      </c>
      <c r="CC10" s="203">
        <v>0</v>
      </c>
      <c r="CD10" s="208">
        <v>0</v>
      </c>
      <c r="CE10" s="205">
        <v>0</v>
      </c>
      <c r="CF10" s="203">
        <v>0</v>
      </c>
      <c r="CG10" s="203">
        <v>0</v>
      </c>
      <c r="CH10" s="203">
        <v>0</v>
      </c>
      <c r="CI10" s="203">
        <v>0</v>
      </c>
      <c r="CJ10" s="203">
        <v>0</v>
      </c>
      <c r="CK10" s="208">
        <v>0</v>
      </c>
      <c r="CL10" s="207">
        <v>0</v>
      </c>
      <c r="CM10" s="202">
        <v>0</v>
      </c>
      <c r="CN10" s="203">
        <v>0</v>
      </c>
      <c r="CO10" s="208">
        <v>0</v>
      </c>
      <c r="CP10" s="205">
        <v>0</v>
      </c>
      <c r="CQ10" s="203">
        <v>14</v>
      </c>
      <c r="CR10" s="203">
        <v>11</v>
      </c>
      <c r="CS10" s="203">
        <v>11</v>
      </c>
      <c r="CT10" s="203">
        <v>12</v>
      </c>
      <c r="CU10" s="203">
        <v>19</v>
      </c>
      <c r="CV10" s="208">
        <v>67</v>
      </c>
      <c r="CW10" s="207">
        <v>67</v>
      </c>
    </row>
    <row r="11" spans="2:101" ht="21" customHeight="1" x14ac:dyDescent="0.2">
      <c r="B11" s="173" t="s">
        <v>8</v>
      </c>
      <c r="C11" s="202">
        <v>0</v>
      </c>
      <c r="D11" s="208">
        <v>0</v>
      </c>
      <c r="E11" s="218">
        <v>0</v>
      </c>
      <c r="F11" s="205">
        <v>0</v>
      </c>
      <c r="G11" s="203">
        <v>5</v>
      </c>
      <c r="H11" s="203">
        <v>4</v>
      </c>
      <c r="I11" s="203">
        <v>2</v>
      </c>
      <c r="J11" s="203">
        <v>5</v>
      </c>
      <c r="K11" s="203">
        <v>3</v>
      </c>
      <c r="L11" s="206">
        <v>19</v>
      </c>
      <c r="M11" s="207">
        <v>19</v>
      </c>
      <c r="N11" s="202">
        <v>0</v>
      </c>
      <c r="O11" s="203">
        <v>0</v>
      </c>
      <c r="P11" s="208">
        <v>0</v>
      </c>
      <c r="Q11" s="205">
        <v>0</v>
      </c>
      <c r="R11" s="203">
        <v>2</v>
      </c>
      <c r="S11" s="203">
        <v>3</v>
      </c>
      <c r="T11" s="203">
        <v>0</v>
      </c>
      <c r="U11" s="203">
        <v>1</v>
      </c>
      <c r="V11" s="203">
        <v>1</v>
      </c>
      <c r="W11" s="208">
        <v>7</v>
      </c>
      <c r="X11" s="207">
        <v>7</v>
      </c>
      <c r="Y11" s="202">
        <v>0</v>
      </c>
      <c r="Z11" s="203">
        <v>0</v>
      </c>
      <c r="AA11" s="208">
        <v>0</v>
      </c>
      <c r="AB11" s="205">
        <v>0</v>
      </c>
      <c r="AC11" s="203">
        <v>628</v>
      </c>
      <c r="AD11" s="203">
        <v>555</v>
      </c>
      <c r="AE11" s="203">
        <v>225</v>
      </c>
      <c r="AF11" s="203">
        <v>102</v>
      </c>
      <c r="AG11" s="203">
        <v>58</v>
      </c>
      <c r="AH11" s="208">
        <v>1568</v>
      </c>
      <c r="AI11" s="207">
        <v>1568</v>
      </c>
      <c r="AJ11" s="202">
        <v>0</v>
      </c>
      <c r="AK11" s="203">
        <v>0</v>
      </c>
      <c r="AL11" s="208">
        <v>0</v>
      </c>
      <c r="AM11" s="205">
        <v>0</v>
      </c>
      <c r="AN11" s="203">
        <v>6</v>
      </c>
      <c r="AO11" s="203">
        <v>13</v>
      </c>
      <c r="AP11" s="203">
        <v>7</v>
      </c>
      <c r="AQ11" s="203">
        <v>12</v>
      </c>
      <c r="AR11" s="203">
        <v>7</v>
      </c>
      <c r="AS11" s="208">
        <v>45</v>
      </c>
      <c r="AT11" s="207">
        <v>45</v>
      </c>
      <c r="AU11" s="202">
        <v>9</v>
      </c>
      <c r="AV11" s="203">
        <v>12</v>
      </c>
      <c r="AW11" s="208">
        <v>21</v>
      </c>
      <c r="AX11" s="205">
        <v>0</v>
      </c>
      <c r="AY11" s="203">
        <v>67</v>
      </c>
      <c r="AZ11" s="203">
        <v>50</v>
      </c>
      <c r="BA11" s="203">
        <v>45</v>
      </c>
      <c r="BB11" s="203">
        <v>23</v>
      </c>
      <c r="BC11" s="203">
        <v>12</v>
      </c>
      <c r="BD11" s="208">
        <v>197</v>
      </c>
      <c r="BE11" s="207">
        <v>218</v>
      </c>
      <c r="BF11" s="202">
        <v>0</v>
      </c>
      <c r="BG11" s="203">
        <v>0</v>
      </c>
      <c r="BH11" s="208">
        <v>0</v>
      </c>
      <c r="BI11" s="205">
        <v>0</v>
      </c>
      <c r="BJ11" s="203">
        <v>61</v>
      </c>
      <c r="BK11" s="203">
        <v>63</v>
      </c>
      <c r="BL11" s="203">
        <v>83</v>
      </c>
      <c r="BM11" s="203">
        <v>66</v>
      </c>
      <c r="BN11" s="203">
        <v>35</v>
      </c>
      <c r="BO11" s="206">
        <v>308</v>
      </c>
      <c r="BP11" s="207">
        <v>308</v>
      </c>
      <c r="BQ11" s="202">
        <v>0</v>
      </c>
      <c r="BR11" s="203">
        <v>0</v>
      </c>
      <c r="BS11" s="208">
        <v>0</v>
      </c>
      <c r="BT11" s="205">
        <v>0</v>
      </c>
      <c r="BU11" s="203">
        <v>3</v>
      </c>
      <c r="BV11" s="203">
        <v>6</v>
      </c>
      <c r="BW11" s="203">
        <v>15</v>
      </c>
      <c r="BX11" s="203">
        <v>13</v>
      </c>
      <c r="BY11" s="203">
        <v>8</v>
      </c>
      <c r="BZ11" s="208">
        <v>45</v>
      </c>
      <c r="CA11" s="207">
        <v>45</v>
      </c>
      <c r="CB11" s="202">
        <v>0</v>
      </c>
      <c r="CC11" s="203">
        <v>0</v>
      </c>
      <c r="CD11" s="208">
        <v>0</v>
      </c>
      <c r="CE11" s="205">
        <v>0</v>
      </c>
      <c r="CF11" s="203">
        <v>0</v>
      </c>
      <c r="CG11" s="203">
        <v>1</v>
      </c>
      <c r="CH11" s="203">
        <v>10</v>
      </c>
      <c r="CI11" s="203">
        <v>24</v>
      </c>
      <c r="CJ11" s="203">
        <v>7</v>
      </c>
      <c r="CK11" s="208">
        <v>42</v>
      </c>
      <c r="CL11" s="207">
        <v>42</v>
      </c>
      <c r="CM11" s="202">
        <v>0</v>
      </c>
      <c r="CN11" s="203">
        <v>0</v>
      </c>
      <c r="CO11" s="208">
        <v>0</v>
      </c>
      <c r="CP11" s="205">
        <v>0</v>
      </c>
      <c r="CQ11" s="203">
        <v>12</v>
      </c>
      <c r="CR11" s="203">
        <v>12</v>
      </c>
      <c r="CS11" s="203">
        <v>16</v>
      </c>
      <c r="CT11" s="203">
        <v>10</v>
      </c>
      <c r="CU11" s="203">
        <v>5</v>
      </c>
      <c r="CV11" s="208">
        <v>55</v>
      </c>
      <c r="CW11" s="207">
        <v>55</v>
      </c>
    </row>
    <row r="12" spans="2:101" ht="21" customHeight="1" x14ac:dyDescent="0.2">
      <c r="B12" s="173" t="s">
        <v>9</v>
      </c>
      <c r="C12" s="202">
        <v>0</v>
      </c>
      <c r="D12" s="208">
        <v>0</v>
      </c>
      <c r="E12" s="218">
        <v>0</v>
      </c>
      <c r="F12" s="205">
        <v>0</v>
      </c>
      <c r="G12" s="203">
        <v>0</v>
      </c>
      <c r="H12" s="203">
        <v>3</v>
      </c>
      <c r="I12" s="203">
        <v>6</v>
      </c>
      <c r="J12" s="203">
        <v>10</v>
      </c>
      <c r="K12" s="203">
        <v>6</v>
      </c>
      <c r="L12" s="206">
        <v>25</v>
      </c>
      <c r="M12" s="207">
        <v>25</v>
      </c>
      <c r="N12" s="202">
        <v>0</v>
      </c>
      <c r="O12" s="203">
        <v>0</v>
      </c>
      <c r="P12" s="208">
        <v>0</v>
      </c>
      <c r="Q12" s="205">
        <v>0</v>
      </c>
      <c r="R12" s="203">
        <v>0</v>
      </c>
      <c r="S12" s="203">
        <v>0</v>
      </c>
      <c r="T12" s="203">
        <v>0</v>
      </c>
      <c r="U12" s="203">
        <v>0</v>
      </c>
      <c r="V12" s="203">
        <v>0</v>
      </c>
      <c r="W12" s="208">
        <v>0</v>
      </c>
      <c r="X12" s="207">
        <v>0</v>
      </c>
      <c r="Y12" s="202">
        <v>0</v>
      </c>
      <c r="Z12" s="203">
        <v>0</v>
      </c>
      <c r="AA12" s="208">
        <v>0</v>
      </c>
      <c r="AB12" s="205">
        <v>0</v>
      </c>
      <c r="AC12" s="203">
        <v>476</v>
      </c>
      <c r="AD12" s="203">
        <v>270</v>
      </c>
      <c r="AE12" s="203">
        <v>156</v>
      </c>
      <c r="AF12" s="203">
        <v>93</v>
      </c>
      <c r="AG12" s="203">
        <v>28</v>
      </c>
      <c r="AH12" s="208">
        <v>1023</v>
      </c>
      <c r="AI12" s="207">
        <v>1023</v>
      </c>
      <c r="AJ12" s="202">
        <v>0</v>
      </c>
      <c r="AK12" s="203">
        <v>0</v>
      </c>
      <c r="AL12" s="208">
        <v>0</v>
      </c>
      <c r="AM12" s="205">
        <v>0</v>
      </c>
      <c r="AN12" s="203">
        <v>5</v>
      </c>
      <c r="AO12" s="203">
        <v>8</v>
      </c>
      <c r="AP12" s="203">
        <v>9</v>
      </c>
      <c r="AQ12" s="203">
        <v>0</v>
      </c>
      <c r="AR12" s="203">
        <v>7</v>
      </c>
      <c r="AS12" s="208">
        <v>29</v>
      </c>
      <c r="AT12" s="207">
        <v>29</v>
      </c>
      <c r="AU12" s="202">
        <v>5</v>
      </c>
      <c r="AV12" s="203">
        <v>7</v>
      </c>
      <c r="AW12" s="208">
        <v>12</v>
      </c>
      <c r="AX12" s="205">
        <v>0</v>
      </c>
      <c r="AY12" s="203">
        <v>28</v>
      </c>
      <c r="AZ12" s="203">
        <v>28</v>
      </c>
      <c r="BA12" s="203">
        <v>19</v>
      </c>
      <c r="BB12" s="203">
        <v>27</v>
      </c>
      <c r="BC12" s="203">
        <v>11</v>
      </c>
      <c r="BD12" s="208">
        <v>113</v>
      </c>
      <c r="BE12" s="207">
        <v>125</v>
      </c>
      <c r="BF12" s="202">
        <v>0</v>
      </c>
      <c r="BG12" s="203">
        <v>0</v>
      </c>
      <c r="BH12" s="208">
        <v>0</v>
      </c>
      <c r="BI12" s="205">
        <v>0</v>
      </c>
      <c r="BJ12" s="203">
        <v>30</v>
      </c>
      <c r="BK12" s="203">
        <v>66</v>
      </c>
      <c r="BL12" s="203">
        <v>80</v>
      </c>
      <c r="BM12" s="203">
        <v>66</v>
      </c>
      <c r="BN12" s="203">
        <v>30</v>
      </c>
      <c r="BO12" s="206">
        <v>272</v>
      </c>
      <c r="BP12" s="207">
        <v>272</v>
      </c>
      <c r="BQ12" s="202">
        <v>0</v>
      </c>
      <c r="BR12" s="203">
        <v>0</v>
      </c>
      <c r="BS12" s="208">
        <v>0</v>
      </c>
      <c r="BT12" s="205">
        <v>0</v>
      </c>
      <c r="BU12" s="203">
        <v>2</v>
      </c>
      <c r="BV12" s="203">
        <v>4</v>
      </c>
      <c r="BW12" s="203">
        <v>7</v>
      </c>
      <c r="BX12" s="203">
        <v>7</v>
      </c>
      <c r="BY12" s="203">
        <v>5</v>
      </c>
      <c r="BZ12" s="208">
        <v>25</v>
      </c>
      <c r="CA12" s="207">
        <v>25</v>
      </c>
      <c r="CB12" s="202">
        <v>0</v>
      </c>
      <c r="CC12" s="203">
        <v>0</v>
      </c>
      <c r="CD12" s="208">
        <v>0</v>
      </c>
      <c r="CE12" s="205">
        <v>0</v>
      </c>
      <c r="CF12" s="203">
        <v>0</v>
      </c>
      <c r="CG12" s="203">
        <v>0</v>
      </c>
      <c r="CH12" s="203">
        <v>0</v>
      </c>
      <c r="CI12" s="203">
        <v>1</v>
      </c>
      <c r="CJ12" s="203">
        <v>0</v>
      </c>
      <c r="CK12" s="208">
        <v>1</v>
      </c>
      <c r="CL12" s="207">
        <v>1</v>
      </c>
      <c r="CM12" s="202">
        <v>0</v>
      </c>
      <c r="CN12" s="203">
        <v>0</v>
      </c>
      <c r="CO12" s="208">
        <v>0</v>
      </c>
      <c r="CP12" s="205">
        <v>0</v>
      </c>
      <c r="CQ12" s="203">
        <v>4</v>
      </c>
      <c r="CR12" s="203">
        <v>6</v>
      </c>
      <c r="CS12" s="203">
        <v>9</v>
      </c>
      <c r="CT12" s="203">
        <v>10</v>
      </c>
      <c r="CU12" s="203">
        <v>16</v>
      </c>
      <c r="CV12" s="208">
        <v>45</v>
      </c>
      <c r="CW12" s="207">
        <v>45</v>
      </c>
    </row>
    <row r="13" spans="2:101" ht="21" customHeight="1" x14ac:dyDescent="0.2">
      <c r="B13" s="173" t="s">
        <v>10</v>
      </c>
      <c r="C13" s="202">
        <v>0</v>
      </c>
      <c r="D13" s="208">
        <v>0</v>
      </c>
      <c r="E13" s="218">
        <v>0</v>
      </c>
      <c r="F13" s="205">
        <v>0</v>
      </c>
      <c r="G13" s="203">
        <v>16</v>
      </c>
      <c r="H13" s="203">
        <v>15</v>
      </c>
      <c r="I13" s="203">
        <v>12</v>
      </c>
      <c r="J13" s="203">
        <v>15</v>
      </c>
      <c r="K13" s="203">
        <v>14</v>
      </c>
      <c r="L13" s="206">
        <v>72</v>
      </c>
      <c r="M13" s="207">
        <v>72</v>
      </c>
      <c r="N13" s="202">
        <v>0</v>
      </c>
      <c r="O13" s="203">
        <v>0</v>
      </c>
      <c r="P13" s="208">
        <v>0</v>
      </c>
      <c r="Q13" s="205">
        <v>0</v>
      </c>
      <c r="R13" s="203">
        <v>10</v>
      </c>
      <c r="S13" s="203">
        <v>4</v>
      </c>
      <c r="T13" s="203">
        <v>8</v>
      </c>
      <c r="U13" s="203">
        <v>8</v>
      </c>
      <c r="V13" s="203">
        <v>5</v>
      </c>
      <c r="W13" s="208">
        <v>35</v>
      </c>
      <c r="X13" s="207">
        <v>35</v>
      </c>
      <c r="Y13" s="202">
        <v>0</v>
      </c>
      <c r="Z13" s="203">
        <v>0</v>
      </c>
      <c r="AA13" s="208">
        <v>0</v>
      </c>
      <c r="AB13" s="205">
        <v>0</v>
      </c>
      <c r="AC13" s="203">
        <v>584</v>
      </c>
      <c r="AD13" s="203">
        <v>249</v>
      </c>
      <c r="AE13" s="203">
        <v>131</v>
      </c>
      <c r="AF13" s="203">
        <v>58</v>
      </c>
      <c r="AG13" s="203">
        <v>24</v>
      </c>
      <c r="AH13" s="208">
        <v>1046</v>
      </c>
      <c r="AI13" s="207">
        <v>1046</v>
      </c>
      <c r="AJ13" s="202">
        <v>0</v>
      </c>
      <c r="AK13" s="203">
        <v>1</v>
      </c>
      <c r="AL13" s="208">
        <v>1</v>
      </c>
      <c r="AM13" s="205">
        <v>0</v>
      </c>
      <c r="AN13" s="203">
        <v>10</v>
      </c>
      <c r="AO13" s="203">
        <v>13</v>
      </c>
      <c r="AP13" s="203">
        <v>26</v>
      </c>
      <c r="AQ13" s="203">
        <v>14</v>
      </c>
      <c r="AR13" s="203">
        <v>7</v>
      </c>
      <c r="AS13" s="208">
        <v>70</v>
      </c>
      <c r="AT13" s="207">
        <v>71</v>
      </c>
      <c r="AU13" s="202">
        <v>13</v>
      </c>
      <c r="AV13" s="203">
        <v>14</v>
      </c>
      <c r="AW13" s="208">
        <v>27</v>
      </c>
      <c r="AX13" s="205">
        <v>0</v>
      </c>
      <c r="AY13" s="203">
        <v>85</v>
      </c>
      <c r="AZ13" s="203">
        <v>66</v>
      </c>
      <c r="BA13" s="203">
        <v>62</v>
      </c>
      <c r="BB13" s="203">
        <v>49</v>
      </c>
      <c r="BC13" s="203">
        <v>39</v>
      </c>
      <c r="BD13" s="208">
        <v>301</v>
      </c>
      <c r="BE13" s="207">
        <v>328</v>
      </c>
      <c r="BF13" s="202">
        <v>0</v>
      </c>
      <c r="BG13" s="203">
        <v>2</v>
      </c>
      <c r="BH13" s="208">
        <v>2</v>
      </c>
      <c r="BI13" s="205">
        <v>0</v>
      </c>
      <c r="BJ13" s="203">
        <v>106</v>
      </c>
      <c r="BK13" s="203">
        <v>120</v>
      </c>
      <c r="BL13" s="203">
        <v>125</v>
      </c>
      <c r="BM13" s="203">
        <v>92</v>
      </c>
      <c r="BN13" s="203">
        <v>75</v>
      </c>
      <c r="BO13" s="206">
        <v>518</v>
      </c>
      <c r="BP13" s="207">
        <v>520</v>
      </c>
      <c r="BQ13" s="202">
        <v>0</v>
      </c>
      <c r="BR13" s="203">
        <v>0</v>
      </c>
      <c r="BS13" s="208">
        <v>0</v>
      </c>
      <c r="BT13" s="205">
        <v>0</v>
      </c>
      <c r="BU13" s="203">
        <v>39</v>
      </c>
      <c r="BV13" s="203">
        <v>22</v>
      </c>
      <c r="BW13" s="203">
        <v>28</v>
      </c>
      <c r="BX13" s="203">
        <v>30</v>
      </c>
      <c r="BY13" s="203">
        <v>30</v>
      </c>
      <c r="BZ13" s="208">
        <v>149</v>
      </c>
      <c r="CA13" s="207">
        <v>149</v>
      </c>
      <c r="CB13" s="202">
        <v>0</v>
      </c>
      <c r="CC13" s="203">
        <v>0</v>
      </c>
      <c r="CD13" s="208">
        <v>0</v>
      </c>
      <c r="CE13" s="205">
        <v>0</v>
      </c>
      <c r="CF13" s="203">
        <v>0</v>
      </c>
      <c r="CG13" s="203">
        <v>1</v>
      </c>
      <c r="CH13" s="203">
        <v>4</v>
      </c>
      <c r="CI13" s="203">
        <v>19</v>
      </c>
      <c r="CJ13" s="203">
        <v>20</v>
      </c>
      <c r="CK13" s="208">
        <v>44</v>
      </c>
      <c r="CL13" s="207">
        <v>44</v>
      </c>
      <c r="CM13" s="202">
        <v>0</v>
      </c>
      <c r="CN13" s="203">
        <v>0</v>
      </c>
      <c r="CO13" s="208">
        <v>0</v>
      </c>
      <c r="CP13" s="205">
        <v>0</v>
      </c>
      <c r="CQ13" s="203">
        <v>16</v>
      </c>
      <c r="CR13" s="203">
        <v>34</v>
      </c>
      <c r="CS13" s="203">
        <v>26</v>
      </c>
      <c r="CT13" s="203">
        <v>35</v>
      </c>
      <c r="CU13" s="203">
        <v>22</v>
      </c>
      <c r="CV13" s="208">
        <v>133</v>
      </c>
      <c r="CW13" s="207">
        <v>133</v>
      </c>
    </row>
    <row r="14" spans="2:101" ht="21" customHeight="1" x14ac:dyDescent="0.2">
      <c r="B14" s="173" t="s">
        <v>11</v>
      </c>
      <c r="C14" s="202">
        <v>0</v>
      </c>
      <c r="D14" s="208">
        <v>0</v>
      </c>
      <c r="E14" s="218">
        <v>0</v>
      </c>
      <c r="F14" s="205">
        <v>0</v>
      </c>
      <c r="G14" s="203">
        <v>7</v>
      </c>
      <c r="H14" s="203">
        <v>7</v>
      </c>
      <c r="I14" s="203">
        <v>3</v>
      </c>
      <c r="J14" s="203">
        <v>3</v>
      </c>
      <c r="K14" s="203">
        <v>5</v>
      </c>
      <c r="L14" s="206">
        <v>25</v>
      </c>
      <c r="M14" s="207">
        <v>25</v>
      </c>
      <c r="N14" s="202">
        <v>0</v>
      </c>
      <c r="O14" s="203">
        <v>0</v>
      </c>
      <c r="P14" s="208">
        <v>0</v>
      </c>
      <c r="Q14" s="205">
        <v>0</v>
      </c>
      <c r="R14" s="203">
        <v>13</v>
      </c>
      <c r="S14" s="203">
        <v>15</v>
      </c>
      <c r="T14" s="203">
        <v>11</v>
      </c>
      <c r="U14" s="203">
        <v>17</v>
      </c>
      <c r="V14" s="203">
        <v>5</v>
      </c>
      <c r="W14" s="208">
        <v>61</v>
      </c>
      <c r="X14" s="207">
        <v>61</v>
      </c>
      <c r="Y14" s="202">
        <v>0</v>
      </c>
      <c r="Z14" s="203">
        <v>0</v>
      </c>
      <c r="AA14" s="208">
        <v>0</v>
      </c>
      <c r="AB14" s="205">
        <v>0</v>
      </c>
      <c r="AC14" s="203">
        <v>500</v>
      </c>
      <c r="AD14" s="203">
        <v>264</v>
      </c>
      <c r="AE14" s="203">
        <v>153</v>
      </c>
      <c r="AF14" s="203">
        <v>68</v>
      </c>
      <c r="AG14" s="203">
        <v>35</v>
      </c>
      <c r="AH14" s="208">
        <v>1020</v>
      </c>
      <c r="AI14" s="207">
        <v>1020</v>
      </c>
      <c r="AJ14" s="202">
        <v>0</v>
      </c>
      <c r="AK14" s="203">
        <v>0</v>
      </c>
      <c r="AL14" s="208">
        <v>0</v>
      </c>
      <c r="AM14" s="205">
        <v>0</v>
      </c>
      <c r="AN14" s="203">
        <v>21</v>
      </c>
      <c r="AO14" s="203">
        <v>21</v>
      </c>
      <c r="AP14" s="203">
        <v>13</v>
      </c>
      <c r="AQ14" s="203">
        <v>1</v>
      </c>
      <c r="AR14" s="203">
        <v>1</v>
      </c>
      <c r="AS14" s="208">
        <v>57</v>
      </c>
      <c r="AT14" s="207">
        <v>57</v>
      </c>
      <c r="AU14" s="202">
        <v>2</v>
      </c>
      <c r="AV14" s="203">
        <v>6</v>
      </c>
      <c r="AW14" s="208">
        <v>8</v>
      </c>
      <c r="AX14" s="205">
        <v>0</v>
      </c>
      <c r="AY14" s="203">
        <v>44</v>
      </c>
      <c r="AZ14" s="203">
        <v>34</v>
      </c>
      <c r="BA14" s="203">
        <v>42</v>
      </c>
      <c r="BB14" s="203">
        <v>21</v>
      </c>
      <c r="BC14" s="203">
        <v>7</v>
      </c>
      <c r="BD14" s="208">
        <v>148</v>
      </c>
      <c r="BE14" s="207">
        <v>156</v>
      </c>
      <c r="BF14" s="202">
        <v>0</v>
      </c>
      <c r="BG14" s="203">
        <v>2</v>
      </c>
      <c r="BH14" s="208">
        <v>2</v>
      </c>
      <c r="BI14" s="205">
        <v>0</v>
      </c>
      <c r="BJ14" s="203">
        <v>55</v>
      </c>
      <c r="BK14" s="203">
        <v>75</v>
      </c>
      <c r="BL14" s="203">
        <v>83</v>
      </c>
      <c r="BM14" s="203">
        <v>55</v>
      </c>
      <c r="BN14" s="203">
        <v>28</v>
      </c>
      <c r="BO14" s="206">
        <v>296</v>
      </c>
      <c r="BP14" s="207">
        <v>298</v>
      </c>
      <c r="BQ14" s="202">
        <v>0</v>
      </c>
      <c r="BR14" s="203">
        <v>0</v>
      </c>
      <c r="BS14" s="208">
        <v>0</v>
      </c>
      <c r="BT14" s="205">
        <v>0</v>
      </c>
      <c r="BU14" s="203">
        <v>0</v>
      </c>
      <c r="BV14" s="203">
        <v>0</v>
      </c>
      <c r="BW14" s="203">
        <v>0</v>
      </c>
      <c r="BX14" s="203">
        <v>0</v>
      </c>
      <c r="BY14" s="203">
        <v>0</v>
      </c>
      <c r="BZ14" s="208">
        <v>0</v>
      </c>
      <c r="CA14" s="207">
        <v>0</v>
      </c>
      <c r="CB14" s="202">
        <v>0</v>
      </c>
      <c r="CC14" s="203">
        <v>0</v>
      </c>
      <c r="CD14" s="208">
        <v>0</v>
      </c>
      <c r="CE14" s="205">
        <v>0</v>
      </c>
      <c r="CF14" s="203">
        <v>0</v>
      </c>
      <c r="CG14" s="203">
        <v>1</v>
      </c>
      <c r="CH14" s="203">
        <v>1</v>
      </c>
      <c r="CI14" s="203">
        <v>0</v>
      </c>
      <c r="CJ14" s="203">
        <v>0</v>
      </c>
      <c r="CK14" s="208">
        <v>2</v>
      </c>
      <c r="CL14" s="207">
        <v>2</v>
      </c>
      <c r="CM14" s="202">
        <v>0</v>
      </c>
      <c r="CN14" s="203">
        <v>0</v>
      </c>
      <c r="CO14" s="208">
        <v>0</v>
      </c>
      <c r="CP14" s="205">
        <v>0</v>
      </c>
      <c r="CQ14" s="203">
        <v>11</v>
      </c>
      <c r="CR14" s="203">
        <v>4</v>
      </c>
      <c r="CS14" s="203">
        <v>4</v>
      </c>
      <c r="CT14" s="203">
        <v>8</v>
      </c>
      <c r="CU14" s="203">
        <v>2</v>
      </c>
      <c r="CV14" s="208">
        <v>29</v>
      </c>
      <c r="CW14" s="207">
        <v>29</v>
      </c>
    </row>
    <row r="15" spans="2:101" ht="21" customHeight="1" x14ac:dyDescent="0.2">
      <c r="B15" s="173" t="s">
        <v>12</v>
      </c>
      <c r="C15" s="202">
        <v>0</v>
      </c>
      <c r="D15" s="208">
        <v>0</v>
      </c>
      <c r="E15" s="218">
        <v>0</v>
      </c>
      <c r="F15" s="205">
        <v>0</v>
      </c>
      <c r="G15" s="203">
        <v>9</v>
      </c>
      <c r="H15" s="203">
        <v>6</v>
      </c>
      <c r="I15" s="203">
        <v>2</v>
      </c>
      <c r="J15" s="203">
        <v>2</v>
      </c>
      <c r="K15" s="203">
        <v>5</v>
      </c>
      <c r="L15" s="206">
        <v>24</v>
      </c>
      <c r="M15" s="207">
        <v>24</v>
      </c>
      <c r="N15" s="202">
        <v>0</v>
      </c>
      <c r="O15" s="203">
        <v>0</v>
      </c>
      <c r="P15" s="208">
        <v>0</v>
      </c>
      <c r="Q15" s="205">
        <v>0</v>
      </c>
      <c r="R15" s="203">
        <v>0</v>
      </c>
      <c r="S15" s="203">
        <v>0</v>
      </c>
      <c r="T15" s="203">
        <v>0</v>
      </c>
      <c r="U15" s="203">
        <v>0</v>
      </c>
      <c r="V15" s="203">
        <v>0</v>
      </c>
      <c r="W15" s="208">
        <v>0</v>
      </c>
      <c r="X15" s="207">
        <v>0</v>
      </c>
      <c r="Y15" s="202">
        <v>0</v>
      </c>
      <c r="Z15" s="203">
        <v>0</v>
      </c>
      <c r="AA15" s="208">
        <v>0</v>
      </c>
      <c r="AB15" s="205">
        <v>0</v>
      </c>
      <c r="AC15" s="203">
        <v>371</v>
      </c>
      <c r="AD15" s="203">
        <v>267</v>
      </c>
      <c r="AE15" s="203">
        <v>146</v>
      </c>
      <c r="AF15" s="203">
        <v>67</v>
      </c>
      <c r="AG15" s="203">
        <v>28</v>
      </c>
      <c r="AH15" s="208">
        <v>879</v>
      </c>
      <c r="AI15" s="207">
        <v>879</v>
      </c>
      <c r="AJ15" s="202">
        <v>0</v>
      </c>
      <c r="AK15" s="203">
        <v>0</v>
      </c>
      <c r="AL15" s="208">
        <v>0</v>
      </c>
      <c r="AM15" s="205">
        <v>0</v>
      </c>
      <c r="AN15" s="203">
        <v>4</v>
      </c>
      <c r="AO15" s="203">
        <v>1</v>
      </c>
      <c r="AP15" s="203">
        <v>1</v>
      </c>
      <c r="AQ15" s="203">
        <v>2</v>
      </c>
      <c r="AR15" s="203">
        <v>2</v>
      </c>
      <c r="AS15" s="208">
        <v>10</v>
      </c>
      <c r="AT15" s="207">
        <v>10</v>
      </c>
      <c r="AU15" s="202">
        <v>0</v>
      </c>
      <c r="AV15" s="203">
        <v>2</v>
      </c>
      <c r="AW15" s="208">
        <v>2</v>
      </c>
      <c r="AX15" s="205">
        <v>0</v>
      </c>
      <c r="AY15" s="203">
        <v>22</v>
      </c>
      <c r="AZ15" s="203">
        <v>38</v>
      </c>
      <c r="BA15" s="203">
        <v>47</v>
      </c>
      <c r="BB15" s="203">
        <v>34</v>
      </c>
      <c r="BC15" s="203">
        <v>29</v>
      </c>
      <c r="BD15" s="208">
        <v>170</v>
      </c>
      <c r="BE15" s="207">
        <v>172</v>
      </c>
      <c r="BF15" s="202">
        <v>0</v>
      </c>
      <c r="BG15" s="203">
        <v>0</v>
      </c>
      <c r="BH15" s="208">
        <v>0</v>
      </c>
      <c r="BI15" s="205">
        <v>0</v>
      </c>
      <c r="BJ15" s="203">
        <v>33</v>
      </c>
      <c r="BK15" s="203">
        <v>47</v>
      </c>
      <c r="BL15" s="203">
        <v>48</v>
      </c>
      <c r="BM15" s="203">
        <v>33</v>
      </c>
      <c r="BN15" s="203">
        <v>39</v>
      </c>
      <c r="BO15" s="206">
        <v>200</v>
      </c>
      <c r="BP15" s="207">
        <v>200</v>
      </c>
      <c r="BQ15" s="202">
        <v>0</v>
      </c>
      <c r="BR15" s="203">
        <v>0</v>
      </c>
      <c r="BS15" s="208">
        <v>0</v>
      </c>
      <c r="BT15" s="205">
        <v>0</v>
      </c>
      <c r="BU15" s="203">
        <v>0</v>
      </c>
      <c r="BV15" s="203">
        <v>6</v>
      </c>
      <c r="BW15" s="203">
        <v>7</v>
      </c>
      <c r="BX15" s="203">
        <v>12</v>
      </c>
      <c r="BY15" s="203">
        <v>3</v>
      </c>
      <c r="BZ15" s="208">
        <v>28</v>
      </c>
      <c r="CA15" s="207">
        <v>28</v>
      </c>
      <c r="CB15" s="202">
        <v>0</v>
      </c>
      <c r="CC15" s="203">
        <v>0</v>
      </c>
      <c r="CD15" s="208">
        <v>0</v>
      </c>
      <c r="CE15" s="205">
        <v>0</v>
      </c>
      <c r="CF15" s="203">
        <v>0</v>
      </c>
      <c r="CG15" s="203">
        <v>0</v>
      </c>
      <c r="CH15" s="203">
        <v>10</v>
      </c>
      <c r="CI15" s="203">
        <v>13</v>
      </c>
      <c r="CJ15" s="203">
        <v>6</v>
      </c>
      <c r="CK15" s="208">
        <v>29</v>
      </c>
      <c r="CL15" s="207">
        <v>29</v>
      </c>
      <c r="CM15" s="202">
        <v>0</v>
      </c>
      <c r="CN15" s="203">
        <v>0</v>
      </c>
      <c r="CO15" s="208">
        <v>0</v>
      </c>
      <c r="CP15" s="205">
        <v>0</v>
      </c>
      <c r="CQ15" s="203">
        <v>8</v>
      </c>
      <c r="CR15" s="203">
        <v>15</v>
      </c>
      <c r="CS15" s="203">
        <v>22</v>
      </c>
      <c r="CT15" s="203">
        <v>17</v>
      </c>
      <c r="CU15" s="203">
        <v>13</v>
      </c>
      <c r="CV15" s="208">
        <v>75</v>
      </c>
      <c r="CW15" s="207">
        <v>75</v>
      </c>
    </row>
    <row r="16" spans="2:101" ht="21" customHeight="1" x14ac:dyDescent="0.2">
      <c r="B16" s="173" t="s">
        <v>13</v>
      </c>
      <c r="C16" s="202">
        <v>0</v>
      </c>
      <c r="D16" s="208">
        <v>0</v>
      </c>
      <c r="E16" s="218">
        <v>0</v>
      </c>
      <c r="F16" s="205">
        <v>0</v>
      </c>
      <c r="G16" s="203">
        <v>2</v>
      </c>
      <c r="H16" s="203">
        <v>1</v>
      </c>
      <c r="I16" s="203">
        <v>1</v>
      </c>
      <c r="J16" s="203">
        <v>0</v>
      </c>
      <c r="K16" s="203">
        <v>2</v>
      </c>
      <c r="L16" s="206">
        <v>6</v>
      </c>
      <c r="M16" s="207">
        <v>6</v>
      </c>
      <c r="N16" s="202">
        <v>0</v>
      </c>
      <c r="O16" s="203">
        <v>0</v>
      </c>
      <c r="P16" s="208">
        <v>0</v>
      </c>
      <c r="Q16" s="205">
        <v>0</v>
      </c>
      <c r="R16" s="203">
        <v>0</v>
      </c>
      <c r="S16" s="203">
        <v>0</v>
      </c>
      <c r="T16" s="203">
        <v>0</v>
      </c>
      <c r="U16" s="203">
        <v>0</v>
      </c>
      <c r="V16" s="203">
        <v>0</v>
      </c>
      <c r="W16" s="208">
        <v>0</v>
      </c>
      <c r="X16" s="207">
        <v>0</v>
      </c>
      <c r="Y16" s="202">
        <v>0</v>
      </c>
      <c r="Z16" s="203">
        <v>0</v>
      </c>
      <c r="AA16" s="208">
        <v>0</v>
      </c>
      <c r="AB16" s="205">
        <v>0</v>
      </c>
      <c r="AC16" s="203">
        <v>153</v>
      </c>
      <c r="AD16" s="203">
        <v>155</v>
      </c>
      <c r="AE16" s="203">
        <v>80</v>
      </c>
      <c r="AF16" s="203">
        <v>30</v>
      </c>
      <c r="AG16" s="203">
        <v>12</v>
      </c>
      <c r="AH16" s="208">
        <v>430</v>
      </c>
      <c r="AI16" s="207">
        <v>430</v>
      </c>
      <c r="AJ16" s="202">
        <v>0</v>
      </c>
      <c r="AK16" s="203">
        <v>0</v>
      </c>
      <c r="AL16" s="208">
        <v>0</v>
      </c>
      <c r="AM16" s="205">
        <v>0</v>
      </c>
      <c r="AN16" s="203">
        <v>2</v>
      </c>
      <c r="AO16" s="203">
        <v>8</v>
      </c>
      <c r="AP16" s="203">
        <v>10</v>
      </c>
      <c r="AQ16" s="203">
        <v>5</v>
      </c>
      <c r="AR16" s="203">
        <v>8</v>
      </c>
      <c r="AS16" s="208">
        <v>33</v>
      </c>
      <c r="AT16" s="207">
        <v>33</v>
      </c>
      <c r="AU16" s="202">
        <v>1</v>
      </c>
      <c r="AV16" s="203">
        <v>4</v>
      </c>
      <c r="AW16" s="208">
        <v>5</v>
      </c>
      <c r="AX16" s="205">
        <v>0</v>
      </c>
      <c r="AY16" s="203">
        <v>14</v>
      </c>
      <c r="AZ16" s="203">
        <v>12</v>
      </c>
      <c r="BA16" s="203">
        <v>7</v>
      </c>
      <c r="BB16" s="203">
        <v>1</v>
      </c>
      <c r="BC16" s="203">
        <v>0</v>
      </c>
      <c r="BD16" s="208">
        <v>34</v>
      </c>
      <c r="BE16" s="207">
        <v>39</v>
      </c>
      <c r="BF16" s="202">
        <v>0</v>
      </c>
      <c r="BG16" s="203">
        <v>0</v>
      </c>
      <c r="BH16" s="208">
        <v>0</v>
      </c>
      <c r="BI16" s="205">
        <v>0</v>
      </c>
      <c r="BJ16" s="203">
        <v>13</v>
      </c>
      <c r="BK16" s="203">
        <v>10</v>
      </c>
      <c r="BL16" s="203">
        <v>16</v>
      </c>
      <c r="BM16" s="203">
        <v>18</v>
      </c>
      <c r="BN16" s="203">
        <v>11</v>
      </c>
      <c r="BO16" s="206">
        <v>68</v>
      </c>
      <c r="BP16" s="207">
        <v>68</v>
      </c>
      <c r="BQ16" s="202">
        <v>0</v>
      </c>
      <c r="BR16" s="203">
        <v>0</v>
      </c>
      <c r="BS16" s="208">
        <v>0</v>
      </c>
      <c r="BT16" s="205">
        <v>0</v>
      </c>
      <c r="BU16" s="203">
        <v>3</v>
      </c>
      <c r="BV16" s="203">
        <v>2</v>
      </c>
      <c r="BW16" s="203">
        <v>1</v>
      </c>
      <c r="BX16" s="203">
        <v>4</v>
      </c>
      <c r="BY16" s="203">
        <v>1</v>
      </c>
      <c r="BZ16" s="208">
        <v>11</v>
      </c>
      <c r="CA16" s="207">
        <v>11</v>
      </c>
      <c r="CB16" s="202">
        <v>0</v>
      </c>
      <c r="CC16" s="203">
        <v>0</v>
      </c>
      <c r="CD16" s="208">
        <v>0</v>
      </c>
      <c r="CE16" s="205">
        <v>0</v>
      </c>
      <c r="CF16" s="203">
        <v>0</v>
      </c>
      <c r="CG16" s="203">
        <v>0</v>
      </c>
      <c r="CH16" s="203">
        <v>0</v>
      </c>
      <c r="CI16" s="203">
        <v>0</v>
      </c>
      <c r="CJ16" s="203">
        <v>0</v>
      </c>
      <c r="CK16" s="208">
        <v>0</v>
      </c>
      <c r="CL16" s="207">
        <v>0</v>
      </c>
      <c r="CM16" s="202">
        <v>0</v>
      </c>
      <c r="CN16" s="203">
        <v>0</v>
      </c>
      <c r="CO16" s="208">
        <v>0</v>
      </c>
      <c r="CP16" s="205">
        <v>0</v>
      </c>
      <c r="CQ16" s="203">
        <v>0</v>
      </c>
      <c r="CR16" s="203">
        <v>0</v>
      </c>
      <c r="CS16" s="203">
        <v>0</v>
      </c>
      <c r="CT16" s="203">
        <v>0</v>
      </c>
      <c r="CU16" s="203">
        <v>0</v>
      </c>
      <c r="CV16" s="208">
        <v>0</v>
      </c>
      <c r="CW16" s="207">
        <v>0</v>
      </c>
    </row>
    <row r="17" spans="2:101" ht="21" customHeight="1" x14ac:dyDescent="0.2">
      <c r="B17" s="173" t="s">
        <v>15</v>
      </c>
      <c r="C17" s="202">
        <v>0</v>
      </c>
      <c r="D17" s="208">
        <v>0</v>
      </c>
      <c r="E17" s="218">
        <v>0</v>
      </c>
      <c r="F17" s="205">
        <v>0</v>
      </c>
      <c r="G17" s="203">
        <v>4</v>
      </c>
      <c r="H17" s="203">
        <v>2</v>
      </c>
      <c r="I17" s="203">
        <v>1</v>
      </c>
      <c r="J17" s="203">
        <v>7</v>
      </c>
      <c r="K17" s="203">
        <v>6</v>
      </c>
      <c r="L17" s="206">
        <v>20</v>
      </c>
      <c r="M17" s="207">
        <v>20</v>
      </c>
      <c r="N17" s="202">
        <v>0</v>
      </c>
      <c r="O17" s="203">
        <v>0</v>
      </c>
      <c r="P17" s="208">
        <v>0</v>
      </c>
      <c r="Q17" s="205">
        <v>0</v>
      </c>
      <c r="R17" s="203">
        <v>0</v>
      </c>
      <c r="S17" s="203">
        <v>0</v>
      </c>
      <c r="T17" s="203">
        <v>0</v>
      </c>
      <c r="U17" s="203">
        <v>0</v>
      </c>
      <c r="V17" s="203">
        <v>0</v>
      </c>
      <c r="W17" s="208">
        <v>0</v>
      </c>
      <c r="X17" s="207">
        <v>0</v>
      </c>
      <c r="Y17" s="202">
        <v>0</v>
      </c>
      <c r="Z17" s="203">
        <v>0</v>
      </c>
      <c r="AA17" s="208">
        <v>0</v>
      </c>
      <c r="AB17" s="205">
        <v>0</v>
      </c>
      <c r="AC17" s="203">
        <v>174</v>
      </c>
      <c r="AD17" s="203">
        <v>176</v>
      </c>
      <c r="AE17" s="203">
        <v>78</v>
      </c>
      <c r="AF17" s="203">
        <v>27</v>
      </c>
      <c r="AG17" s="203">
        <v>14</v>
      </c>
      <c r="AH17" s="208">
        <v>469</v>
      </c>
      <c r="AI17" s="207">
        <v>469</v>
      </c>
      <c r="AJ17" s="202">
        <v>0</v>
      </c>
      <c r="AK17" s="203">
        <v>1</v>
      </c>
      <c r="AL17" s="208">
        <v>1</v>
      </c>
      <c r="AM17" s="205">
        <v>0</v>
      </c>
      <c r="AN17" s="203">
        <v>3</v>
      </c>
      <c r="AO17" s="203">
        <v>2</v>
      </c>
      <c r="AP17" s="203">
        <v>6</v>
      </c>
      <c r="AQ17" s="203">
        <v>2</v>
      </c>
      <c r="AR17" s="203">
        <v>2</v>
      </c>
      <c r="AS17" s="208">
        <v>15</v>
      </c>
      <c r="AT17" s="207">
        <v>16</v>
      </c>
      <c r="AU17" s="202">
        <v>2</v>
      </c>
      <c r="AV17" s="203">
        <v>13</v>
      </c>
      <c r="AW17" s="208">
        <v>15</v>
      </c>
      <c r="AX17" s="205">
        <v>0</v>
      </c>
      <c r="AY17" s="203">
        <v>13</v>
      </c>
      <c r="AZ17" s="203">
        <v>13</v>
      </c>
      <c r="BA17" s="203">
        <v>6</v>
      </c>
      <c r="BB17" s="203">
        <v>8</v>
      </c>
      <c r="BC17" s="203">
        <v>3</v>
      </c>
      <c r="BD17" s="208">
        <v>43</v>
      </c>
      <c r="BE17" s="207">
        <v>58</v>
      </c>
      <c r="BF17" s="202">
        <v>0</v>
      </c>
      <c r="BG17" s="203">
        <v>3</v>
      </c>
      <c r="BH17" s="208">
        <v>3</v>
      </c>
      <c r="BI17" s="205">
        <v>0</v>
      </c>
      <c r="BJ17" s="203">
        <v>32</v>
      </c>
      <c r="BK17" s="203">
        <v>45</v>
      </c>
      <c r="BL17" s="203">
        <v>40</v>
      </c>
      <c r="BM17" s="203">
        <v>23</v>
      </c>
      <c r="BN17" s="203">
        <v>18</v>
      </c>
      <c r="BO17" s="206">
        <v>158</v>
      </c>
      <c r="BP17" s="207">
        <v>161</v>
      </c>
      <c r="BQ17" s="202">
        <v>0</v>
      </c>
      <c r="BR17" s="203">
        <v>0</v>
      </c>
      <c r="BS17" s="208">
        <v>0</v>
      </c>
      <c r="BT17" s="205">
        <v>0</v>
      </c>
      <c r="BU17" s="203">
        <v>0</v>
      </c>
      <c r="BV17" s="203">
        <v>0</v>
      </c>
      <c r="BW17" s="203">
        <v>0</v>
      </c>
      <c r="BX17" s="203">
        <v>0</v>
      </c>
      <c r="BY17" s="203">
        <v>0</v>
      </c>
      <c r="BZ17" s="208">
        <v>0</v>
      </c>
      <c r="CA17" s="207">
        <v>0</v>
      </c>
      <c r="CB17" s="202">
        <v>0</v>
      </c>
      <c r="CC17" s="203">
        <v>0</v>
      </c>
      <c r="CD17" s="208">
        <v>0</v>
      </c>
      <c r="CE17" s="205">
        <v>0</v>
      </c>
      <c r="CF17" s="203">
        <v>0</v>
      </c>
      <c r="CG17" s="203">
        <v>0</v>
      </c>
      <c r="CH17" s="203">
        <v>8</v>
      </c>
      <c r="CI17" s="203">
        <v>12</v>
      </c>
      <c r="CJ17" s="203">
        <v>9</v>
      </c>
      <c r="CK17" s="208">
        <v>29</v>
      </c>
      <c r="CL17" s="207">
        <v>29</v>
      </c>
      <c r="CM17" s="202">
        <v>0</v>
      </c>
      <c r="CN17" s="203">
        <v>0</v>
      </c>
      <c r="CO17" s="208">
        <v>0</v>
      </c>
      <c r="CP17" s="205">
        <v>0</v>
      </c>
      <c r="CQ17" s="203">
        <v>5</v>
      </c>
      <c r="CR17" s="203">
        <v>10</v>
      </c>
      <c r="CS17" s="203">
        <v>7</v>
      </c>
      <c r="CT17" s="203">
        <v>0</v>
      </c>
      <c r="CU17" s="203">
        <v>2</v>
      </c>
      <c r="CV17" s="208">
        <v>24</v>
      </c>
      <c r="CW17" s="207">
        <v>24</v>
      </c>
    </row>
    <row r="18" spans="2:101" ht="21" customHeight="1" x14ac:dyDescent="0.2">
      <c r="B18" s="173" t="s">
        <v>16</v>
      </c>
      <c r="C18" s="202">
        <v>0</v>
      </c>
      <c r="D18" s="208">
        <v>0</v>
      </c>
      <c r="E18" s="218">
        <v>0</v>
      </c>
      <c r="F18" s="205">
        <v>0</v>
      </c>
      <c r="G18" s="203">
        <v>7</v>
      </c>
      <c r="H18" s="203">
        <v>16</v>
      </c>
      <c r="I18" s="203">
        <v>15</v>
      </c>
      <c r="J18" s="203">
        <v>10</v>
      </c>
      <c r="K18" s="203">
        <v>8</v>
      </c>
      <c r="L18" s="206">
        <v>56</v>
      </c>
      <c r="M18" s="207">
        <v>56</v>
      </c>
      <c r="N18" s="202">
        <v>0</v>
      </c>
      <c r="O18" s="203">
        <v>0</v>
      </c>
      <c r="P18" s="208">
        <v>0</v>
      </c>
      <c r="Q18" s="205">
        <v>0</v>
      </c>
      <c r="R18" s="203">
        <v>0</v>
      </c>
      <c r="S18" s="203">
        <v>1</v>
      </c>
      <c r="T18" s="203">
        <v>2</v>
      </c>
      <c r="U18" s="203">
        <v>3</v>
      </c>
      <c r="V18" s="203">
        <v>1</v>
      </c>
      <c r="W18" s="208">
        <v>7</v>
      </c>
      <c r="X18" s="207">
        <v>7</v>
      </c>
      <c r="Y18" s="202">
        <v>0</v>
      </c>
      <c r="Z18" s="203">
        <v>0</v>
      </c>
      <c r="AA18" s="208">
        <v>0</v>
      </c>
      <c r="AB18" s="205">
        <v>0</v>
      </c>
      <c r="AC18" s="203">
        <v>147</v>
      </c>
      <c r="AD18" s="203">
        <v>188</v>
      </c>
      <c r="AE18" s="203">
        <v>85</v>
      </c>
      <c r="AF18" s="203">
        <v>39</v>
      </c>
      <c r="AG18" s="203">
        <v>16</v>
      </c>
      <c r="AH18" s="208">
        <v>475</v>
      </c>
      <c r="AI18" s="207">
        <v>475</v>
      </c>
      <c r="AJ18" s="202">
        <v>0</v>
      </c>
      <c r="AK18" s="203">
        <v>0</v>
      </c>
      <c r="AL18" s="208">
        <v>0</v>
      </c>
      <c r="AM18" s="205">
        <v>0</v>
      </c>
      <c r="AN18" s="203">
        <v>8</v>
      </c>
      <c r="AO18" s="203">
        <v>10</v>
      </c>
      <c r="AP18" s="203">
        <v>6</v>
      </c>
      <c r="AQ18" s="203">
        <v>4</v>
      </c>
      <c r="AR18" s="203">
        <v>4</v>
      </c>
      <c r="AS18" s="208">
        <v>32</v>
      </c>
      <c r="AT18" s="207">
        <v>32</v>
      </c>
      <c r="AU18" s="202">
        <v>3</v>
      </c>
      <c r="AV18" s="203">
        <v>4</v>
      </c>
      <c r="AW18" s="208">
        <v>7</v>
      </c>
      <c r="AX18" s="205">
        <v>0</v>
      </c>
      <c r="AY18" s="203">
        <v>15</v>
      </c>
      <c r="AZ18" s="203">
        <v>22</v>
      </c>
      <c r="BA18" s="203">
        <v>18</v>
      </c>
      <c r="BB18" s="203">
        <v>18</v>
      </c>
      <c r="BC18" s="203">
        <v>9</v>
      </c>
      <c r="BD18" s="208">
        <v>82</v>
      </c>
      <c r="BE18" s="207">
        <v>89</v>
      </c>
      <c r="BF18" s="202">
        <v>0</v>
      </c>
      <c r="BG18" s="203">
        <v>1</v>
      </c>
      <c r="BH18" s="208">
        <v>1</v>
      </c>
      <c r="BI18" s="205">
        <v>0</v>
      </c>
      <c r="BJ18" s="203">
        <v>21</v>
      </c>
      <c r="BK18" s="203">
        <v>46</v>
      </c>
      <c r="BL18" s="203">
        <v>52</v>
      </c>
      <c r="BM18" s="203">
        <v>34</v>
      </c>
      <c r="BN18" s="203">
        <v>28</v>
      </c>
      <c r="BO18" s="206">
        <v>181</v>
      </c>
      <c r="BP18" s="207">
        <v>182</v>
      </c>
      <c r="BQ18" s="202">
        <v>0</v>
      </c>
      <c r="BR18" s="203">
        <v>0</v>
      </c>
      <c r="BS18" s="208">
        <v>0</v>
      </c>
      <c r="BT18" s="205">
        <v>0</v>
      </c>
      <c r="BU18" s="203">
        <v>0</v>
      </c>
      <c r="BV18" s="203">
        <v>0</v>
      </c>
      <c r="BW18" s="203">
        <v>0</v>
      </c>
      <c r="BX18" s="203">
        <v>0</v>
      </c>
      <c r="BY18" s="203">
        <v>0</v>
      </c>
      <c r="BZ18" s="208">
        <v>0</v>
      </c>
      <c r="CA18" s="207">
        <v>0</v>
      </c>
      <c r="CB18" s="202">
        <v>0</v>
      </c>
      <c r="CC18" s="203">
        <v>0</v>
      </c>
      <c r="CD18" s="208">
        <v>0</v>
      </c>
      <c r="CE18" s="205">
        <v>0</v>
      </c>
      <c r="CF18" s="203">
        <v>0</v>
      </c>
      <c r="CG18" s="203">
        <v>2</v>
      </c>
      <c r="CH18" s="203">
        <v>7</v>
      </c>
      <c r="CI18" s="203">
        <v>11</v>
      </c>
      <c r="CJ18" s="203">
        <v>10</v>
      </c>
      <c r="CK18" s="208">
        <v>30</v>
      </c>
      <c r="CL18" s="207">
        <v>30</v>
      </c>
      <c r="CM18" s="202">
        <v>0</v>
      </c>
      <c r="CN18" s="203">
        <v>0</v>
      </c>
      <c r="CO18" s="208">
        <v>0</v>
      </c>
      <c r="CP18" s="205">
        <v>0</v>
      </c>
      <c r="CQ18" s="203">
        <v>1</v>
      </c>
      <c r="CR18" s="203">
        <v>6</v>
      </c>
      <c r="CS18" s="203">
        <v>6</v>
      </c>
      <c r="CT18" s="203">
        <v>3</v>
      </c>
      <c r="CU18" s="203">
        <v>6</v>
      </c>
      <c r="CV18" s="208">
        <v>22</v>
      </c>
      <c r="CW18" s="207">
        <v>22</v>
      </c>
    </row>
    <row r="19" spans="2:101" ht="21" customHeight="1" x14ac:dyDescent="0.2">
      <c r="B19" s="173" t="s">
        <v>17</v>
      </c>
      <c r="C19" s="202">
        <v>0</v>
      </c>
      <c r="D19" s="208">
        <v>0</v>
      </c>
      <c r="E19" s="218">
        <v>0</v>
      </c>
      <c r="F19" s="205">
        <v>0</v>
      </c>
      <c r="G19" s="203">
        <v>1</v>
      </c>
      <c r="H19" s="203">
        <v>2</v>
      </c>
      <c r="I19" s="203">
        <v>2</v>
      </c>
      <c r="J19" s="203">
        <v>1</v>
      </c>
      <c r="K19" s="203">
        <v>1</v>
      </c>
      <c r="L19" s="206">
        <v>7</v>
      </c>
      <c r="M19" s="207">
        <v>7</v>
      </c>
      <c r="N19" s="202">
        <v>0</v>
      </c>
      <c r="O19" s="203">
        <v>0</v>
      </c>
      <c r="P19" s="208">
        <v>0</v>
      </c>
      <c r="Q19" s="205">
        <v>0</v>
      </c>
      <c r="R19" s="203">
        <v>0</v>
      </c>
      <c r="S19" s="203">
        <v>0</v>
      </c>
      <c r="T19" s="203">
        <v>0</v>
      </c>
      <c r="U19" s="203">
        <v>0</v>
      </c>
      <c r="V19" s="203">
        <v>0</v>
      </c>
      <c r="W19" s="208">
        <v>0</v>
      </c>
      <c r="X19" s="207">
        <v>0</v>
      </c>
      <c r="Y19" s="202">
        <v>0</v>
      </c>
      <c r="Z19" s="203">
        <v>0</v>
      </c>
      <c r="AA19" s="208">
        <v>0</v>
      </c>
      <c r="AB19" s="205">
        <v>0</v>
      </c>
      <c r="AC19" s="203">
        <v>257</v>
      </c>
      <c r="AD19" s="203">
        <v>312</v>
      </c>
      <c r="AE19" s="203">
        <v>153</v>
      </c>
      <c r="AF19" s="203">
        <v>83</v>
      </c>
      <c r="AG19" s="203">
        <v>26</v>
      </c>
      <c r="AH19" s="208">
        <v>831</v>
      </c>
      <c r="AI19" s="207">
        <v>831</v>
      </c>
      <c r="AJ19" s="202">
        <v>2</v>
      </c>
      <c r="AK19" s="203">
        <v>3</v>
      </c>
      <c r="AL19" s="208">
        <v>5</v>
      </c>
      <c r="AM19" s="205">
        <v>0</v>
      </c>
      <c r="AN19" s="203">
        <v>22</v>
      </c>
      <c r="AO19" s="203">
        <v>22</v>
      </c>
      <c r="AP19" s="203">
        <v>15</v>
      </c>
      <c r="AQ19" s="203">
        <v>14</v>
      </c>
      <c r="AR19" s="203">
        <v>5</v>
      </c>
      <c r="AS19" s="208">
        <v>78</v>
      </c>
      <c r="AT19" s="207">
        <v>83</v>
      </c>
      <c r="AU19" s="202">
        <v>0</v>
      </c>
      <c r="AV19" s="203">
        <v>3</v>
      </c>
      <c r="AW19" s="208">
        <v>3</v>
      </c>
      <c r="AX19" s="205">
        <v>0</v>
      </c>
      <c r="AY19" s="203">
        <v>9</v>
      </c>
      <c r="AZ19" s="203">
        <v>28</v>
      </c>
      <c r="BA19" s="203">
        <v>31</v>
      </c>
      <c r="BB19" s="203">
        <v>21</v>
      </c>
      <c r="BC19" s="203">
        <v>14</v>
      </c>
      <c r="BD19" s="208">
        <v>103</v>
      </c>
      <c r="BE19" s="207">
        <v>106</v>
      </c>
      <c r="BF19" s="202">
        <v>0</v>
      </c>
      <c r="BG19" s="203">
        <v>0</v>
      </c>
      <c r="BH19" s="208">
        <v>0</v>
      </c>
      <c r="BI19" s="205">
        <v>0</v>
      </c>
      <c r="BJ19" s="203">
        <v>36</v>
      </c>
      <c r="BK19" s="203">
        <v>60</v>
      </c>
      <c r="BL19" s="203">
        <v>80</v>
      </c>
      <c r="BM19" s="203">
        <v>45</v>
      </c>
      <c r="BN19" s="203">
        <v>26</v>
      </c>
      <c r="BO19" s="206">
        <v>247</v>
      </c>
      <c r="BP19" s="207">
        <v>247</v>
      </c>
      <c r="BQ19" s="202">
        <v>0</v>
      </c>
      <c r="BR19" s="203">
        <v>0</v>
      </c>
      <c r="BS19" s="208">
        <v>0</v>
      </c>
      <c r="BT19" s="205">
        <v>0</v>
      </c>
      <c r="BU19" s="203">
        <v>0</v>
      </c>
      <c r="BV19" s="203">
        <v>0</v>
      </c>
      <c r="BW19" s="203">
        <v>0</v>
      </c>
      <c r="BX19" s="203">
        <v>0</v>
      </c>
      <c r="BY19" s="203">
        <v>0</v>
      </c>
      <c r="BZ19" s="208">
        <v>0</v>
      </c>
      <c r="CA19" s="207">
        <v>0</v>
      </c>
      <c r="CB19" s="202">
        <v>0</v>
      </c>
      <c r="CC19" s="203">
        <v>0</v>
      </c>
      <c r="CD19" s="208">
        <v>0</v>
      </c>
      <c r="CE19" s="205">
        <v>0</v>
      </c>
      <c r="CF19" s="203">
        <v>0</v>
      </c>
      <c r="CG19" s="203">
        <v>1</v>
      </c>
      <c r="CH19" s="203">
        <v>26</v>
      </c>
      <c r="CI19" s="203">
        <v>46</v>
      </c>
      <c r="CJ19" s="203">
        <v>31</v>
      </c>
      <c r="CK19" s="208">
        <v>104</v>
      </c>
      <c r="CL19" s="207">
        <v>104</v>
      </c>
      <c r="CM19" s="202">
        <v>0</v>
      </c>
      <c r="CN19" s="203">
        <v>0</v>
      </c>
      <c r="CO19" s="208">
        <v>0</v>
      </c>
      <c r="CP19" s="205">
        <v>0</v>
      </c>
      <c r="CQ19" s="203">
        <v>0</v>
      </c>
      <c r="CR19" s="203">
        <v>3</v>
      </c>
      <c r="CS19" s="203">
        <v>3</v>
      </c>
      <c r="CT19" s="203">
        <v>4</v>
      </c>
      <c r="CU19" s="203">
        <v>6</v>
      </c>
      <c r="CV19" s="208">
        <v>16</v>
      </c>
      <c r="CW19" s="207">
        <v>16</v>
      </c>
    </row>
    <row r="20" spans="2:101" ht="21" customHeight="1" x14ac:dyDescent="0.2">
      <c r="B20" s="173" t="s">
        <v>18</v>
      </c>
      <c r="C20" s="202">
        <v>0</v>
      </c>
      <c r="D20" s="208">
        <v>0</v>
      </c>
      <c r="E20" s="218">
        <v>0</v>
      </c>
      <c r="F20" s="205">
        <v>0</v>
      </c>
      <c r="G20" s="203">
        <v>5</v>
      </c>
      <c r="H20" s="203">
        <v>7</v>
      </c>
      <c r="I20" s="203">
        <v>1</v>
      </c>
      <c r="J20" s="203">
        <v>0</v>
      </c>
      <c r="K20" s="203">
        <v>5</v>
      </c>
      <c r="L20" s="206">
        <v>18</v>
      </c>
      <c r="M20" s="207">
        <v>18</v>
      </c>
      <c r="N20" s="202">
        <v>0</v>
      </c>
      <c r="O20" s="203">
        <v>0</v>
      </c>
      <c r="P20" s="208">
        <v>0</v>
      </c>
      <c r="Q20" s="205">
        <v>0</v>
      </c>
      <c r="R20" s="203">
        <v>0</v>
      </c>
      <c r="S20" s="203">
        <v>0</v>
      </c>
      <c r="T20" s="203">
        <v>0</v>
      </c>
      <c r="U20" s="203">
        <v>0</v>
      </c>
      <c r="V20" s="203">
        <v>1</v>
      </c>
      <c r="W20" s="208">
        <v>1</v>
      </c>
      <c r="X20" s="207">
        <v>1</v>
      </c>
      <c r="Y20" s="202">
        <v>0</v>
      </c>
      <c r="Z20" s="203">
        <v>0</v>
      </c>
      <c r="AA20" s="208">
        <v>0</v>
      </c>
      <c r="AB20" s="205">
        <v>0</v>
      </c>
      <c r="AC20" s="203">
        <v>305</v>
      </c>
      <c r="AD20" s="203">
        <v>194</v>
      </c>
      <c r="AE20" s="203">
        <v>98</v>
      </c>
      <c r="AF20" s="203">
        <v>37</v>
      </c>
      <c r="AG20" s="203">
        <v>11</v>
      </c>
      <c r="AH20" s="208">
        <v>645</v>
      </c>
      <c r="AI20" s="207">
        <v>645</v>
      </c>
      <c r="AJ20" s="202">
        <v>0</v>
      </c>
      <c r="AK20" s="203">
        <v>0</v>
      </c>
      <c r="AL20" s="208">
        <v>0</v>
      </c>
      <c r="AM20" s="205">
        <v>0</v>
      </c>
      <c r="AN20" s="203">
        <v>12</v>
      </c>
      <c r="AO20" s="203">
        <v>10</v>
      </c>
      <c r="AP20" s="203">
        <v>24</v>
      </c>
      <c r="AQ20" s="203">
        <v>12</v>
      </c>
      <c r="AR20" s="203">
        <v>7</v>
      </c>
      <c r="AS20" s="208">
        <v>65</v>
      </c>
      <c r="AT20" s="207">
        <v>65</v>
      </c>
      <c r="AU20" s="202">
        <v>6</v>
      </c>
      <c r="AV20" s="203">
        <v>17</v>
      </c>
      <c r="AW20" s="208">
        <v>23</v>
      </c>
      <c r="AX20" s="205">
        <v>0</v>
      </c>
      <c r="AY20" s="203">
        <v>40</v>
      </c>
      <c r="AZ20" s="203">
        <v>46</v>
      </c>
      <c r="BA20" s="203">
        <v>48</v>
      </c>
      <c r="BB20" s="203">
        <v>14</v>
      </c>
      <c r="BC20" s="203">
        <v>7</v>
      </c>
      <c r="BD20" s="208">
        <v>155</v>
      </c>
      <c r="BE20" s="207">
        <v>178</v>
      </c>
      <c r="BF20" s="202">
        <v>0</v>
      </c>
      <c r="BG20" s="203">
        <v>2</v>
      </c>
      <c r="BH20" s="208">
        <v>2</v>
      </c>
      <c r="BI20" s="205">
        <v>0</v>
      </c>
      <c r="BJ20" s="203">
        <v>53</v>
      </c>
      <c r="BK20" s="203">
        <v>80</v>
      </c>
      <c r="BL20" s="203">
        <v>96</v>
      </c>
      <c r="BM20" s="203">
        <v>58</v>
      </c>
      <c r="BN20" s="203">
        <v>20</v>
      </c>
      <c r="BO20" s="206">
        <v>307</v>
      </c>
      <c r="BP20" s="207">
        <v>309</v>
      </c>
      <c r="BQ20" s="202">
        <v>0</v>
      </c>
      <c r="BR20" s="203">
        <v>0</v>
      </c>
      <c r="BS20" s="208">
        <v>0</v>
      </c>
      <c r="BT20" s="205">
        <v>0</v>
      </c>
      <c r="BU20" s="203">
        <v>0</v>
      </c>
      <c r="BV20" s="203">
        <v>0</v>
      </c>
      <c r="BW20" s="203">
        <v>0</v>
      </c>
      <c r="BX20" s="203">
        <v>0</v>
      </c>
      <c r="BY20" s="203">
        <v>0</v>
      </c>
      <c r="BZ20" s="208">
        <v>0</v>
      </c>
      <c r="CA20" s="207">
        <v>0</v>
      </c>
      <c r="CB20" s="202">
        <v>0</v>
      </c>
      <c r="CC20" s="203">
        <v>0</v>
      </c>
      <c r="CD20" s="208">
        <v>0</v>
      </c>
      <c r="CE20" s="205">
        <v>0</v>
      </c>
      <c r="CF20" s="203">
        <v>0</v>
      </c>
      <c r="CG20" s="203">
        <v>2</v>
      </c>
      <c r="CH20" s="203">
        <v>7</v>
      </c>
      <c r="CI20" s="203">
        <v>16</v>
      </c>
      <c r="CJ20" s="203">
        <v>5</v>
      </c>
      <c r="CK20" s="208">
        <v>30</v>
      </c>
      <c r="CL20" s="207">
        <v>30</v>
      </c>
      <c r="CM20" s="202">
        <v>0</v>
      </c>
      <c r="CN20" s="203">
        <v>0</v>
      </c>
      <c r="CO20" s="208">
        <v>0</v>
      </c>
      <c r="CP20" s="205">
        <v>0</v>
      </c>
      <c r="CQ20" s="203">
        <v>5</v>
      </c>
      <c r="CR20" s="203">
        <v>10</v>
      </c>
      <c r="CS20" s="203">
        <v>11</v>
      </c>
      <c r="CT20" s="203">
        <v>27</v>
      </c>
      <c r="CU20" s="203">
        <v>24</v>
      </c>
      <c r="CV20" s="208">
        <v>77</v>
      </c>
      <c r="CW20" s="207">
        <v>77</v>
      </c>
    </row>
    <row r="21" spans="2:101" ht="21" customHeight="1" x14ac:dyDescent="0.2">
      <c r="B21" s="173" t="s">
        <v>19</v>
      </c>
      <c r="C21" s="202">
        <v>0</v>
      </c>
      <c r="D21" s="208">
        <v>0</v>
      </c>
      <c r="E21" s="218">
        <v>0</v>
      </c>
      <c r="F21" s="205">
        <v>0</v>
      </c>
      <c r="G21" s="203">
        <v>11</v>
      </c>
      <c r="H21" s="203">
        <v>14</v>
      </c>
      <c r="I21" s="203">
        <v>6</v>
      </c>
      <c r="J21" s="203">
        <v>6</v>
      </c>
      <c r="K21" s="203">
        <v>5</v>
      </c>
      <c r="L21" s="206">
        <v>42</v>
      </c>
      <c r="M21" s="207">
        <v>42</v>
      </c>
      <c r="N21" s="202">
        <v>0</v>
      </c>
      <c r="O21" s="203">
        <v>0</v>
      </c>
      <c r="P21" s="208">
        <v>0</v>
      </c>
      <c r="Q21" s="205">
        <v>0</v>
      </c>
      <c r="R21" s="203">
        <v>1</v>
      </c>
      <c r="S21" s="203">
        <v>2</v>
      </c>
      <c r="T21" s="203">
        <v>4</v>
      </c>
      <c r="U21" s="203">
        <v>3</v>
      </c>
      <c r="V21" s="203">
        <v>1</v>
      </c>
      <c r="W21" s="208">
        <v>11</v>
      </c>
      <c r="X21" s="207">
        <v>11</v>
      </c>
      <c r="Y21" s="202">
        <v>0</v>
      </c>
      <c r="Z21" s="203">
        <v>0</v>
      </c>
      <c r="AA21" s="208">
        <v>0</v>
      </c>
      <c r="AB21" s="205">
        <v>0</v>
      </c>
      <c r="AC21" s="203">
        <v>130</v>
      </c>
      <c r="AD21" s="203">
        <v>91</v>
      </c>
      <c r="AE21" s="203">
        <v>48</v>
      </c>
      <c r="AF21" s="203">
        <v>15</v>
      </c>
      <c r="AG21" s="203">
        <v>8</v>
      </c>
      <c r="AH21" s="208">
        <v>292</v>
      </c>
      <c r="AI21" s="207">
        <v>292</v>
      </c>
      <c r="AJ21" s="202">
        <v>0</v>
      </c>
      <c r="AK21" s="203">
        <v>0</v>
      </c>
      <c r="AL21" s="208">
        <v>0</v>
      </c>
      <c r="AM21" s="205">
        <v>0</v>
      </c>
      <c r="AN21" s="203">
        <v>13</v>
      </c>
      <c r="AO21" s="203">
        <v>24</v>
      </c>
      <c r="AP21" s="203">
        <v>17</v>
      </c>
      <c r="AQ21" s="203">
        <v>4</v>
      </c>
      <c r="AR21" s="203">
        <v>5</v>
      </c>
      <c r="AS21" s="208">
        <v>63</v>
      </c>
      <c r="AT21" s="207">
        <v>63</v>
      </c>
      <c r="AU21" s="202">
        <v>0</v>
      </c>
      <c r="AV21" s="203">
        <v>1</v>
      </c>
      <c r="AW21" s="208">
        <v>1</v>
      </c>
      <c r="AX21" s="205">
        <v>0</v>
      </c>
      <c r="AY21" s="203">
        <v>19</v>
      </c>
      <c r="AZ21" s="203">
        <v>38</v>
      </c>
      <c r="BA21" s="203">
        <v>27</v>
      </c>
      <c r="BB21" s="203">
        <v>14</v>
      </c>
      <c r="BC21" s="203">
        <v>9</v>
      </c>
      <c r="BD21" s="208">
        <v>107</v>
      </c>
      <c r="BE21" s="207">
        <v>108</v>
      </c>
      <c r="BF21" s="202">
        <v>0</v>
      </c>
      <c r="BG21" s="203">
        <v>0</v>
      </c>
      <c r="BH21" s="208">
        <v>0</v>
      </c>
      <c r="BI21" s="205">
        <v>0</v>
      </c>
      <c r="BJ21" s="203">
        <v>11</v>
      </c>
      <c r="BK21" s="203">
        <v>26</v>
      </c>
      <c r="BL21" s="203">
        <v>28</v>
      </c>
      <c r="BM21" s="203">
        <v>19</v>
      </c>
      <c r="BN21" s="203">
        <v>15</v>
      </c>
      <c r="BO21" s="206">
        <v>99</v>
      </c>
      <c r="BP21" s="207">
        <v>99</v>
      </c>
      <c r="BQ21" s="202">
        <v>0</v>
      </c>
      <c r="BR21" s="203">
        <v>0</v>
      </c>
      <c r="BS21" s="208">
        <v>0</v>
      </c>
      <c r="BT21" s="205">
        <v>0</v>
      </c>
      <c r="BU21" s="203">
        <v>0</v>
      </c>
      <c r="BV21" s="203">
        <v>0</v>
      </c>
      <c r="BW21" s="203">
        <v>0</v>
      </c>
      <c r="BX21" s="203">
        <v>0</v>
      </c>
      <c r="BY21" s="203">
        <v>0</v>
      </c>
      <c r="BZ21" s="208">
        <v>0</v>
      </c>
      <c r="CA21" s="207">
        <v>0</v>
      </c>
      <c r="CB21" s="202">
        <v>0</v>
      </c>
      <c r="CC21" s="203">
        <v>0</v>
      </c>
      <c r="CD21" s="208">
        <v>0</v>
      </c>
      <c r="CE21" s="205">
        <v>0</v>
      </c>
      <c r="CF21" s="203">
        <v>0</v>
      </c>
      <c r="CG21" s="203">
        <v>0</v>
      </c>
      <c r="CH21" s="203">
        <v>0</v>
      </c>
      <c r="CI21" s="203">
        <v>0</v>
      </c>
      <c r="CJ21" s="203">
        <v>0</v>
      </c>
      <c r="CK21" s="208">
        <v>0</v>
      </c>
      <c r="CL21" s="207">
        <v>0</v>
      </c>
      <c r="CM21" s="202">
        <v>0</v>
      </c>
      <c r="CN21" s="203">
        <v>0</v>
      </c>
      <c r="CO21" s="208">
        <v>0</v>
      </c>
      <c r="CP21" s="205">
        <v>0</v>
      </c>
      <c r="CQ21" s="203">
        <v>1</v>
      </c>
      <c r="CR21" s="203">
        <v>1</v>
      </c>
      <c r="CS21" s="203">
        <v>1</v>
      </c>
      <c r="CT21" s="203">
        <v>4</v>
      </c>
      <c r="CU21" s="203">
        <v>13</v>
      </c>
      <c r="CV21" s="208">
        <v>20</v>
      </c>
      <c r="CW21" s="207">
        <v>20</v>
      </c>
    </row>
    <row r="22" spans="2:101" ht="21" customHeight="1" x14ac:dyDescent="0.2">
      <c r="B22" s="173" t="s">
        <v>20</v>
      </c>
      <c r="C22" s="202">
        <v>0</v>
      </c>
      <c r="D22" s="208">
        <v>0</v>
      </c>
      <c r="E22" s="218">
        <v>0</v>
      </c>
      <c r="F22" s="205">
        <v>0</v>
      </c>
      <c r="G22" s="203">
        <v>1</v>
      </c>
      <c r="H22" s="203">
        <v>1</v>
      </c>
      <c r="I22" s="203">
        <v>0</v>
      </c>
      <c r="J22" s="203">
        <v>0</v>
      </c>
      <c r="K22" s="203">
        <v>1</v>
      </c>
      <c r="L22" s="206">
        <v>3</v>
      </c>
      <c r="M22" s="207">
        <v>3</v>
      </c>
      <c r="N22" s="202">
        <v>0</v>
      </c>
      <c r="O22" s="203">
        <v>0</v>
      </c>
      <c r="P22" s="208">
        <v>0</v>
      </c>
      <c r="Q22" s="205">
        <v>0</v>
      </c>
      <c r="R22" s="203">
        <v>0</v>
      </c>
      <c r="S22" s="203">
        <v>0</v>
      </c>
      <c r="T22" s="203">
        <v>0</v>
      </c>
      <c r="U22" s="203">
        <v>0</v>
      </c>
      <c r="V22" s="203">
        <v>0</v>
      </c>
      <c r="W22" s="208">
        <v>0</v>
      </c>
      <c r="X22" s="207">
        <v>0</v>
      </c>
      <c r="Y22" s="202">
        <v>0</v>
      </c>
      <c r="Z22" s="203">
        <v>0</v>
      </c>
      <c r="AA22" s="208">
        <v>0</v>
      </c>
      <c r="AB22" s="205">
        <v>0</v>
      </c>
      <c r="AC22" s="203">
        <v>183</v>
      </c>
      <c r="AD22" s="203">
        <v>104</v>
      </c>
      <c r="AE22" s="203">
        <v>48</v>
      </c>
      <c r="AF22" s="203">
        <v>20</v>
      </c>
      <c r="AG22" s="203">
        <v>8</v>
      </c>
      <c r="AH22" s="208">
        <v>363</v>
      </c>
      <c r="AI22" s="207">
        <v>363</v>
      </c>
      <c r="AJ22" s="202">
        <v>0</v>
      </c>
      <c r="AK22" s="203">
        <v>0</v>
      </c>
      <c r="AL22" s="208">
        <v>0</v>
      </c>
      <c r="AM22" s="205">
        <v>0</v>
      </c>
      <c r="AN22" s="203">
        <v>3</v>
      </c>
      <c r="AO22" s="203">
        <v>1</v>
      </c>
      <c r="AP22" s="203">
        <v>5</v>
      </c>
      <c r="AQ22" s="203">
        <v>1</v>
      </c>
      <c r="AR22" s="203">
        <v>2</v>
      </c>
      <c r="AS22" s="208">
        <v>12</v>
      </c>
      <c r="AT22" s="207">
        <v>12</v>
      </c>
      <c r="AU22" s="202">
        <v>0</v>
      </c>
      <c r="AV22" s="203">
        <v>1</v>
      </c>
      <c r="AW22" s="208">
        <v>1</v>
      </c>
      <c r="AX22" s="205">
        <v>0</v>
      </c>
      <c r="AY22" s="203">
        <v>19</v>
      </c>
      <c r="AZ22" s="203">
        <v>11</v>
      </c>
      <c r="BA22" s="203">
        <v>11</v>
      </c>
      <c r="BB22" s="203">
        <v>3</v>
      </c>
      <c r="BC22" s="203">
        <v>3</v>
      </c>
      <c r="BD22" s="208">
        <v>47</v>
      </c>
      <c r="BE22" s="207">
        <v>48</v>
      </c>
      <c r="BF22" s="202">
        <v>0</v>
      </c>
      <c r="BG22" s="203">
        <v>0</v>
      </c>
      <c r="BH22" s="208">
        <v>0</v>
      </c>
      <c r="BI22" s="205">
        <v>0</v>
      </c>
      <c r="BJ22" s="203">
        <v>14</v>
      </c>
      <c r="BK22" s="203">
        <v>30</v>
      </c>
      <c r="BL22" s="203">
        <v>57</v>
      </c>
      <c r="BM22" s="203">
        <v>14</v>
      </c>
      <c r="BN22" s="203">
        <v>19</v>
      </c>
      <c r="BO22" s="206">
        <v>134</v>
      </c>
      <c r="BP22" s="207">
        <v>134</v>
      </c>
      <c r="BQ22" s="202">
        <v>0</v>
      </c>
      <c r="BR22" s="203">
        <v>0</v>
      </c>
      <c r="BS22" s="208">
        <v>0</v>
      </c>
      <c r="BT22" s="205">
        <v>0</v>
      </c>
      <c r="BU22" s="203">
        <v>0</v>
      </c>
      <c r="BV22" s="203">
        <v>0</v>
      </c>
      <c r="BW22" s="203">
        <v>0</v>
      </c>
      <c r="BX22" s="203">
        <v>0</v>
      </c>
      <c r="BY22" s="203">
        <v>0</v>
      </c>
      <c r="BZ22" s="208">
        <v>0</v>
      </c>
      <c r="CA22" s="207">
        <v>0</v>
      </c>
      <c r="CB22" s="202">
        <v>0</v>
      </c>
      <c r="CC22" s="203">
        <v>0</v>
      </c>
      <c r="CD22" s="208">
        <v>0</v>
      </c>
      <c r="CE22" s="205">
        <v>0</v>
      </c>
      <c r="CF22" s="203">
        <v>0</v>
      </c>
      <c r="CG22" s="203">
        <v>0</v>
      </c>
      <c r="CH22" s="203">
        <v>0</v>
      </c>
      <c r="CI22" s="203">
        <v>0</v>
      </c>
      <c r="CJ22" s="203">
        <v>0</v>
      </c>
      <c r="CK22" s="208">
        <v>0</v>
      </c>
      <c r="CL22" s="207">
        <v>0</v>
      </c>
      <c r="CM22" s="202">
        <v>0</v>
      </c>
      <c r="CN22" s="203">
        <v>0</v>
      </c>
      <c r="CO22" s="208">
        <v>0</v>
      </c>
      <c r="CP22" s="205">
        <v>0</v>
      </c>
      <c r="CQ22" s="203">
        <v>0</v>
      </c>
      <c r="CR22" s="203">
        <v>0</v>
      </c>
      <c r="CS22" s="203">
        <v>0</v>
      </c>
      <c r="CT22" s="203">
        <v>0</v>
      </c>
      <c r="CU22" s="203">
        <v>0</v>
      </c>
      <c r="CV22" s="208">
        <v>0</v>
      </c>
      <c r="CW22" s="207">
        <v>0</v>
      </c>
    </row>
    <row r="23" spans="2:101" ht="21" customHeight="1" x14ac:dyDescent="0.2">
      <c r="B23" s="173" t="s">
        <v>21</v>
      </c>
      <c r="C23" s="202">
        <v>0</v>
      </c>
      <c r="D23" s="208">
        <v>0</v>
      </c>
      <c r="E23" s="218">
        <v>0</v>
      </c>
      <c r="F23" s="205">
        <v>0</v>
      </c>
      <c r="G23" s="203">
        <v>1</v>
      </c>
      <c r="H23" s="203">
        <v>3</v>
      </c>
      <c r="I23" s="203">
        <v>1</v>
      </c>
      <c r="J23" s="203">
        <v>1</v>
      </c>
      <c r="K23" s="203">
        <v>1</v>
      </c>
      <c r="L23" s="206">
        <v>7</v>
      </c>
      <c r="M23" s="207">
        <v>7</v>
      </c>
      <c r="N23" s="202">
        <v>0</v>
      </c>
      <c r="O23" s="203">
        <v>0</v>
      </c>
      <c r="P23" s="208">
        <v>0</v>
      </c>
      <c r="Q23" s="205">
        <v>0</v>
      </c>
      <c r="R23" s="203">
        <v>0</v>
      </c>
      <c r="S23" s="203">
        <v>0</v>
      </c>
      <c r="T23" s="203">
        <v>0</v>
      </c>
      <c r="U23" s="203">
        <v>0</v>
      </c>
      <c r="V23" s="203">
        <v>0</v>
      </c>
      <c r="W23" s="208">
        <v>0</v>
      </c>
      <c r="X23" s="207">
        <v>0</v>
      </c>
      <c r="Y23" s="202">
        <v>0</v>
      </c>
      <c r="Z23" s="203">
        <v>0</v>
      </c>
      <c r="AA23" s="208">
        <v>0</v>
      </c>
      <c r="AB23" s="205">
        <v>0</v>
      </c>
      <c r="AC23" s="203">
        <v>193</v>
      </c>
      <c r="AD23" s="203">
        <v>173</v>
      </c>
      <c r="AE23" s="203">
        <v>74</v>
      </c>
      <c r="AF23" s="203">
        <v>31</v>
      </c>
      <c r="AG23" s="203">
        <v>10</v>
      </c>
      <c r="AH23" s="208">
        <v>481</v>
      </c>
      <c r="AI23" s="207">
        <v>481</v>
      </c>
      <c r="AJ23" s="202">
        <v>0</v>
      </c>
      <c r="AK23" s="203">
        <v>0</v>
      </c>
      <c r="AL23" s="208">
        <v>0</v>
      </c>
      <c r="AM23" s="205">
        <v>0</v>
      </c>
      <c r="AN23" s="203">
        <v>0</v>
      </c>
      <c r="AO23" s="203">
        <v>0</v>
      </c>
      <c r="AP23" s="203">
        <v>0</v>
      </c>
      <c r="AQ23" s="203">
        <v>0</v>
      </c>
      <c r="AR23" s="203">
        <v>0</v>
      </c>
      <c r="AS23" s="208">
        <v>0</v>
      </c>
      <c r="AT23" s="207">
        <v>0</v>
      </c>
      <c r="AU23" s="202">
        <v>0</v>
      </c>
      <c r="AV23" s="203">
        <v>0</v>
      </c>
      <c r="AW23" s="208">
        <v>0</v>
      </c>
      <c r="AX23" s="205">
        <v>0</v>
      </c>
      <c r="AY23" s="203">
        <v>9</v>
      </c>
      <c r="AZ23" s="203">
        <v>6</v>
      </c>
      <c r="BA23" s="203">
        <v>18</v>
      </c>
      <c r="BB23" s="203">
        <v>6</v>
      </c>
      <c r="BC23" s="203">
        <v>3</v>
      </c>
      <c r="BD23" s="208">
        <v>42</v>
      </c>
      <c r="BE23" s="207">
        <v>42</v>
      </c>
      <c r="BF23" s="202">
        <v>0</v>
      </c>
      <c r="BG23" s="203">
        <v>0</v>
      </c>
      <c r="BH23" s="208">
        <v>0</v>
      </c>
      <c r="BI23" s="205">
        <v>0</v>
      </c>
      <c r="BJ23" s="203">
        <v>18</v>
      </c>
      <c r="BK23" s="203">
        <v>36</v>
      </c>
      <c r="BL23" s="203">
        <v>42</v>
      </c>
      <c r="BM23" s="203">
        <v>17</v>
      </c>
      <c r="BN23" s="203">
        <v>12</v>
      </c>
      <c r="BO23" s="206">
        <v>125</v>
      </c>
      <c r="BP23" s="207">
        <v>125</v>
      </c>
      <c r="BQ23" s="202">
        <v>0</v>
      </c>
      <c r="BR23" s="203">
        <v>0</v>
      </c>
      <c r="BS23" s="208">
        <v>0</v>
      </c>
      <c r="BT23" s="205">
        <v>0</v>
      </c>
      <c r="BU23" s="203">
        <v>0</v>
      </c>
      <c r="BV23" s="203">
        <v>0</v>
      </c>
      <c r="BW23" s="203">
        <v>0</v>
      </c>
      <c r="BX23" s="203">
        <v>0</v>
      </c>
      <c r="BY23" s="203">
        <v>0</v>
      </c>
      <c r="BZ23" s="208">
        <v>0</v>
      </c>
      <c r="CA23" s="207">
        <v>0</v>
      </c>
      <c r="CB23" s="202">
        <v>0</v>
      </c>
      <c r="CC23" s="203">
        <v>0</v>
      </c>
      <c r="CD23" s="208">
        <v>0</v>
      </c>
      <c r="CE23" s="205">
        <v>0</v>
      </c>
      <c r="CF23" s="203">
        <v>0</v>
      </c>
      <c r="CG23" s="203">
        <v>0</v>
      </c>
      <c r="CH23" s="203">
        <v>0</v>
      </c>
      <c r="CI23" s="203">
        <v>0</v>
      </c>
      <c r="CJ23" s="203">
        <v>0</v>
      </c>
      <c r="CK23" s="208">
        <v>0</v>
      </c>
      <c r="CL23" s="207">
        <v>0</v>
      </c>
      <c r="CM23" s="202">
        <v>0</v>
      </c>
      <c r="CN23" s="203">
        <v>0</v>
      </c>
      <c r="CO23" s="208">
        <v>0</v>
      </c>
      <c r="CP23" s="205">
        <v>0</v>
      </c>
      <c r="CQ23" s="203">
        <v>2</v>
      </c>
      <c r="CR23" s="203">
        <v>3</v>
      </c>
      <c r="CS23" s="203">
        <v>3</v>
      </c>
      <c r="CT23" s="203">
        <v>2</v>
      </c>
      <c r="CU23" s="203">
        <v>6</v>
      </c>
      <c r="CV23" s="208">
        <v>16</v>
      </c>
      <c r="CW23" s="207">
        <v>16</v>
      </c>
    </row>
    <row r="24" spans="2:101" ht="21" customHeight="1" x14ac:dyDescent="0.2">
      <c r="B24" s="173" t="s">
        <v>22</v>
      </c>
      <c r="C24" s="202">
        <v>0</v>
      </c>
      <c r="D24" s="208">
        <v>0</v>
      </c>
      <c r="E24" s="218">
        <v>0</v>
      </c>
      <c r="F24" s="205">
        <v>0</v>
      </c>
      <c r="G24" s="203">
        <v>0</v>
      </c>
      <c r="H24" s="203">
        <v>8</v>
      </c>
      <c r="I24" s="203">
        <v>4</v>
      </c>
      <c r="J24" s="203">
        <v>4</v>
      </c>
      <c r="K24" s="203">
        <v>0</v>
      </c>
      <c r="L24" s="206">
        <v>16</v>
      </c>
      <c r="M24" s="207">
        <v>16</v>
      </c>
      <c r="N24" s="202">
        <v>0</v>
      </c>
      <c r="O24" s="203">
        <v>0</v>
      </c>
      <c r="P24" s="208">
        <v>0</v>
      </c>
      <c r="Q24" s="205">
        <v>0</v>
      </c>
      <c r="R24" s="203">
        <v>0</v>
      </c>
      <c r="S24" s="203">
        <v>0</v>
      </c>
      <c r="T24" s="203">
        <v>0</v>
      </c>
      <c r="U24" s="203">
        <v>0</v>
      </c>
      <c r="V24" s="203">
        <v>0</v>
      </c>
      <c r="W24" s="208">
        <v>0</v>
      </c>
      <c r="X24" s="207">
        <v>0</v>
      </c>
      <c r="Y24" s="202">
        <v>0</v>
      </c>
      <c r="Z24" s="203">
        <v>0</v>
      </c>
      <c r="AA24" s="208">
        <v>0</v>
      </c>
      <c r="AB24" s="205">
        <v>0</v>
      </c>
      <c r="AC24" s="203">
        <v>115</v>
      </c>
      <c r="AD24" s="203">
        <v>94</v>
      </c>
      <c r="AE24" s="203">
        <v>46</v>
      </c>
      <c r="AF24" s="203">
        <v>23</v>
      </c>
      <c r="AG24" s="203">
        <v>4</v>
      </c>
      <c r="AH24" s="208">
        <v>282</v>
      </c>
      <c r="AI24" s="207">
        <v>282</v>
      </c>
      <c r="AJ24" s="202">
        <v>0</v>
      </c>
      <c r="AK24" s="203">
        <v>0</v>
      </c>
      <c r="AL24" s="208">
        <v>0</v>
      </c>
      <c r="AM24" s="205">
        <v>0</v>
      </c>
      <c r="AN24" s="203">
        <v>2</v>
      </c>
      <c r="AO24" s="203">
        <v>1</v>
      </c>
      <c r="AP24" s="203">
        <v>4</v>
      </c>
      <c r="AQ24" s="203">
        <v>2</v>
      </c>
      <c r="AR24" s="203">
        <v>1</v>
      </c>
      <c r="AS24" s="208">
        <v>10</v>
      </c>
      <c r="AT24" s="207">
        <v>10</v>
      </c>
      <c r="AU24" s="202">
        <v>4</v>
      </c>
      <c r="AV24" s="203">
        <v>4</v>
      </c>
      <c r="AW24" s="208">
        <v>8</v>
      </c>
      <c r="AX24" s="205">
        <v>0</v>
      </c>
      <c r="AY24" s="203">
        <v>18</v>
      </c>
      <c r="AZ24" s="203">
        <v>26</v>
      </c>
      <c r="BA24" s="203">
        <v>6</v>
      </c>
      <c r="BB24" s="203">
        <v>9</v>
      </c>
      <c r="BC24" s="203">
        <v>6</v>
      </c>
      <c r="BD24" s="208">
        <v>65</v>
      </c>
      <c r="BE24" s="207">
        <v>73</v>
      </c>
      <c r="BF24" s="202">
        <v>0</v>
      </c>
      <c r="BG24" s="203">
        <v>0</v>
      </c>
      <c r="BH24" s="208">
        <v>0</v>
      </c>
      <c r="BI24" s="205">
        <v>0</v>
      </c>
      <c r="BJ24" s="203">
        <v>9</v>
      </c>
      <c r="BK24" s="203">
        <v>15</v>
      </c>
      <c r="BL24" s="203">
        <v>18</v>
      </c>
      <c r="BM24" s="203">
        <v>14</v>
      </c>
      <c r="BN24" s="203">
        <v>5</v>
      </c>
      <c r="BO24" s="206">
        <v>61</v>
      </c>
      <c r="BP24" s="207">
        <v>61</v>
      </c>
      <c r="BQ24" s="202">
        <v>0</v>
      </c>
      <c r="BR24" s="203">
        <v>0</v>
      </c>
      <c r="BS24" s="208">
        <v>0</v>
      </c>
      <c r="BT24" s="205">
        <v>0</v>
      </c>
      <c r="BU24" s="203">
        <v>0</v>
      </c>
      <c r="BV24" s="203">
        <v>0</v>
      </c>
      <c r="BW24" s="203">
        <v>0</v>
      </c>
      <c r="BX24" s="203">
        <v>0</v>
      </c>
      <c r="BY24" s="203">
        <v>0</v>
      </c>
      <c r="BZ24" s="208">
        <v>0</v>
      </c>
      <c r="CA24" s="207">
        <v>0</v>
      </c>
      <c r="CB24" s="202">
        <v>0</v>
      </c>
      <c r="CC24" s="203">
        <v>0</v>
      </c>
      <c r="CD24" s="208">
        <v>0</v>
      </c>
      <c r="CE24" s="205">
        <v>0</v>
      </c>
      <c r="CF24" s="203">
        <v>0</v>
      </c>
      <c r="CG24" s="203">
        <v>1</v>
      </c>
      <c r="CH24" s="203">
        <v>7</v>
      </c>
      <c r="CI24" s="203">
        <v>12</v>
      </c>
      <c r="CJ24" s="203">
        <v>11</v>
      </c>
      <c r="CK24" s="208">
        <v>31</v>
      </c>
      <c r="CL24" s="207">
        <v>31</v>
      </c>
      <c r="CM24" s="202">
        <v>0</v>
      </c>
      <c r="CN24" s="203">
        <v>0</v>
      </c>
      <c r="CO24" s="208">
        <v>0</v>
      </c>
      <c r="CP24" s="205">
        <v>0</v>
      </c>
      <c r="CQ24" s="203">
        <v>0</v>
      </c>
      <c r="CR24" s="203">
        <v>0</v>
      </c>
      <c r="CS24" s="203">
        <v>0</v>
      </c>
      <c r="CT24" s="203">
        <v>0</v>
      </c>
      <c r="CU24" s="203">
        <v>0</v>
      </c>
      <c r="CV24" s="208">
        <v>0</v>
      </c>
      <c r="CW24" s="207">
        <v>0</v>
      </c>
    </row>
    <row r="25" spans="2:101" ht="21" customHeight="1" x14ac:dyDescent="0.2">
      <c r="B25" s="173" t="s">
        <v>23</v>
      </c>
      <c r="C25" s="202">
        <v>0</v>
      </c>
      <c r="D25" s="208">
        <v>0</v>
      </c>
      <c r="E25" s="218">
        <v>0</v>
      </c>
      <c r="F25" s="205">
        <v>0</v>
      </c>
      <c r="G25" s="203">
        <v>0</v>
      </c>
      <c r="H25" s="203">
        <v>0</v>
      </c>
      <c r="I25" s="203">
        <v>1</v>
      </c>
      <c r="J25" s="203">
        <v>0</v>
      </c>
      <c r="K25" s="203">
        <v>1</v>
      </c>
      <c r="L25" s="206">
        <v>2</v>
      </c>
      <c r="M25" s="207">
        <v>2</v>
      </c>
      <c r="N25" s="202">
        <v>0</v>
      </c>
      <c r="O25" s="203">
        <v>0</v>
      </c>
      <c r="P25" s="208">
        <v>0</v>
      </c>
      <c r="Q25" s="205">
        <v>0</v>
      </c>
      <c r="R25" s="203">
        <v>0</v>
      </c>
      <c r="S25" s="203">
        <v>0</v>
      </c>
      <c r="T25" s="203">
        <v>0</v>
      </c>
      <c r="U25" s="203">
        <v>0</v>
      </c>
      <c r="V25" s="203">
        <v>0</v>
      </c>
      <c r="W25" s="208">
        <v>0</v>
      </c>
      <c r="X25" s="207">
        <v>0</v>
      </c>
      <c r="Y25" s="202">
        <v>0</v>
      </c>
      <c r="Z25" s="203">
        <v>0</v>
      </c>
      <c r="AA25" s="208">
        <v>0</v>
      </c>
      <c r="AB25" s="205">
        <v>0</v>
      </c>
      <c r="AC25" s="203">
        <v>56</v>
      </c>
      <c r="AD25" s="203">
        <v>39</v>
      </c>
      <c r="AE25" s="203">
        <v>22</v>
      </c>
      <c r="AF25" s="203">
        <v>19</v>
      </c>
      <c r="AG25" s="203">
        <v>2</v>
      </c>
      <c r="AH25" s="208">
        <v>138</v>
      </c>
      <c r="AI25" s="207">
        <v>138</v>
      </c>
      <c r="AJ25" s="202">
        <v>0</v>
      </c>
      <c r="AK25" s="203">
        <v>0</v>
      </c>
      <c r="AL25" s="208">
        <v>0</v>
      </c>
      <c r="AM25" s="205">
        <v>0</v>
      </c>
      <c r="AN25" s="203">
        <v>0</v>
      </c>
      <c r="AO25" s="203">
        <v>0</v>
      </c>
      <c r="AP25" s="203">
        <v>3</v>
      </c>
      <c r="AQ25" s="203">
        <v>1</v>
      </c>
      <c r="AR25" s="203">
        <v>0</v>
      </c>
      <c r="AS25" s="208">
        <v>4</v>
      </c>
      <c r="AT25" s="207">
        <v>4</v>
      </c>
      <c r="AU25" s="202">
        <v>0</v>
      </c>
      <c r="AV25" s="203">
        <v>0</v>
      </c>
      <c r="AW25" s="208">
        <v>0</v>
      </c>
      <c r="AX25" s="205">
        <v>0</v>
      </c>
      <c r="AY25" s="203">
        <v>6</v>
      </c>
      <c r="AZ25" s="203">
        <v>5</v>
      </c>
      <c r="BA25" s="203">
        <v>5</v>
      </c>
      <c r="BB25" s="203">
        <v>1</v>
      </c>
      <c r="BC25" s="203">
        <v>0</v>
      </c>
      <c r="BD25" s="208">
        <v>17</v>
      </c>
      <c r="BE25" s="207">
        <v>17</v>
      </c>
      <c r="BF25" s="202">
        <v>0</v>
      </c>
      <c r="BG25" s="203">
        <v>0</v>
      </c>
      <c r="BH25" s="208">
        <v>0</v>
      </c>
      <c r="BI25" s="205">
        <v>0</v>
      </c>
      <c r="BJ25" s="203">
        <v>38</v>
      </c>
      <c r="BK25" s="203">
        <v>23</v>
      </c>
      <c r="BL25" s="203">
        <v>23</v>
      </c>
      <c r="BM25" s="203">
        <v>22</v>
      </c>
      <c r="BN25" s="203">
        <v>5</v>
      </c>
      <c r="BO25" s="206">
        <v>111</v>
      </c>
      <c r="BP25" s="207">
        <v>111</v>
      </c>
      <c r="BQ25" s="202">
        <v>0</v>
      </c>
      <c r="BR25" s="203">
        <v>0</v>
      </c>
      <c r="BS25" s="208">
        <v>0</v>
      </c>
      <c r="BT25" s="205">
        <v>0</v>
      </c>
      <c r="BU25" s="203">
        <v>0</v>
      </c>
      <c r="BV25" s="203">
        <v>0</v>
      </c>
      <c r="BW25" s="203">
        <v>0</v>
      </c>
      <c r="BX25" s="203">
        <v>0</v>
      </c>
      <c r="BY25" s="203">
        <v>0</v>
      </c>
      <c r="BZ25" s="208">
        <v>0</v>
      </c>
      <c r="CA25" s="207">
        <v>0</v>
      </c>
      <c r="CB25" s="202">
        <v>0</v>
      </c>
      <c r="CC25" s="203">
        <v>0</v>
      </c>
      <c r="CD25" s="208">
        <v>0</v>
      </c>
      <c r="CE25" s="205">
        <v>0</v>
      </c>
      <c r="CF25" s="203">
        <v>0</v>
      </c>
      <c r="CG25" s="203">
        <v>0</v>
      </c>
      <c r="CH25" s="203">
        <v>0</v>
      </c>
      <c r="CI25" s="203">
        <v>0</v>
      </c>
      <c r="CJ25" s="203">
        <v>0</v>
      </c>
      <c r="CK25" s="208">
        <v>0</v>
      </c>
      <c r="CL25" s="207">
        <v>0</v>
      </c>
      <c r="CM25" s="202">
        <v>0</v>
      </c>
      <c r="CN25" s="203">
        <v>0</v>
      </c>
      <c r="CO25" s="208">
        <v>0</v>
      </c>
      <c r="CP25" s="205">
        <v>0</v>
      </c>
      <c r="CQ25" s="203">
        <v>0</v>
      </c>
      <c r="CR25" s="203">
        <v>0</v>
      </c>
      <c r="CS25" s="203">
        <v>0</v>
      </c>
      <c r="CT25" s="203">
        <v>1</v>
      </c>
      <c r="CU25" s="203">
        <v>0</v>
      </c>
      <c r="CV25" s="208">
        <v>1</v>
      </c>
      <c r="CW25" s="207">
        <v>1</v>
      </c>
    </row>
    <row r="26" spans="2:101" ht="21" customHeight="1" x14ac:dyDescent="0.2">
      <c r="B26" s="173" t="s">
        <v>24</v>
      </c>
      <c r="C26" s="202">
        <v>0</v>
      </c>
      <c r="D26" s="208">
        <v>0</v>
      </c>
      <c r="E26" s="218">
        <v>0</v>
      </c>
      <c r="F26" s="205">
        <v>0</v>
      </c>
      <c r="G26" s="203">
        <v>1</v>
      </c>
      <c r="H26" s="203">
        <v>0</v>
      </c>
      <c r="I26" s="203">
        <v>2</v>
      </c>
      <c r="J26" s="203">
        <v>5</v>
      </c>
      <c r="K26" s="203">
        <v>0</v>
      </c>
      <c r="L26" s="206">
        <v>8</v>
      </c>
      <c r="M26" s="207">
        <v>8</v>
      </c>
      <c r="N26" s="202">
        <v>0</v>
      </c>
      <c r="O26" s="203">
        <v>0</v>
      </c>
      <c r="P26" s="208">
        <v>0</v>
      </c>
      <c r="Q26" s="205">
        <v>0</v>
      </c>
      <c r="R26" s="203">
        <v>0</v>
      </c>
      <c r="S26" s="203">
        <v>0</v>
      </c>
      <c r="T26" s="203">
        <v>0</v>
      </c>
      <c r="U26" s="203">
        <v>0</v>
      </c>
      <c r="V26" s="203">
        <v>0</v>
      </c>
      <c r="W26" s="208">
        <v>0</v>
      </c>
      <c r="X26" s="207">
        <v>0</v>
      </c>
      <c r="Y26" s="202">
        <v>0</v>
      </c>
      <c r="Z26" s="203">
        <v>0</v>
      </c>
      <c r="AA26" s="208">
        <v>0</v>
      </c>
      <c r="AB26" s="205">
        <v>0</v>
      </c>
      <c r="AC26" s="203">
        <v>25</v>
      </c>
      <c r="AD26" s="203">
        <v>15</v>
      </c>
      <c r="AE26" s="203">
        <v>14</v>
      </c>
      <c r="AF26" s="203">
        <v>7</v>
      </c>
      <c r="AG26" s="203">
        <v>1</v>
      </c>
      <c r="AH26" s="208">
        <v>62</v>
      </c>
      <c r="AI26" s="207">
        <v>62</v>
      </c>
      <c r="AJ26" s="202">
        <v>0</v>
      </c>
      <c r="AK26" s="203">
        <v>0</v>
      </c>
      <c r="AL26" s="208">
        <v>0</v>
      </c>
      <c r="AM26" s="205">
        <v>0</v>
      </c>
      <c r="AN26" s="203">
        <v>4</v>
      </c>
      <c r="AO26" s="203">
        <v>6</v>
      </c>
      <c r="AP26" s="203">
        <v>3</v>
      </c>
      <c r="AQ26" s="203">
        <v>3</v>
      </c>
      <c r="AR26" s="203">
        <v>1</v>
      </c>
      <c r="AS26" s="208">
        <v>17</v>
      </c>
      <c r="AT26" s="207">
        <v>17</v>
      </c>
      <c r="AU26" s="202">
        <v>2</v>
      </c>
      <c r="AV26" s="203">
        <v>3</v>
      </c>
      <c r="AW26" s="208">
        <v>5</v>
      </c>
      <c r="AX26" s="205">
        <v>0</v>
      </c>
      <c r="AY26" s="203">
        <v>13</v>
      </c>
      <c r="AZ26" s="203">
        <v>14</v>
      </c>
      <c r="BA26" s="203">
        <v>4</v>
      </c>
      <c r="BB26" s="203">
        <v>6</v>
      </c>
      <c r="BC26" s="203">
        <v>2</v>
      </c>
      <c r="BD26" s="208">
        <v>39</v>
      </c>
      <c r="BE26" s="207">
        <v>44</v>
      </c>
      <c r="BF26" s="202">
        <v>0</v>
      </c>
      <c r="BG26" s="203">
        <v>0</v>
      </c>
      <c r="BH26" s="208">
        <v>0</v>
      </c>
      <c r="BI26" s="205">
        <v>0</v>
      </c>
      <c r="BJ26" s="203">
        <v>2</v>
      </c>
      <c r="BK26" s="203">
        <v>4</v>
      </c>
      <c r="BL26" s="203">
        <v>6</v>
      </c>
      <c r="BM26" s="203">
        <v>4</v>
      </c>
      <c r="BN26" s="203">
        <v>2</v>
      </c>
      <c r="BO26" s="206">
        <v>18</v>
      </c>
      <c r="BP26" s="207">
        <v>18</v>
      </c>
      <c r="BQ26" s="202">
        <v>0</v>
      </c>
      <c r="BR26" s="203">
        <v>0</v>
      </c>
      <c r="BS26" s="208">
        <v>0</v>
      </c>
      <c r="BT26" s="205">
        <v>0</v>
      </c>
      <c r="BU26" s="203">
        <v>0</v>
      </c>
      <c r="BV26" s="203">
        <v>0</v>
      </c>
      <c r="BW26" s="203">
        <v>0</v>
      </c>
      <c r="BX26" s="203">
        <v>0</v>
      </c>
      <c r="BY26" s="203">
        <v>0</v>
      </c>
      <c r="BZ26" s="208">
        <v>0</v>
      </c>
      <c r="CA26" s="207">
        <v>0</v>
      </c>
      <c r="CB26" s="202">
        <v>0</v>
      </c>
      <c r="CC26" s="203">
        <v>0</v>
      </c>
      <c r="CD26" s="208">
        <v>0</v>
      </c>
      <c r="CE26" s="205">
        <v>0</v>
      </c>
      <c r="CF26" s="203">
        <v>0</v>
      </c>
      <c r="CG26" s="203">
        <v>0</v>
      </c>
      <c r="CH26" s="203">
        <v>0</v>
      </c>
      <c r="CI26" s="203">
        <v>0</v>
      </c>
      <c r="CJ26" s="203">
        <v>0</v>
      </c>
      <c r="CK26" s="208">
        <v>0</v>
      </c>
      <c r="CL26" s="207">
        <v>0</v>
      </c>
      <c r="CM26" s="202">
        <v>0</v>
      </c>
      <c r="CN26" s="203">
        <v>0</v>
      </c>
      <c r="CO26" s="208">
        <v>0</v>
      </c>
      <c r="CP26" s="205">
        <v>0</v>
      </c>
      <c r="CQ26" s="203">
        <v>0</v>
      </c>
      <c r="CR26" s="203">
        <v>0</v>
      </c>
      <c r="CS26" s="203">
        <v>0</v>
      </c>
      <c r="CT26" s="203">
        <v>0</v>
      </c>
      <c r="CU26" s="203">
        <v>0</v>
      </c>
      <c r="CV26" s="208">
        <v>0</v>
      </c>
      <c r="CW26" s="207">
        <v>0</v>
      </c>
    </row>
    <row r="27" spans="2:101" ht="21" customHeight="1" x14ac:dyDescent="0.2">
      <c r="B27" s="173" t="s">
        <v>25</v>
      </c>
      <c r="C27" s="202">
        <v>0</v>
      </c>
      <c r="D27" s="208">
        <v>0</v>
      </c>
      <c r="E27" s="218">
        <v>0</v>
      </c>
      <c r="F27" s="205">
        <v>0</v>
      </c>
      <c r="G27" s="203">
        <v>0</v>
      </c>
      <c r="H27" s="203">
        <v>0</v>
      </c>
      <c r="I27" s="203">
        <v>0</v>
      </c>
      <c r="J27" s="203">
        <v>0</v>
      </c>
      <c r="K27" s="203">
        <v>0</v>
      </c>
      <c r="L27" s="206">
        <v>0</v>
      </c>
      <c r="M27" s="207">
        <v>0</v>
      </c>
      <c r="N27" s="202">
        <v>0</v>
      </c>
      <c r="O27" s="203">
        <v>0</v>
      </c>
      <c r="P27" s="208">
        <v>0</v>
      </c>
      <c r="Q27" s="205">
        <v>0</v>
      </c>
      <c r="R27" s="203">
        <v>0</v>
      </c>
      <c r="S27" s="203">
        <v>0</v>
      </c>
      <c r="T27" s="203">
        <v>0</v>
      </c>
      <c r="U27" s="203">
        <v>0</v>
      </c>
      <c r="V27" s="203">
        <v>0</v>
      </c>
      <c r="W27" s="208">
        <v>0</v>
      </c>
      <c r="X27" s="207">
        <v>0</v>
      </c>
      <c r="Y27" s="202">
        <v>0</v>
      </c>
      <c r="Z27" s="203">
        <v>0</v>
      </c>
      <c r="AA27" s="208">
        <v>0</v>
      </c>
      <c r="AB27" s="205">
        <v>0</v>
      </c>
      <c r="AC27" s="203">
        <v>78</v>
      </c>
      <c r="AD27" s="203">
        <v>38</v>
      </c>
      <c r="AE27" s="203">
        <v>16</v>
      </c>
      <c r="AF27" s="203">
        <v>7</v>
      </c>
      <c r="AG27" s="203">
        <v>1</v>
      </c>
      <c r="AH27" s="208">
        <v>140</v>
      </c>
      <c r="AI27" s="207">
        <v>140</v>
      </c>
      <c r="AJ27" s="202">
        <v>0</v>
      </c>
      <c r="AK27" s="203">
        <v>0</v>
      </c>
      <c r="AL27" s="208">
        <v>0</v>
      </c>
      <c r="AM27" s="205">
        <v>0</v>
      </c>
      <c r="AN27" s="203">
        <v>0</v>
      </c>
      <c r="AO27" s="203">
        <v>0</v>
      </c>
      <c r="AP27" s="203">
        <v>0</v>
      </c>
      <c r="AQ27" s="203">
        <v>0</v>
      </c>
      <c r="AR27" s="203">
        <v>0</v>
      </c>
      <c r="AS27" s="208">
        <v>0</v>
      </c>
      <c r="AT27" s="207">
        <v>0</v>
      </c>
      <c r="AU27" s="202">
        <v>2</v>
      </c>
      <c r="AV27" s="203">
        <v>1</v>
      </c>
      <c r="AW27" s="208">
        <v>3</v>
      </c>
      <c r="AX27" s="205">
        <v>0</v>
      </c>
      <c r="AY27" s="203">
        <v>4</v>
      </c>
      <c r="AZ27" s="203">
        <v>5</v>
      </c>
      <c r="BA27" s="203">
        <v>3</v>
      </c>
      <c r="BB27" s="203">
        <v>1</v>
      </c>
      <c r="BC27" s="203">
        <v>1</v>
      </c>
      <c r="BD27" s="208">
        <v>14</v>
      </c>
      <c r="BE27" s="207">
        <v>17</v>
      </c>
      <c r="BF27" s="202">
        <v>0</v>
      </c>
      <c r="BG27" s="203">
        <v>0</v>
      </c>
      <c r="BH27" s="208">
        <v>0</v>
      </c>
      <c r="BI27" s="205">
        <v>0</v>
      </c>
      <c r="BJ27" s="203">
        <v>11</v>
      </c>
      <c r="BK27" s="203">
        <v>4</v>
      </c>
      <c r="BL27" s="203">
        <v>10</v>
      </c>
      <c r="BM27" s="203">
        <v>6</v>
      </c>
      <c r="BN27" s="203">
        <v>2</v>
      </c>
      <c r="BO27" s="206">
        <v>33</v>
      </c>
      <c r="BP27" s="207">
        <v>33</v>
      </c>
      <c r="BQ27" s="202">
        <v>0</v>
      </c>
      <c r="BR27" s="203">
        <v>0</v>
      </c>
      <c r="BS27" s="208">
        <v>0</v>
      </c>
      <c r="BT27" s="205">
        <v>0</v>
      </c>
      <c r="BU27" s="203">
        <v>0</v>
      </c>
      <c r="BV27" s="203">
        <v>0</v>
      </c>
      <c r="BW27" s="203">
        <v>0</v>
      </c>
      <c r="BX27" s="203">
        <v>0</v>
      </c>
      <c r="BY27" s="203">
        <v>0</v>
      </c>
      <c r="BZ27" s="208">
        <v>0</v>
      </c>
      <c r="CA27" s="207">
        <v>0</v>
      </c>
      <c r="CB27" s="202">
        <v>0</v>
      </c>
      <c r="CC27" s="203">
        <v>0</v>
      </c>
      <c r="CD27" s="208">
        <v>0</v>
      </c>
      <c r="CE27" s="205">
        <v>0</v>
      </c>
      <c r="CF27" s="203">
        <v>0</v>
      </c>
      <c r="CG27" s="203">
        <v>0</v>
      </c>
      <c r="CH27" s="203">
        <v>0</v>
      </c>
      <c r="CI27" s="203">
        <v>0</v>
      </c>
      <c r="CJ27" s="203">
        <v>0</v>
      </c>
      <c r="CK27" s="208">
        <v>0</v>
      </c>
      <c r="CL27" s="207">
        <v>0</v>
      </c>
      <c r="CM27" s="202">
        <v>0</v>
      </c>
      <c r="CN27" s="203">
        <v>0</v>
      </c>
      <c r="CO27" s="208">
        <v>0</v>
      </c>
      <c r="CP27" s="205">
        <v>0</v>
      </c>
      <c r="CQ27" s="203">
        <v>0</v>
      </c>
      <c r="CR27" s="203">
        <v>0</v>
      </c>
      <c r="CS27" s="203">
        <v>0</v>
      </c>
      <c r="CT27" s="203">
        <v>0</v>
      </c>
      <c r="CU27" s="203">
        <v>0</v>
      </c>
      <c r="CV27" s="208">
        <v>0</v>
      </c>
      <c r="CW27" s="207">
        <v>0</v>
      </c>
    </row>
    <row r="28" spans="2:101" ht="21" customHeight="1" x14ac:dyDescent="0.2">
      <c r="B28" s="173" t="s">
        <v>26</v>
      </c>
      <c r="C28" s="202">
        <v>0</v>
      </c>
      <c r="D28" s="208">
        <v>0</v>
      </c>
      <c r="E28" s="218">
        <v>0</v>
      </c>
      <c r="F28" s="205">
        <v>0</v>
      </c>
      <c r="G28" s="203">
        <v>0</v>
      </c>
      <c r="H28" s="203">
        <v>0</v>
      </c>
      <c r="I28" s="203">
        <v>0</v>
      </c>
      <c r="J28" s="203">
        <v>0</v>
      </c>
      <c r="K28" s="203">
        <v>0</v>
      </c>
      <c r="L28" s="206">
        <v>0</v>
      </c>
      <c r="M28" s="207">
        <v>0</v>
      </c>
      <c r="N28" s="202">
        <v>0</v>
      </c>
      <c r="O28" s="203">
        <v>0</v>
      </c>
      <c r="P28" s="208">
        <v>0</v>
      </c>
      <c r="Q28" s="205">
        <v>0</v>
      </c>
      <c r="R28" s="203">
        <v>0</v>
      </c>
      <c r="S28" s="203">
        <v>0</v>
      </c>
      <c r="T28" s="203">
        <v>0</v>
      </c>
      <c r="U28" s="203">
        <v>0</v>
      </c>
      <c r="V28" s="203">
        <v>0</v>
      </c>
      <c r="W28" s="208">
        <v>0</v>
      </c>
      <c r="X28" s="207">
        <v>0</v>
      </c>
      <c r="Y28" s="202">
        <v>0</v>
      </c>
      <c r="Z28" s="203">
        <v>0</v>
      </c>
      <c r="AA28" s="208">
        <v>0</v>
      </c>
      <c r="AB28" s="205">
        <v>0</v>
      </c>
      <c r="AC28" s="203">
        <v>44</v>
      </c>
      <c r="AD28" s="203">
        <v>41</v>
      </c>
      <c r="AE28" s="203">
        <v>25</v>
      </c>
      <c r="AF28" s="203">
        <v>10</v>
      </c>
      <c r="AG28" s="203">
        <v>8</v>
      </c>
      <c r="AH28" s="208">
        <v>128</v>
      </c>
      <c r="AI28" s="207">
        <v>128</v>
      </c>
      <c r="AJ28" s="202">
        <v>0</v>
      </c>
      <c r="AK28" s="203">
        <v>0</v>
      </c>
      <c r="AL28" s="208">
        <v>0</v>
      </c>
      <c r="AM28" s="205">
        <v>0</v>
      </c>
      <c r="AN28" s="203">
        <v>0</v>
      </c>
      <c r="AO28" s="203">
        <v>3</v>
      </c>
      <c r="AP28" s="203">
        <v>2</v>
      </c>
      <c r="AQ28" s="203">
        <v>0</v>
      </c>
      <c r="AR28" s="203">
        <v>3</v>
      </c>
      <c r="AS28" s="208">
        <v>8</v>
      </c>
      <c r="AT28" s="207">
        <v>8</v>
      </c>
      <c r="AU28" s="202">
        <v>0</v>
      </c>
      <c r="AV28" s="203">
        <v>0</v>
      </c>
      <c r="AW28" s="208">
        <v>0</v>
      </c>
      <c r="AX28" s="205">
        <v>0</v>
      </c>
      <c r="AY28" s="203">
        <v>5</v>
      </c>
      <c r="AZ28" s="203">
        <v>5</v>
      </c>
      <c r="BA28" s="203">
        <v>6</v>
      </c>
      <c r="BB28" s="203">
        <v>2</v>
      </c>
      <c r="BC28" s="203">
        <v>1</v>
      </c>
      <c r="BD28" s="208">
        <v>19</v>
      </c>
      <c r="BE28" s="207">
        <v>19</v>
      </c>
      <c r="BF28" s="202">
        <v>0</v>
      </c>
      <c r="BG28" s="203">
        <v>0</v>
      </c>
      <c r="BH28" s="208">
        <v>0</v>
      </c>
      <c r="BI28" s="205">
        <v>0</v>
      </c>
      <c r="BJ28" s="203">
        <v>5</v>
      </c>
      <c r="BK28" s="203">
        <v>15</v>
      </c>
      <c r="BL28" s="203">
        <v>23</v>
      </c>
      <c r="BM28" s="203">
        <v>9</v>
      </c>
      <c r="BN28" s="203">
        <v>1</v>
      </c>
      <c r="BO28" s="206">
        <v>53</v>
      </c>
      <c r="BP28" s="207">
        <v>53</v>
      </c>
      <c r="BQ28" s="202">
        <v>0</v>
      </c>
      <c r="BR28" s="203">
        <v>0</v>
      </c>
      <c r="BS28" s="208">
        <v>0</v>
      </c>
      <c r="BT28" s="205">
        <v>0</v>
      </c>
      <c r="BU28" s="203">
        <v>0</v>
      </c>
      <c r="BV28" s="203">
        <v>0</v>
      </c>
      <c r="BW28" s="203">
        <v>0</v>
      </c>
      <c r="BX28" s="203">
        <v>0</v>
      </c>
      <c r="BY28" s="203">
        <v>0</v>
      </c>
      <c r="BZ28" s="208">
        <v>0</v>
      </c>
      <c r="CA28" s="207">
        <v>0</v>
      </c>
      <c r="CB28" s="202">
        <v>0</v>
      </c>
      <c r="CC28" s="203">
        <v>0</v>
      </c>
      <c r="CD28" s="208">
        <v>0</v>
      </c>
      <c r="CE28" s="205">
        <v>0</v>
      </c>
      <c r="CF28" s="203">
        <v>0</v>
      </c>
      <c r="CG28" s="203">
        <v>0</v>
      </c>
      <c r="CH28" s="203">
        <v>0</v>
      </c>
      <c r="CI28" s="203">
        <v>0</v>
      </c>
      <c r="CJ28" s="203">
        <v>0</v>
      </c>
      <c r="CK28" s="208">
        <v>0</v>
      </c>
      <c r="CL28" s="207">
        <v>0</v>
      </c>
      <c r="CM28" s="202">
        <v>0</v>
      </c>
      <c r="CN28" s="203">
        <v>0</v>
      </c>
      <c r="CO28" s="208">
        <v>0</v>
      </c>
      <c r="CP28" s="205">
        <v>0</v>
      </c>
      <c r="CQ28" s="203">
        <v>0</v>
      </c>
      <c r="CR28" s="203">
        <v>0</v>
      </c>
      <c r="CS28" s="203">
        <v>0</v>
      </c>
      <c r="CT28" s="203">
        <v>0</v>
      </c>
      <c r="CU28" s="203">
        <v>0</v>
      </c>
      <c r="CV28" s="208">
        <v>0</v>
      </c>
      <c r="CW28" s="207">
        <v>0</v>
      </c>
    </row>
    <row r="29" spans="2:101" ht="21" customHeight="1" x14ac:dyDescent="0.2">
      <c r="B29" s="173" t="s">
        <v>27</v>
      </c>
      <c r="C29" s="202">
        <v>0</v>
      </c>
      <c r="D29" s="208">
        <v>0</v>
      </c>
      <c r="E29" s="218">
        <v>0</v>
      </c>
      <c r="F29" s="205">
        <v>0</v>
      </c>
      <c r="G29" s="203">
        <v>0</v>
      </c>
      <c r="H29" s="203">
        <v>0</v>
      </c>
      <c r="I29" s="203">
        <v>1</v>
      </c>
      <c r="J29" s="203">
        <v>0</v>
      </c>
      <c r="K29" s="203">
        <v>0</v>
      </c>
      <c r="L29" s="206">
        <v>1</v>
      </c>
      <c r="M29" s="207">
        <v>1</v>
      </c>
      <c r="N29" s="202">
        <v>0</v>
      </c>
      <c r="O29" s="203">
        <v>0</v>
      </c>
      <c r="P29" s="208">
        <v>0</v>
      </c>
      <c r="Q29" s="205">
        <v>0</v>
      </c>
      <c r="R29" s="203">
        <v>0</v>
      </c>
      <c r="S29" s="203">
        <v>0</v>
      </c>
      <c r="T29" s="203">
        <v>0</v>
      </c>
      <c r="U29" s="203">
        <v>0</v>
      </c>
      <c r="V29" s="203">
        <v>0</v>
      </c>
      <c r="W29" s="208">
        <v>0</v>
      </c>
      <c r="X29" s="207">
        <v>0</v>
      </c>
      <c r="Y29" s="202">
        <v>0</v>
      </c>
      <c r="Z29" s="203">
        <v>0</v>
      </c>
      <c r="AA29" s="208">
        <v>0</v>
      </c>
      <c r="AB29" s="205">
        <v>0</v>
      </c>
      <c r="AC29" s="203">
        <v>34</v>
      </c>
      <c r="AD29" s="203">
        <v>17</v>
      </c>
      <c r="AE29" s="203">
        <v>4</v>
      </c>
      <c r="AF29" s="203">
        <v>1</v>
      </c>
      <c r="AG29" s="203">
        <v>0</v>
      </c>
      <c r="AH29" s="208">
        <v>56</v>
      </c>
      <c r="AI29" s="207">
        <v>56</v>
      </c>
      <c r="AJ29" s="202">
        <v>0</v>
      </c>
      <c r="AK29" s="203">
        <v>0</v>
      </c>
      <c r="AL29" s="208">
        <v>0</v>
      </c>
      <c r="AM29" s="205">
        <v>0</v>
      </c>
      <c r="AN29" s="203">
        <v>1</v>
      </c>
      <c r="AO29" s="203">
        <v>1</v>
      </c>
      <c r="AP29" s="203">
        <v>2</v>
      </c>
      <c r="AQ29" s="203">
        <v>1</v>
      </c>
      <c r="AR29" s="203">
        <v>1</v>
      </c>
      <c r="AS29" s="208">
        <v>6</v>
      </c>
      <c r="AT29" s="207">
        <v>6</v>
      </c>
      <c r="AU29" s="202">
        <v>0</v>
      </c>
      <c r="AV29" s="203">
        <v>0</v>
      </c>
      <c r="AW29" s="208">
        <v>0</v>
      </c>
      <c r="AX29" s="205">
        <v>0</v>
      </c>
      <c r="AY29" s="203">
        <v>9</v>
      </c>
      <c r="AZ29" s="203">
        <v>5</v>
      </c>
      <c r="BA29" s="203">
        <v>5</v>
      </c>
      <c r="BB29" s="203">
        <v>2</v>
      </c>
      <c r="BC29" s="203">
        <v>1</v>
      </c>
      <c r="BD29" s="208">
        <v>22</v>
      </c>
      <c r="BE29" s="207">
        <v>22</v>
      </c>
      <c r="BF29" s="202">
        <v>0</v>
      </c>
      <c r="BG29" s="203">
        <v>0</v>
      </c>
      <c r="BH29" s="208">
        <v>0</v>
      </c>
      <c r="BI29" s="205">
        <v>0</v>
      </c>
      <c r="BJ29" s="203">
        <v>6</v>
      </c>
      <c r="BK29" s="203">
        <v>4</v>
      </c>
      <c r="BL29" s="203">
        <v>12</v>
      </c>
      <c r="BM29" s="203">
        <v>4</v>
      </c>
      <c r="BN29" s="203">
        <v>7</v>
      </c>
      <c r="BO29" s="206">
        <v>33</v>
      </c>
      <c r="BP29" s="207">
        <v>33</v>
      </c>
      <c r="BQ29" s="202">
        <v>0</v>
      </c>
      <c r="BR29" s="203">
        <v>0</v>
      </c>
      <c r="BS29" s="208">
        <v>0</v>
      </c>
      <c r="BT29" s="205">
        <v>0</v>
      </c>
      <c r="BU29" s="203">
        <v>0</v>
      </c>
      <c r="BV29" s="203">
        <v>0</v>
      </c>
      <c r="BW29" s="203">
        <v>0</v>
      </c>
      <c r="BX29" s="203">
        <v>0</v>
      </c>
      <c r="BY29" s="203">
        <v>0</v>
      </c>
      <c r="BZ29" s="208">
        <v>0</v>
      </c>
      <c r="CA29" s="207">
        <v>0</v>
      </c>
      <c r="CB29" s="202">
        <v>0</v>
      </c>
      <c r="CC29" s="203">
        <v>0</v>
      </c>
      <c r="CD29" s="208">
        <v>0</v>
      </c>
      <c r="CE29" s="205">
        <v>0</v>
      </c>
      <c r="CF29" s="203">
        <v>0</v>
      </c>
      <c r="CG29" s="203">
        <v>0</v>
      </c>
      <c r="CH29" s="203">
        <v>6</v>
      </c>
      <c r="CI29" s="203">
        <v>10</v>
      </c>
      <c r="CJ29" s="203">
        <v>4</v>
      </c>
      <c r="CK29" s="208">
        <v>20</v>
      </c>
      <c r="CL29" s="207">
        <v>20</v>
      </c>
      <c r="CM29" s="202">
        <v>0</v>
      </c>
      <c r="CN29" s="203">
        <v>0</v>
      </c>
      <c r="CO29" s="208">
        <v>0</v>
      </c>
      <c r="CP29" s="205">
        <v>0</v>
      </c>
      <c r="CQ29" s="203">
        <v>0</v>
      </c>
      <c r="CR29" s="203">
        <v>0</v>
      </c>
      <c r="CS29" s="203">
        <v>0</v>
      </c>
      <c r="CT29" s="203">
        <v>1</v>
      </c>
      <c r="CU29" s="203">
        <v>0</v>
      </c>
      <c r="CV29" s="208">
        <v>1</v>
      </c>
      <c r="CW29" s="207">
        <v>1</v>
      </c>
    </row>
    <row r="30" spans="2:101" ht="21" customHeight="1" x14ac:dyDescent="0.2">
      <c r="B30" s="173" t="s">
        <v>28</v>
      </c>
      <c r="C30" s="202">
        <v>0</v>
      </c>
      <c r="D30" s="208">
        <v>0</v>
      </c>
      <c r="E30" s="218">
        <v>0</v>
      </c>
      <c r="F30" s="205">
        <v>0</v>
      </c>
      <c r="G30" s="203">
        <v>0</v>
      </c>
      <c r="H30" s="203">
        <v>0</v>
      </c>
      <c r="I30" s="203">
        <v>0</v>
      </c>
      <c r="J30" s="203">
        <v>0</v>
      </c>
      <c r="K30" s="203">
        <v>0</v>
      </c>
      <c r="L30" s="206">
        <v>0</v>
      </c>
      <c r="M30" s="207">
        <v>0</v>
      </c>
      <c r="N30" s="202">
        <v>0</v>
      </c>
      <c r="O30" s="203">
        <v>0</v>
      </c>
      <c r="P30" s="208">
        <v>0</v>
      </c>
      <c r="Q30" s="205">
        <v>0</v>
      </c>
      <c r="R30" s="203">
        <v>0</v>
      </c>
      <c r="S30" s="203">
        <v>0</v>
      </c>
      <c r="T30" s="203">
        <v>0</v>
      </c>
      <c r="U30" s="203">
        <v>0</v>
      </c>
      <c r="V30" s="203">
        <v>0</v>
      </c>
      <c r="W30" s="208">
        <v>0</v>
      </c>
      <c r="X30" s="207">
        <v>0</v>
      </c>
      <c r="Y30" s="202">
        <v>0</v>
      </c>
      <c r="Z30" s="203">
        <v>0</v>
      </c>
      <c r="AA30" s="208">
        <v>0</v>
      </c>
      <c r="AB30" s="205">
        <v>0</v>
      </c>
      <c r="AC30" s="203">
        <v>24</v>
      </c>
      <c r="AD30" s="203">
        <v>14</v>
      </c>
      <c r="AE30" s="203">
        <v>2</v>
      </c>
      <c r="AF30" s="203">
        <v>1</v>
      </c>
      <c r="AG30" s="203">
        <v>1</v>
      </c>
      <c r="AH30" s="208">
        <v>42</v>
      </c>
      <c r="AI30" s="207">
        <v>42</v>
      </c>
      <c r="AJ30" s="202">
        <v>0</v>
      </c>
      <c r="AK30" s="203">
        <v>0</v>
      </c>
      <c r="AL30" s="208">
        <v>0</v>
      </c>
      <c r="AM30" s="205">
        <v>0</v>
      </c>
      <c r="AN30" s="203">
        <v>2</v>
      </c>
      <c r="AO30" s="203">
        <v>2</v>
      </c>
      <c r="AP30" s="203">
        <v>1</v>
      </c>
      <c r="AQ30" s="203">
        <v>1</v>
      </c>
      <c r="AR30" s="203">
        <v>0</v>
      </c>
      <c r="AS30" s="208">
        <v>6</v>
      </c>
      <c r="AT30" s="207">
        <v>6</v>
      </c>
      <c r="AU30" s="202">
        <v>0</v>
      </c>
      <c r="AV30" s="203">
        <v>0</v>
      </c>
      <c r="AW30" s="208">
        <v>0</v>
      </c>
      <c r="AX30" s="205">
        <v>0</v>
      </c>
      <c r="AY30" s="203">
        <v>0</v>
      </c>
      <c r="AZ30" s="203">
        <v>0</v>
      </c>
      <c r="BA30" s="203">
        <v>0</v>
      </c>
      <c r="BB30" s="203">
        <v>0</v>
      </c>
      <c r="BC30" s="203">
        <v>0</v>
      </c>
      <c r="BD30" s="208">
        <v>0</v>
      </c>
      <c r="BE30" s="207">
        <v>0</v>
      </c>
      <c r="BF30" s="202">
        <v>0</v>
      </c>
      <c r="BG30" s="203">
        <v>0</v>
      </c>
      <c r="BH30" s="208">
        <v>0</v>
      </c>
      <c r="BI30" s="205">
        <v>0</v>
      </c>
      <c r="BJ30" s="203">
        <v>2</v>
      </c>
      <c r="BK30" s="203">
        <v>4</v>
      </c>
      <c r="BL30" s="203">
        <v>3</v>
      </c>
      <c r="BM30" s="203">
        <v>4</v>
      </c>
      <c r="BN30" s="203">
        <v>3</v>
      </c>
      <c r="BO30" s="206">
        <v>16</v>
      </c>
      <c r="BP30" s="207">
        <v>16</v>
      </c>
      <c r="BQ30" s="202">
        <v>0</v>
      </c>
      <c r="BR30" s="203">
        <v>0</v>
      </c>
      <c r="BS30" s="208">
        <v>0</v>
      </c>
      <c r="BT30" s="205">
        <v>0</v>
      </c>
      <c r="BU30" s="203">
        <v>0</v>
      </c>
      <c r="BV30" s="203">
        <v>0</v>
      </c>
      <c r="BW30" s="203">
        <v>0</v>
      </c>
      <c r="BX30" s="203">
        <v>0</v>
      </c>
      <c r="BY30" s="203">
        <v>0</v>
      </c>
      <c r="BZ30" s="208">
        <v>0</v>
      </c>
      <c r="CA30" s="207">
        <v>0</v>
      </c>
      <c r="CB30" s="202">
        <v>0</v>
      </c>
      <c r="CC30" s="203">
        <v>0</v>
      </c>
      <c r="CD30" s="208">
        <v>0</v>
      </c>
      <c r="CE30" s="205">
        <v>0</v>
      </c>
      <c r="CF30" s="203">
        <v>0</v>
      </c>
      <c r="CG30" s="203">
        <v>0</v>
      </c>
      <c r="CH30" s="203">
        <v>0</v>
      </c>
      <c r="CI30" s="203">
        <v>0</v>
      </c>
      <c r="CJ30" s="203">
        <v>0</v>
      </c>
      <c r="CK30" s="208">
        <v>0</v>
      </c>
      <c r="CL30" s="207">
        <v>0</v>
      </c>
      <c r="CM30" s="202">
        <v>0</v>
      </c>
      <c r="CN30" s="203">
        <v>0</v>
      </c>
      <c r="CO30" s="208">
        <v>0</v>
      </c>
      <c r="CP30" s="205">
        <v>0</v>
      </c>
      <c r="CQ30" s="203">
        <v>0</v>
      </c>
      <c r="CR30" s="203">
        <v>0</v>
      </c>
      <c r="CS30" s="203">
        <v>0</v>
      </c>
      <c r="CT30" s="203">
        <v>0</v>
      </c>
      <c r="CU30" s="203">
        <v>0</v>
      </c>
      <c r="CV30" s="208">
        <v>0</v>
      </c>
      <c r="CW30" s="207">
        <v>0</v>
      </c>
    </row>
    <row r="31" spans="2:101" ht="21" customHeight="1" x14ac:dyDescent="0.2">
      <c r="B31" s="173" t="s">
        <v>29</v>
      </c>
      <c r="C31" s="202">
        <v>0</v>
      </c>
      <c r="D31" s="208">
        <v>0</v>
      </c>
      <c r="E31" s="218">
        <v>0</v>
      </c>
      <c r="F31" s="205">
        <v>0</v>
      </c>
      <c r="G31" s="203">
        <v>2</v>
      </c>
      <c r="H31" s="203">
        <v>0</v>
      </c>
      <c r="I31" s="203">
        <v>1</v>
      </c>
      <c r="J31" s="203">
        <v>0</v>
      </c>
      <c r="K31" s="203">
        <v>0</v>
      </c>
      <c r="L31" s="206">
        <v>3</v>
      </c>
      <c r="M31" s="207">
        <v>3</v>
      </c>
      <c r="N31" s="202">
        <v>0</v>
      </c>
      <c r="O31" s="203">
        <v>0</v>
      </c>
      <c r="P31" s="208">
        <v>0</v>
      </c>
      <c r="Q31" s="205">
        <v>0</v>
      </c>
      <c r="R31" s="203">
        <v>0</v>
      </c>
      <c r="S31" s="203">
        <v>0</v>
      </c>
      <c r="T31" s="203">
        <v>0</v>
      </c>
      <c r="U31" s="203">
        <v>0</v>
      </c>
      <c r="V31" s="203">
        <v>0</v>
      </c>
      <c r="W31" s="208">
        <v>0</v>
      </c>
      <c r="X31" s="207">
        <v>0</v>
      </c>
      <c r="Y31" s="202">
        <v>0</v>
      </c>
      <c r="Z31" s="203">
        <v>0</v>
      </c>
      <c r="AA31" s="208">
        <v>0</v>
      </c>
      <c r="AB31" s="205">
        <v>0</v>
      </c>
      <c r="AC31" s="203">
        <v>14</v>
      </c>
      <c r="AD31" s="203">
        <v>18</v>
      </c>
      <c r="AE31" s="203">
        <v>8</v>
      </c>
      <c r="AF31" s="203">
        <v>3</v>
      </c>
      <c r="AG31" s="203">
        <v>1</v>
      </c>
      <c r="AH31" s="208">
        <v>44</v>
      </c>
      <c r="AI31" s="207">
        <v>44</v>
      </c>
      <c r="AJ31" s="202">
        <v>0</v>
      </c>
      <c r="AK31" s="203">
        <v>0</v>
      </c>
      <c r="AL31" s="208">
        <v>0</v>
      </c>
      <c r="AM31" s="205">
        <v>0</v>
      </c>
      <c r="AN31" s="203">
        <v>1</v>
      </c>
      <c r="AO31" s="203">
        <v>1</v>
      </c>
      <c r="AP31" s="203">
        <v>0</v>
      </c>
      <c r="AQ31" s="203">
        <v>0</v>
      </c>
      <c r="AR31" s="203">
        <v>0</v>
      </c>
      <c r="AS31" s="208">
        <v>2</v>
      </c>
      <c r="AT31" s="207">
        <v>2</v>
      </c>
      <c r="AU31" s="202">
        <v>0</v>
      </c>
      <c r="AV31" s="203">
        <v>1</v>
      </c>
      <c r="AW31" s="208">
        <v>1</v>
      </c>
      <c r="AX31" s="205">
        <v>0</v>
      </c>
      <c r="AY31" s="203">
        <v>7</v>
      </c>
      <c r="AZ31" s="203">
        <v>4</v>
      </c>
      <c r="BA31" s="203">
        <v>6</v>
      </c>
      <c r="BB31" s="203">
        <v>5</v>
      </c>
      <c r="BC31" s="203">
        <v>1</v>
      </c>
      <c r="BD31" s="208">
        <v>23</v>
      </c>
      <c r="BE31" s="207">
        <v>24</v>
      </c>
      <c r="BF31" s="202">
        <v>0</v>
      </c>
      <c r="BG31" s="203">
        <v>0</v>
      </c>
      <c r="BH31" s="208">
        <v>0</v>
      </c>
      <c r="BI31" s="205">
        <v>0</v>
      </c>
      <c r="BJ31" s="203">
        <v>7</v>
      </c>
      <c r="BK31" s="203">
        <v>8</v>
      </c>
      <c r="BL31" s="203">
        <v>8</v>
      </c>
      <c r="BM31" s="203">
        <v>3</v>
      </c>
      <c r="BN31" s="203">
        <v>1</v>
      </c>
      <c r="BO31" s="206">
        <v>27</v>
      </c>
      <c r="BP31" s="207">
        <v>27</v>
      </c>
      <c r="BQ31" s="202">
        <v>0</v>
      </c>
      <c r="BR31" s="203">
        <v>0</v>
      </c>
      <c r="BS31" s="208">
        <v>0</v>
      </c>
      <c r="BT31" s="205">
        <v>0</v>
      </c>
      <c r="BU31" s="203">
        <v>0</v>
      </c>
      <c r="BV31" s="203">
        <v>0</v>
      </c>
      <c r="BW31" s="203">
        <v>0</v>
      </c>
      <c r="BX31" s="203">
        <v>0</v>
      </c>
      <c r="BY31" s="203">
        <v>0</v>
      </c>
      <c r="BZ31" s="208">
        <v>0</v>
      </c>
      <c r="CA31" s="207">
        <v>0</v>
      </c>
      <c r="CB31" s="202">
        <v>0</v>
      </c>
      <c r="CC31" s="203">
        <v>0</v>
      </c>
      <c r="CD31" s="208">
        <v>0</v>
      </c>
      <c r="CE31" s="205">
        <v>0</v>
      </c>
      <c r="CF31" s="203">
        <v>0</v>
      </c>
      <c r="CG31" s="203">
        <v>0</v>
      </c>
      <c r="CH31" s="203">
        <v>12</v>
      </c>
      <c r="CI31" s="203">
        <v>8</v>
      </c>
      <c r="CJ31" s="203">
        <v>5</v>
      </c>
      <c r="CK31" s="208">
        <v>25</v>
      </c>
      <c r="CL31" s="207">
        <v>25</v>
      </c>
      <c r="CM31" s="202">
        <v>0</v>
      </c>
      <c r="CN31" s="203">
        <v>0</v>
      </c>
      <c r="CO31" s="208">
        <v>0</v>
      </c>
      <c r="CP31" s="205">
        <v>0</v>
      </c>
      <c r="CQ31" s="203">
        <v>0</v>
      </c>
      <c r="CR31" s="203">
        <v>0</v>
      </c>
      <c r="CS31" s="203">
        <v>0</v>
      </c>
      <c r="CT31" s="203">
        <v>0</v>
      </c>
      <c r="CU31" s="203">
        <v>0</v>
      </c>
      <c r="CV31" s="208">
        <v>0</v>
      </c>
      <c r="CW31" s="207">
        <v>0</v>
      </c>
    </row>
    <row r="32" spans="2:101" ht="21" customHeight="1" x14ac:dyDescent="0.2">
      <c r="B32" s="173" t="s">
        <v>30</v>
      </c>
      <c r="C32" s="202">
        <v>0</v>
      </c>
      <c r="D32" s="208">
        <v>0</v>
      </c>
      <c r="E32" s="218">
        <v>0</v>
      </c>
      <c r="F32" s="205">
        <v>0</v>
      </c>
      <c r="G32" s="203">
        <v>0</v>
      </c>
      <c r="H32" s="203">
        <v>2</v>
      </c>
      <c r="I32" s="203">
        <v>1</v>
      </c>
      <c r="J32" s="203">
        <v>0</v>
      </c>
      <c r="K32" s="203">
        <v>1</v>
      </c>
      <c r="L32" s="206">
        <v>4</v>
      </c>
      <c r="M32" s="207">
        <v>4</v>
      </c>
      <c r="N32" s="202">
        <v>0</v>
      </c>
      <c r="O32" s="203">
        <v>0</v>
      </c>
      <c r="P32" s="208">
        <v>0</v>
      </c>
      <c r="Q32" s="205">
        <v>0</v>
      </c>
      <c r="R32" s="203">
        <v>0</v>
      </c>
      <c r="S32" s="203">
        <v>0</v>
      </c>
      <c r="T32" s="203">
        <v>0</v>
      </c>
      <c r="U32" s="203">
        <v>0</v>
      </c>
      <c r="V32" s="203">
        <v>0</v>
      </c>
      <c r="W32" s="208">
        <v>0</v>
      </c>
      <c r="X32" s="207">
        <v>0</v>
      </c>
      <c r="Y32" s="202">
        <v>0</v>
      </c>
      <c r="Z32" s="203">
        <v>0</v>
      </c>
      <c r="AA32" s="208">
        <v>0</v>
      </c>
      <c r="AB32" s="205">
        <v>0</v>
      </c>
      <c r="AC32" s="203">
        <v>25</v>
      </c>
      <c r="AD32" s="203">
        <v>6</v>
      </c>
      <c r="AE32" s="203">
        <v>11</v>
      </c>
      <c r="AF32" s="203">
        <v>4</v>
      </c>
      <c r="AG32" s="203">
        <v>0</v>
      </c>
      <c r="AH32" s="208">
        <v>46</v>
      </c>
      <c r="AI32" s="207">
        <v>46</v>
      </c>
      <c r="AJ32" s="202">
        <v>0</v>
      </c>
      <c r="AK32" s="203">
        <v>0</v>
      </c>
      <c r="AL32" s="208">
        <v>0</v>
      </c>
      <c r="AM32" s="205">
        <v>0</v>
      </c>
      <c r="AN32" s="203">
        <v>1</v>
      </c>
      <c r="AO32" s="203">
        <v>3</v>
      </c>
      <c r="AP32" s="203">
        <v>0</v>
      </c>
      <c r="AQ32" s="203">
        <v>0</v>
      </c>
      <c r="AR32" s="203">
        <v>0</v>
      </c>
      <c r="AS32" s="208">
        <v>4</v>
      </c>
      <c r="AT32" s="207">
        <v>4</v>
      </c>
      <c r="AU32" s="202">
        <v>0</v>
      </c>
      <c r="AV32" s="203">
        <v>0</v>
      </c>
      <c r="AW32" s="208">
        <v>0</v>
      </c>
      <c r="AX32" s="205">
        <v>0</v>
      </c>
      <c r="AY32" s="203">
        <v>0</v>
      </c>
      <c r="AZ32" s="203">
        <v>0</v>
      </c>
      <c r="BA32" s="203">
        <v>0</v>
      </c>
      <c r="BB32" s="203">
        <v>1</v>
      </c>
      <c r="BC32" s="203">
        <v>0</v>
      </c>
      <c r="BD32" s="208">
        <v>1</v>
      </c>
      <c r="BE32" s="207">
        <v>1</v>
      </c>
      <c r="BF32" s="202">
        <v>0</v>
      </c>
      <c r="BG32" s="203">
        <v>0</v>
      </c>
      <c r="BH32" s="208">
        <v>0</v>
      </c>
      <c r="BI32" s="205">
        <v>0</v>
      </c>
      <c r="BJ32" s="203">
        <v>3</v>
      </c>
      <c r="BK32" s="203">
        <v>4</v>
      </c>
      <c r="BL32" s="203">
        <v>2</v>
      </c>
      <c r="BM32" s="203">
        <v>7</v>
      </c>
      <c r="BN32" s="203">
        <v>2</v>
      </c>
      <c r="BO32" s="206">
        <v>18</v>
      </c>
      <c r="BP32" s="207">
        <v>18</v>
      </c>
      <c r="BQ32" s="202">
        <v>0</v>
      </c>
      <c r="BR32" s="203">
        <v>0</v>
      </c>
      <c r="BS32" s="208">
        <v>0</v>
      </c>
      <c r="BT32" s="205">
        <v>0</v>
      </c>
      <c r="BU32" s="203">
        <v>0</v>
      </c>
      <c r="BV32" s="203">
        <v>0</v>
      </c>
      <c r="BW32" s="203">
        <v>0</v>
      </c>
      <c r="BX32" s="203">
        <v>0</v>
      </c>
      <c r="BY32" s="203">
        <v>0</v>
      </c>
      <c r="BZ32" s="208">
        <v>0</v>
      </c>
      <c r="CA32" s="207">
        <v>0</v>
      </c>
      <c r="CB32" s="202">
        <v>0</v>
      </c>
      <c r="CC32" s="203">
        <v>0</v>
      </c>
      <c r="CD32" s="208">
        <v>0</v>
      </c>
      <c r="CE32" s="205">
        <v>0</v>
      </c>
      <c r="CF32" s="203">
        <v>0</v>
      </c>
      <c r="CG32" s="203">
        <v>0</v>
      </c>
      <c r="CH32" s="203">
        <v>0</v>
      </c>
      <c r="CI32" s="203">
        <v>0</v>
      </c>
      <c r="CJ32" s="203">
        <v>0</v>
      </c>
      <c r="CK32" s="208">
        <v>0</v>
      </c>
      <c r="CL32" s="207">
        <v>0</v>
      </c>
      <c r="CM32" s="202">
        <v>0</v>
      </c>
      <c r="CN32" s="203">
        <v>0</v>
      </c>
      <c r="CO32" s="208">
        <v>0</v>
      </c>
      <c r="CP32" s="205">
        <v>0</v>
      </c>
      <c r="CQ32" s="203">
        <v>0</v>
      </c>
      <c r="CR32" s="203">
        <v>0</v>
      </c>
      <c r="CS32" s="203">
        <v>0</v>
      </c>
      <c r="CT32" s="203">
        <v>0</v>
      </c>
      <c r="CU32" s="203">
        <v>0</v>
      </c>
      <c r="CV32" s="208">
        <v>0</v>
      </c>
      <c r="CW32" s="207">
        <v>0</v>
      </c>
    </row>
    <row r="33" spans="2:101" ht="21" customHeight="1" x14ac:dyDescent="0.2">
      <c r="B33" s="173" t="s">
        <v>31</v>
      </c>
      <c r="C33" s="202">
        <v>0</v>
      </c>
      <c r="D33" s="208">
        <v>0</v>
      </c>
      <c r="E33" s="218">
        <v>0</v>
      </c>
      <c r="F33" s="205">
        <v>0</v>
      </c>
      <c r="G33" s="203">
        <v>0</v>
      </c>
      <c r="H33" s="203">
        <v>2</v>
      </c>
      <c r="I33" s="203">
        <v>0</v>
      </c>
      <c r="J33" s="203">
        <v>0</v>
      </c>
      <c r="K33" s="203">
        <v>0</v>
      </c>
      <c r="L33" s="206">
        <v>2</v>
      </c>
      <c r="M33" s="207">
        <v>2</v>
      </c>
      <c r="N33" s="202">
        <v>0</v>
      </c>
      <c r="O33" s="203">
        <v>0</v>
      </c>
      <c r="P33" s="208">
        <v>0</v>
      </c>
      <c r="Q33" s="205">
        <v>0</v>
      </c>
      <c r="R33" s="203">
        <v>0</v>
      </c>
      <c r="S33" s="203">
        <v>0</v>
      </c>
      <c r="T33" s="203">
        <v>0</v>
      </c>
      <c r="U33" s="203">
        <v>0</v>
      </c>
      <c r="V33" s="203">
        <v>0</v>
      </c>
      <c r="W33" s="208">
        <v>0</v>
      </c>
      <c r="X33" s="207">
        <v>0</v>
      </c>
      <c r="Y33" s="202">
        <v>0</v>
      </c>
      <c r="Z33" s="203">
        <v>0</v>
      </c>
      <c r="AA33" s="208">
        <v>0</v>
      </c>
      <c r="AB33" s="205">
        <v>0</v>
      </c>
      <c r="AC33" s="203">
        <v>30</v>
      </c>
      <c r="AD33" s="203">
        <v>19</v>
      </c>
      <c r="AE33" s="203">
        <v>7</v>
      </c>
      <c r="AF33" s="203">
        <v>4</v>
      </c>
      <c r="AG33" s="203">
        <v>0</v>
      </c>
      <c r="AH33" s="208">
        <v>60</v>
      </c>
      <c r="AI33" s="207">
        <v>60</v>
      </c>
      <c r="AJ33" s="202">
        <v>0</v>
      </c>
      <c r="AK33" s="203">
        <v>0</v>
      </c>
      <c r="AL33" s="208">
        <v>0</v>
      </c>
      <c r="AM33" s="205">
        <v>0</v>
      </c>
      <c r="AN33" s="203">
        <v>0</v>
      </c>
      <c r="AO33" s="203">
        <v>1</v>
      </c>
      <c r="AP33" s="203">
        <v>1</v>
      </c>
      <c r="AQ33" s="203">
        <v>1</v>
      </c>
      <c r="AR33" s="203">
        <v>1</v>
      </c>
      <c r="AS33" s="208">
        <v>4</v>
      </c>
      <c r="AT33" s="207">
        <v>4</v>
      </c>
      <c r="AU33" s="202">
        <v>0</v>
      </c>
      <c r="AV33" s="203">
        <v>1</v>
      </c>
      <c r="AW33" s="208">
        <v>1</v>
      </c>
      <c r="AX33" s="205">
        <v>0</v>
      </c>
      <c r="AY33" s="203">
        <v>6</v>
      </c>
      <c r="AZ33" s="203">
        <v>5</v>
      </c>
      <c r="BA33" s="203">
        <v>7</v>
      </c>
      <c r="BB33" s="203">
        <v>2</v>
      </c>
      <c r="BC33" s="203">
        <v>1</v>
      </c>
      <c r="BD33" s="208">
        <v>21</v>
      </c>
      <c r="BE33" s="207">
        <v>22</v>
      </c>
      <c r="BF33" s="202">
        <v>0</v>
      </c>
      <c r="BG33" s="203">
        <v>1</v>
      </c>
      <c r="BH33" s="208">
        <v>1</v>
      </c>
      <c r="BI33" s="205">
        <v>0</v>
      </c>
      <c r="BJ33" s="203">
        <v>9</v>
      </c>
      <c r="BK33" s="203">
        <v>10</v>
      </c>
      <c r="BL33" s="203">
        <v>9</v>
      </c>
      <c r="BM33" s="203">
        <v>11</v>
      </c>
      <c r="BN33" s="203">
        <v>5</v>
      </c>
      <c r="BO33" s="206">
        <v>44</v>
      </c>
      <c r="BP33" s="207">
        <v>45</v>
      </c>
      <c r="BQ33" s="202">
        <v>0</v>
      </c>
      <c r="BR33" s="203">
        <v>0</v>
      </c>
      <c r="BS33" s="208">
        <v>0</v>
      </c>
      <c r="BT33" s="205">
        <v>0</v>
      </c>
      <c r="BU33" s="203">
        <v>0</v>
      </c>
      <c r="BV33" s="203">
        <v>0</v>
      </c>
      <c r="BW33" s="203">
        <v>0</v>
      </c>
      <c r="BX33" s="203">
        <v>0</v>
      </c>
      <c r="BY33" s="203">
        <v>0</v>
      </c>
      <c r="BZ33" s="208">
        <v>0</v>
      </c>
      <c r="CA33" s="207">
        <v>0</v>
      </c>
      <c r="CB33" s="202">
        <v>0</v>
      </c>
      <c r="CC33" s="203">
        <v>0</v>
      </c>
      <c r="CD33" s="208">
        <v>0</v>
      </c>
      <c r="CE33" s="205">
        <v>0</v>
      </c>
      <c r="CF33" s="203">
        <v>0</v>
      </c>
      <c r="CG33" s="203">
        <v>0</v>
      </c>
      <c r="CH33" s="203">
        <v>0</v>
      </c>
      <c r="CI33" s="203">
        <v>0</v>
      </c>
      <c r="CJ33" s="203">
        <v>0</v>
      </c>
      <c r="CK33" s="208">
        <v>0</v>
      </c>
      <c r="CL33" s="207">
        <v>0</v>
      </c>
      <c r="CM33" s="202">
        <v>0</v>
      </c>
      <c r="CN33" s="203">
        <v>0</v>
      </c>
      <c r="CO33" s="208">
        <v>0</v>
      </c>
      <c r="CP33" s="205">
        <v>0</v>
      </c>
      <c r="CQ33" s="203">
        <v>0</v>
      </c>
      <c r="CR33" s="203">
        <v>0</v>
      </c>
      <c r="CS33" s="203">
        <v>0</v>
      </c>
      <c r="CT33" s="203">
        <v>0</v>
      </c>
      <c r="CU33" s="203">
        <v>0</v>
      </c>
      <c r="CV33" s="208">
        <v>0</v>
      </c>
      <c r="CW33" s="207">
        <v>0</v>
      </c>
    </row>
    <row r="34" spans="2:101" ht="21" customHeight="1" x14ac:dyDescent="0.2">
      <c r="B34" s="173" t="s">
        <v>32</v>
      </c>
      <c r="C34" s="202">
        <v>0</v>
      </c>
      <c r="D34" s="208">
        <v>0</v>
      </c>
      <c r="E34" s="218">
        <v>0</v>
      </c>
      <c r="F34" s="205">
        <v>0</v>
      </c>
      <c r="G34" s="203">
        <v>2</v>
      </c>
      <c r="H34" s="203">
        <v>4</v>
      </c>
      <c r="I34" s="203">
        <v>1</v>
      </c>
      <c r="J34" s="203">
        <v>0</v>
      </c>
      <c r="K34" s="203">
        <v>0</v>
      </c>
      <c r="L34" s="206">
        <v>7</v>
      </c>
      <c r="M34" s="207">
        <v>7</v>
      </c>
      <c r="N34" s="202">
        <v>0</v>
      </c>
      <c r="O34" s="203">
        <v>0</v>
      </c>
      <c r="P34" s="208">
        <v>0</v>
      </c>
      <c r="Q34" s="205">
        <v>0</v>
      </c>
      <c r="R34" s="203">
        <v>0</v>
      </c>
      <c r="S34" s="203">
        <v>0</v>
      </c>
      <c r="T34" s="203">
        <v>0</v>
      </c>
      <c r="U34" s="203">
        <v>0</v>
      </c>
      <c r="V34" s="203">
        <v>0</v>
      </c>
      <c r="W34" s="208">
        <v>0</v>
      </c>
      <c r="X34" s="207">
        <v>0</v>
      </c>
      <c r="Y34" s="202">
        <v>0</v>
      </c>
      <c r="Z34" s="203">
        <v>0</v>
      </c>
      <c r="AA34" s="208">
        <v>0</v>
      </c>
      <c r="AB34" s="205">
        <v>0</v>
      </c>
      <c r="AC34" s="203">
        <v>43</v>
      </c>
      <c r="AD34" s="203">
        <v>28</v>
      </c>
      <c r="AE34" s="203">
        <v>5</v>
      </c>
      <c r="AF34" s="203">
        <v>2</v>
      </c>
      <c r="AG34" s="203">
        <v>2</v>
      </c>
      <c r="AH34" s="208">
        <v>80</v>
      </c>
      <c r="AI34" s="207">
        <v>80</v>
      </c>
      <c r="AJ34" s="202">
        <v>0</v>
      </c>
      <c r="AK34" s="203">
        <v>0</v>
      </c>
      <c r="AL34" s="208">
        <v>0</v>
      </c>
      <c r="AM34" s="205">
        <v>0</v>
      </c>
      <c r="AN34" s="203">
        <v>5</v>
      </c>
      <c r="AO34" s="203">
        <v>1</v>
      </c>
      <c r="AP34" s="203">
        <v>0</v>
      </c>
      <c r="AQ34" s="203">
        <v>0</v>
      </c>
      <c r="AR34" s="203">
        <v>1</v>
      </c>
      <c r="AS34" s="208">
        <v>7</v>
      </c>
      <c r="AT34" s="207">
        <v>7</v>
      </c>
      <c r="AU34" s="202">
        <v>0</v>
      </c>
      <c r="AV34" s="203">
        <v>3</v>
      </c>
      <c r="AW34" s="208">
        <v>3</v>
      </c>
      <c r="AX34" s="205">
        <v>0</v>
      </c>
      <c r="AY34" s="203">
        <v>8</v>
      </c>
      <c r="AZ34" s="203">
        <v>1</v>
      </c>
      <c r="BA34" s="203">
        <v>3</v>
      </c>
      <c r="BB34" s="203">
        <v>2</v>
      </c>
      <c r="BC34" s="203">
        <v>0</v>
      </c>
      <c r="BD34" s="208">
        <v>14</v>
      </c>
      <c r="BE34" s="207">
        <v>17</v>
      </c>
      <c r="BF34" s="202">
        <v>0</v>
      </c>
      <c r="BG34" s="203">
        <v>0</v>
      </c>
      <c r="BH34" s="208">
        <v>0</v>
      </c>
      <c r="BI34" s="205">
        <v>0</v>
      </c>
      <c r="BJ34" s="203">
        <v>3</v>
      </c>
      <c r="BK34" s="203">
        <v>3</v>
      </c>
      <c r="BL34" s="203">
        <v>6</v>
      </c>
      <c r="BM34" s="203">
        <v>9</v>
      </c>
      <c r="BN34" s="203">
        <v>4</v>
      </c>
      <c r="BO34" s="206">
        <v>25</v>
      </c>
      <c r="BP34" s="207">
        <v>25</v>
      </c>
      <c r="BQ34" s="202">
        <v>0</v>
      </c>
      <c r="BR34" s="203">
        <v>0</v>
      </c>
      <c r="BS34" s="208">
        <v>0</v>
      </c>
      <c r="BT34" s="205">
        <v>0</v>
      </c>
      <c r="BU34" s="203">
        <v>0</v>
      </c>
      <c r="BV34" s="203">
        <v>0</v>
      </c>
      <c r="BW34" s="203">
        <v>0</v>
      </c>
      <c r="BX34" s="203">
        <v>0</v>
      </c>
      <c r="BY34" s="203">
        <v>0</v>
      </c>
      <c r="BZ34" s="208">
        <v>0</v>
      </c>
      <c r="CA34" s="207">
        <v>0</v>
      </c>
      <c r="CB34" s="202">
        <v>0</v>
      </c>
      <c r="CC34" s="203">
        <v>0</v>
      </c>
      <c r="CD34" s="208">
        <v>0</v>
      </c>
      <c r="CE34" s="205">
        <v>0</v>
      </c>
      <c r="CF34" s="203">
        <v>1</v>
      </c>
      <c r="CG34" s="203">
        <v>0</v>
      </c>
      <c r="CH34" s="203">
        <v>11</v>
      </c>
      <c r="CI34" s="203">
        <v>8</v>
      </c>
      <c r="CJ34" s="203">
        <v>5</v>
      </c>
      <c r="CK34" s="208">
        <v>25</v>
      </c>
      <c r="CL34" s="207">
        <v>25</v>
      </c>
      <c r="CM34" s="202">
        <v>0</v>
      </c>
      <c r="CN34" s="203">
        <v>0</v>
      </c>
      <c r="CO34" s="208">
        <v>0</v>
      </c>
      <c r="CP34" s="205">
        <v>0</v>
      </c>
      <c r="CQ34" s="203">
        <v>0</v>
      </c>
      <c r="CR34" s="203">
        <v>0</v>
      </c>
      <c r="CS34" s="203">
        <v>0</v>
      </c>
      <c r="CT34" s="203">
        <v>0</v>
      </c>
      <c r="CU34" s="203">
        <v>0</v>
      </c>
      <c r="CV34" s="208">
        <v>0</v>
      </c>
      <c r="CW34" s="207">
        <v>0</v>
      </c>
    </row>
    <row r="35" spans="2:101" ht="21" customHeight="1" x14ac:dyDescent="0.2">
      <c r="B35" s="173" t="s">
        <v>33</v>
      </c>
      <c r="C35" s="202">
        <v>0</v>
      </c>
      <c r="D35" s="208">
        <v>0</v>
      </c>
      <c r="E35" s="218">
        <v>0</v>
      </c>
      <c r="F35" s="205">
        <v>0</v>
      </c>
      <c r="G35" s="203">
        <v>0</v>
      </c>
      <c r="H35" s="203">
        <v>0</v>
      </c>
      <c r="I35" s="203">
        <v>0</v>
      </c>
      <c r="J35" s="203">
        <v>0</v>
      </c>
      <c r="K35" s="203">
        <v>0</v>
      </c>
      <c r="L35" s="206">
        <v>0</v>
      </c>
      <c r="M35" s="207">
        <v>0</v>
      </c>
      <c r="N35" s="202">
        <v>0</v>
      </c>
      <c r="O35" s="203">
        <v>0</v>
      </c>
      <c r="P35" s="208">
        <v>0</v>
      </c>
      <c r="Q35" s="205">
        <v>0</v>
      </c>
      <c r="R35" s="203">
        <v>0</v>
      </c>
      <c r="S35" s="203">
        <v>0</v>
      </c>
      <c r="T35" s="203">
        <v>0</v>
      </c>
      <c r="U35" s="203">
        <v>0</v>
      </c>
      <c r="V35" s="203">
        <v>0</v>
      </c>
      <c r="W35" s="208">
        <v>0</v>
      </c>
      <c r="X35" s="207">
        <v>0</v>
      </c>
      <c r="Y35" s="202">
        <v>0</v>
      </c>
      <c r="Z35" s="203">
        <v>0</v>
      </c>
      <c r="AA35" s="208">
        <v>0</v>
      </c>
      <c r="AB35" s="205">
        <v>0</v>
      </c>
      <c r="AC35" s="203">
        <v>21</v>
      </c>
      <c r="AD35" s="203">
        <v>13</v>
      </c>
      <c r="AE35" s="203">
        <v>5</v>
      </c>
      <c r="AF35" s="203">
        <v>3</v>
      </c>
      <c r="AG35" s="203">
        <v>1</v>
      </c>
      <c r="AH35" s="208">
        <v>43</v>
      </c>
      <c r="AI35" s="207">
        <v>43</v>
      </c>
      <c r="AJ35" s="202">
        <v>0</v>
      </c>
      <c r="AK35" s="203">
        <v>0</v>
      </c>
      <c r="AL35" s="208">
        <v>0</v>
      </c>
      <c r="AM35" s="205">
        <v>0</v>
      </c>
      <c r="AN35" s="203">
        <v>0</v>
      </c>
      <c r="AO35" s="203">
        <v>0</v>
      </c>
      <c r="AP35" s="203">
        <v>0</v>
      </c>
      <c r="AQ35" s="203">
        <v>0</v>
      </c>
      <c r="AR35" s="203">
        <v>0</v>
      </c>
      <c r="AS35" s="208">
        <v>0</v>
      </c>
      <c r="AT35" s="207">
        <v>0</v>
      </c>
      <c r="AU35" s="202">
        <v>0</v>
      </c>
      <c r="AV35" s="203">
        <v>0</v>
      </c>
      <c r="AW35" s="208">
        <v>0</v>
      </c>
      <c r="AX35" s="205">
        <v>0</v>
      </c>
      <c r="AY35" s="203">
        <v>0</v>
      </c>
      <c r="AZ35" s="203">
        <v>0</v>
      </c>
      <c r="BA35" s="203">
        <v>0</v>
      </c>
      <c r="BB35" s="203">
        <v>0</v>
      </c>
      <c r="BC35" s="203">
        <v>0</v>
      </c>
      <c r="BD35" s="208">
        <v>0</v>
      </c>
      <c r="BE35" s="207">
        <v>0</v>
      </c>
      <c r="BF35" s="202">
        <v>0</v>
      </c>
      <c r="BG35" s="203">
        <v>1</v>
      </c>
      <c r="BH35" s="208">
        <v>1</v>
      </c>
      <c r="BI35" s="205">
        <v>0</v>
      </c>
      <c r="BJ35" s="203">
        <v>3</v>
      </c>
      <c r="BK35" s="203">
        <v>3</v>
      </c>
      <c r="BL35" s="203">
        <v>7</v>
      </c>
      <c r="BM35" s="203">
        <v>2</v>
      </c>
      <c r="BN35" s="203">
        <v>2</v>
      </c>
      <c r="BO35" s="206">
        <v>17</v>
      </c>
      <c r="BP35" s="207">
        <v>18</v>
      </c>
      <c r="BQ35" s="202">
        <v>0</v>
      </c>
      <c r="BR35" s="203">
        <v>0</v>
      </c>
      <c r="BS35" s="208">
        <v>0</v>
      </c>
      <c r="BT35" s="205">
        <v>0</v>
      </c>
      <c r="BU35" s="203">
        <v>0</v>
      </c>
      <c r="BV35" s="203">
        <v>0</v>
      </c>
      <c r="BW35" s="203">
        <v>0</v>
      </c>
      <c r="BX35" s="203">
        <v>0</v>
      </c>
      <c r="BY35" s="203">
        <v>0</v>
      </c>
      <c r="BZ35" s="208">
        <v>0</v>
      </c>
      <c r="CA35" s="207">
        <v>0</v>
      </c>
      <c r="CB35" s="202">
        <v>0</v>
      </c>
      <c r="CC35" s="203">
        <v>0</v>
      </c>
      <c r="CD35" s="208">
        <v>0</v>
      </c>
      <c r="CE35" s="205">
        <v>0</v>
      </c>
      <c r="CF35" s="203">
        <v>0</v>
      </c>
      <c r="CG35" s="203">
        <v>0</v>
      </c>
      <c r="CH35" s="203">
        <v>0</v>
      </c>
      <c r="CI35" s="203">
        <v>0</v>
      </c>
      <c r="CJ35" s="203">
        <v>0</v>
      </c>
      <c r="CK35" s="208">
        <v>0</v>
      </c>
      <c r="CL35" s="207">
        <v>0</v>
      </c>
      <c r="CM35" s="202">
        <v>0</v>
      </c>
      <c r="CN35" s="203">
        <v>0</v>
      </c>
      <c r="CO35" s="208">
        <v>0</v>
      </c>
      <c r="CP35" s="205">
        <v>0</v>
      </c>
      <c r="CQ35" s="203">
        <v>4</v>
      </c>
      <c r="CR35" s="203">
        <v>2</v>
      </c>
      <c r="CS35" s="203">
        <v>4</v>
      </c>
      <c r="CT35" s="203">
        <v>3</v>
      </c>
      <c r="CU35" s="203">
        <v>4</v>
      </c>
      <c r="CV35" s="208">
        <v>17</v>
      </c>
      <c r="CW35" s="207">
        <v>17</v>
      </c>
    </row>
    <row r="36" spans="2:101" ht="21" customHeight="1" x14ac:dyDescent="0.2">
      <c r="B36" s="173" t="s">
        <v>34</v>
      </c>
      <c r="C36" s="202">
        <v>0</v>
      </c>
      <c r="D36" s="208">
        <v>0</v>
      </c>
      <c r="E36" s="218">
        <v>0</v>
      </c>
      <c r="F36" s="205">
        <v>0</v>
      </c>
      <c r="G36" s="203">
        <v>0</v>
      </c>
      <c r="H36" s="203">
        <v>0</v>
      </c>
      <c r="I36" s="203">
        <v>0</v>
      </c>
      <c r="J36" s="203">
        <v>0</v>
      </c>
      <c r="K36" s="203">
        <v>0</v>
      </c>
      <c r="L36" s="206">
        <v>0</v>
      </c>
      <c r="M36" s="207">
        <v>0</v>
      </c>
      <c r="N36" s="202">
        <v>0</v>
      </c>
      <c r="O36" s="203">
        <v>0</v>
      </c>
      <c r="P36" s="208">
        <v>0</v>
      </c>
      <c r="Q36" s="205">
        <v>0</v>
      </c>
      <c r="R36" s="203">
        <v>0</v>
      </c>
      <c r="S36" s="203">
        <v>0</v>
      </c>
      <c r="T36" s="203">
        <v>0</v>
      </c>
      <c r="U36" s="203">
        <v>0</v>
      </c>
      <c r="V36" s="203">
        <v>0</v>
      </c>
      <c r="W36" s="208">
        <v>0</v>
      </c>
      <c r="X36" s="207">
        <v>0</v>
      </c>
      <c r="Y36" s="202">
        <v>0</v>
      </c>
      <c r="Z36" s="203">
        <v>0</v>
      </c>
      <c r="AA36" s="208">
        <v>0</v>
      </c>
      <c r="AB36" s="205">
        <v>0</v>
      </c>
      <c r="AC36" s="203">
        <v>12</v>
      </c>
      <c r="AD36" s="203">
        <v>4</v>
      </c>
      <c r="AE36" s="203">
        <v>2</v>
      </c>
      <c r="AF36" s="203">
        <v>2</v>
      </c>
      <c r="AG36" s="203">
        <v>0</v>
      </c>
      <c r="AH36" s="208">
        <v>20</v>
      </c>
      <c r="AI36" s="207">
        <v>20</v>
      </c>
      <c r="AJ36" s="202">
        <v>0</v>
      </c>
      <c r="AK36" s="203">
        <v>0</v>
      </c>
      <c r="AL36" s="208">
        <v>0</v>
      </c>
      <c r="AM36" s="205">
        <v>0</v>
      </c>
      <c r="AN36" s="203">
        <v>0</v>
      </c>
      <c r="AO36" s="203">
        <v>0</v>
      </c>
      <c r="AP36" s="203">
        <v>0</v>
      </c>
      <c r="AQ36" s="203">
        <v>0</v>
      </c>
      <c r="AR36" s="203">
        <v>1</v>
      </c>
      <c r="AS36" s="208">
        <v>1</v>
      </c>
      <c r="AT36" s="207">
        <v>1</v>
      </c>
      <c r="AU36" s="202">
        <v>1</v>
      </c>
      <c r="AV36" s="203">
        <v>1</v>
      </c>
      <c r="AW36" s="208">
        <v>2</v>
      </c>
      <c r="AX36" s="205">
        <v>0</v>
      </c>
      <c r="AY36" s="203">
        <v>8</v>
      </c>
      <c r="AZ36" s="203">
        <v>11</v>
      </c>
      <c r="BA36" s="203">
        <v>4</v>
      </c>
      <c r="BB36" s="203">
        <v>2</v>
      </c>
      <c r="BC36" s="203">
        <v>0</v>
      </c>
      <c r="BD36" s="208">
        <v>25</v>
      </c>
      <c r="BE36" s="207">
        <v>27</v>
      </c>
      <c r="BF36" s="202">
        <v>0</v>
      </c>
      <c r="BG36" s="203">
        <v>0</v>
      </c>
      <c r="BH36" s="208">
        <v>0</v>
      </c>
      <c r="BI36" s="205">
        <v>0</v>
      </c>
      <c r="BJ36" s="203">
        <v>0</v>
      </c>
      <c r="BK36" s="203">
        <v>0</v>
      </c>
      <c r="BL36" s="203">
        <v>0</v>
      </c>
      <c r="BM36" s="203">
        <v>0</v>
      </c>
      <c r="BN36" s="203">
        <v>0</v>
      </c>
      <c r="BO36" s="206">
        <v>0</v>
      </c>
      <c r="BP36" s="207">
        <v>0</v>
      </c>
      <c r="BQ36" s="202">
        <v>0</v>
      </c>
      <c r="BR36" s="203">
        <v>0</v>
      </c>
      <c r="BS36" s="208">
        <v>0</v>
      </c>
      <c r="BT36" s="205">
        <v>0</v>
      </c>
      <c r="BU36" s="203">
        <v>0</v>
      </c>
      <c r="BV36" s="203">
        <v>0</v>
      </c>
      <c r="BW36" s="203">
        <v>0</v>
      </c>
      <c r="BX36" s="203">
        <v>0</v>
      </c>
      <c r="BY36" s="203">
        <v>0</v>
      </c>
      <c r="BZ36" s="208">
        <v>0</v>
      </c>
      <c r="CA36" s="207">
        <v>0</v>
      </c>
      <c r="CB36" s="202">
        <v>0</v>
      </c>
      <c r="CC36" s="203">
        <v>0</v>
      </c>
      <c r="CD36" s="208">
        <v>0</v>
      </c>
      <c r="CE36" s="205">
        <v>0</v>
      </c>
      <c r="CF36" s="203">
        <v>0</v>
      </c>
      <c r="CG36" s="203">
        <v>0</v>
      </c>
      <c r="CH36" s="203">
        <v>0</v>
      </c>
      <c r="CI36" s="203">
        <v>0</v>
      </c>
      <c r="CJ36" s="203">
        <v>0</v>
      </c>
      <c r="CK36" s="208">
        <v>0</v>
      </c>
      <c r="CL36" s="207">
        <v>0</v>
      </c>
      <c r="CM36" s="202">
        <v>0</v>
      </c>
      <c r="CN36" s="203">
        <v>0</v>
      </c>
      <c r="CO36" s="208">
        <v>0</v>
      </c>
      <c r="CP36" s="205">
        <v>0</v>
      </c>
      <c r="CQ36" s="203">
        <v>8</v>
      </c>
      <c r="CR36" s="203">
        <v>9</v>
      </c>
      <c r="CS36" s="203">
        <v>4</v>
      </c>
      <c r="CT36" s="203">
        <v>1</v>
      </c>
      <c r="CU36" s="203">
        <v>2</v>
      </c>
      <c r="CV36" s="208">
        <v>24</v>
      </c>
      <c r="CW36" s="207">
        <v>24</v>
      </c>
    </row>
    <row r="37" spans="2:101" ht="21" customHeight="1" x14ac:dyDescent="0.2">
      <c r="B37" s="173" t="s">
        <v>35</v>
      </c>
      <c r="C37" s="202">
        <v>0</v>
      </c>
      <c r="D37" s="208">
        <v>0</v>
      </c>
      <c r="E37" s="218">
        <v>0</v>
      </c>
      <c r="F37" s="205">
        <v>0</v>
      </c>
      <c r="G37" s="203">
        <v>1</v>
      </c>
      <c r="H37" s="203">
        <v>0</v>
      </c>
      <c r="I37" s="203">
        <v>2</v>
      </c>
      <c r="J37" s="203">
        <v>1</v>
      </c>
      <c r="K37" s="203">
        <v>0</v>
      </c>
      <c r="L37" s="206">
        <v>4</v>
      </c>
      <c r="M37" s="207">
        <v>4</v>
      </c>
      <c r="N37" s="202">
        <v>0</v>
      </c>
      <c r="O37" s="203">
        <v>0</v>
      </c>
      <c r="P37" s="208">
        <v>0</v>
      </c>
      <c r="Q37" s="205">
        <v>0</v>
      </c>
      <c r="R37" s="203">
        <v>0</v>
      </c>
      <c r="S37" s="203">
        <v>0</v>
      </c>
      <c r="T37" s="203">
        <v>0</v>
      </c>
      <c r="U37" s="203">
        <v>0</v>
      </c>
      <c r="V37" s="203">
        <v>0</v>
      </c>
      <c r="W37" s="208">
        <v>0</v>
      </c>
      <c r="X37" s="207">
        <v>0</v>
      </c>
      <c r="Y37" s="202">
        <v>0</v>
      </c>
      <c r="Z37" s="203">
        <v>0</v>
      </c>
      <c r="AA37" s="208">
        <v>0</v>
      </c>
      <c r="AB37" s="205">
        <v>0</v>
      </c>
      <c r="AC37" s="203">
        <v>17</v>
      </c>
      <c r="AD37" s="203">
        <v>12</v>
      </c>
      <c r="AE37" s="203">
        <v>10</v>
      </c>
      <c r="AF37" s="203">
        <v>9</v>
      </c>
      <c r="AG37" s="203">
        <v>1</v>
      </c>
      <c r="AH37" s="208">
        <v>49</v>
      </c>
      <c r="AI37" s="207">
        <v>49</v>
      </c>
      <c r="AJ37" s="202">
        <v>0</v>
      </c>
      <c r="AK37" s="203">
        <v>0</v>
      </c>
      <c r="AL37" s="208">
        <v>0</v>
      </c>
      <c r="AM37" s="205">
        <v>0</v>
      </c>
      <c r="AN37" s="203">
        <v>0</v>
      </c>
      <c r="AO37" s="203">
        <v>0</v>
      </c>
      <c r="AP37" s="203">
        <v>0</v>
      </c>
      <c r="AQ37" s="203">
        <v>0</v>
      </c>
      <c r="AR37" s="203">
        <v>0</v>
      </c>
      <c r="AS37" s="208">
        <v>0</v>
      </c>
      <c r="AT37" s="207">
        <v>0</v>
      </c>
      <c r="AU37" s="202">
        <v>4</v>
      </c>
      <c r="AV37" s="203">
        <v>2</v>
      </c>
      <c r="AW37" s="208">
        <v>6</v>
      </c>
      <c r="AX37" s="205">
        <v>0</v>
      </c>
      <c r="AY37" s="203">
        <v>9</v>
      </c>
      <c r="AZ37" s="203">
        <v>13</v>
      </c>
      <c r="BA37" s="203">
        <v>9</v>
      </c>
      <c r="BB37" s="203">
        <v>4</v>
      </c>
      <c r="BC37" s="203">
        <v>2</v>
      </c>
      <c r="BD37" s="208">
        <v>37</v>
      </c>
      <c r="BE37" s="207">
        <v>43</v>
      </c>
      <c r="BF37" s="202">
        <v>0</v>
      </c>
      <c r="BG37" s="203">
        <v>0</v>
      </c>
      <c r="BH37" s="208">
        <v>0</v>
      </c>
      <c r="BI37" s="205">
        <v>0</v>
      </c>
      <c r="BJ37" s="203">
        <v>13</v>
      </c>
      <c r="BK37" s="203">
        <v>15</v>
      </c>
      <c r="BL37" s="203">
        <v>15</v>
      </c>
      <c r="BM37" s="203">
        <v>12</v>
      </c>
      <c r="BN37" s="203">
        <v>7</v>
      </c>
      <c r="BO37" s="206">
        <v>62</v>
      </c>
      <c r="BP37" s="207">
        <v>62</v>
      </c>
      <c r="BQ37" s="202">
        <v>0</v>
      </c>
      <c r="BR37" s="203">
        <v>0</v>
      </c>
      <c r="BS37" s="208">
        <v>0</v>
      </c>
      <c r="BT37" s="205">
        <v>0</v>
      </c>
      <c r="BU37" s="203">
        <v>0</v>
      </c>
      <c r="BV37" s="203">
        <v>0</v>
      </c>
      <c r="BW37" s="203">
        <v>0</v>
      </c>
      <c r="BX37" s="203">
        <v>0</v>
      </c>
      <c r="BY37" s="203">
        <v>0</v>
      </c>
      <c r="BZ37" s="208">
        <v>0</v>
      </c>
      <c r="CA37" s="207">
        <v>0</v>
      </c>
      <c r="CB37" s="202">
        <v>0</v>
      </c>
      <c r="CC37" s="203">
        <v>0</v>
      </c>
      <c r="CD37" s="208">
        <v>0</v>
      </c>
      <c r="CE37" s="205">
        <v>0</v>
      </c>
      <c r="CF37" s="203">
        <v>0</v>
      </c>
      <c r="CG37" s="203">
        <v>0</v>
      </c>
      <c r="CH37" s="203">
        <v>0</v>
      </c>
      <c r="CI37" s="203">
        <v>0</v>
      </c>
      <c r="CJ37" s="203">
        <v>0</v>
      </c>
      <c r="CK37" s="208">
        <v>0</v>
      </c>
      <c r="CL37" s="207">
        <v>0</v>
      </c>
      <c r="CM37" s="202">
        <v>0</v>
      </c>
      <c r="CN37" s="203">
        <v>0</v>
      </c>
      <c r="CO37" s="208">
        <v>0</v>
      </c>
      <c r="CP37" s="205">
        <v>0</v>
      </c>
      <c r="CQ37" s="203">
        <v>0</v>
      </c>
      <c r="CR37" s="203">
        <v>0</v>
      </c>
      <c r="CS37" s="203">
        <v>0</v>
      </c>
      <c r="CT37" s="203">
        <v>0</v>
      </c>
      <c r="CU37" s="203">
        <v>0</v>
      </c>
      <c r="CV37" s="208">
        <v>0</v>
      </c>
      <c r="CW37" s="207">
        <v>0</v>
      </c>
    </row>
    <row r="38" spans="2:101" ht="21" customHeight="1" x14ac:dyDescent="0.2">
      <c r="B38" s="173" t="s">
        <v>36</v>
      </c>
      <c r="C38" s="202">
        <v>0</v>
      </c>
      <c r="D38" s="208">
        <v>0</v>
      </c>
      <c r="E38" s="218">
        <v>0</v>
      </c>
      <c r="F38" s="205">
        <v>0</v>
      </c>
      <c r="G38" s="203">
        <v>0</v>
      </c>
      <c r="H38" s="203">
        <v>1</v>
      </c>
      <c r="I38" s="203">
        <v>0</v>
      </c>
      <c r="J38" s="203">
        <v>0</v>
      </c>
      <c r="K38" s="203">
        <v>0</v>
      </c>
      <c r="L38" s="206">
        <v>1</v>
      </c>
      <c r="M38" s="207">
        <v>1</v>
      </c>
      <c r="N38" s="202">
        <v>0</v>
      </c>
      <c r="O38" s="203">
        <v>0</v>
      </c>
      <c r="P38" s="208">
        <v>0</v>
      </c>
      <c r="Q38" s="205">
        <v>0</v>
      </c>
      <c r="R38" s="203">
        <v>0</v>
      </c>
      <c r="S38" s="203">
        <v>0</v>
      </c>
      <c r="T38" s="203">
        <v>0</v>
      </c>
      <c r="U38" s="203">
        <v>0</v>
      </c>
      <c r="V38" s="203">
        <v>0</v>
      </c>
      <c r="W38" s="208">
        <v>0</v>
      </c>
      <c r="X38" s="207">
        <v>0</v>
      </c>
      <c r="Y38" s="202">
        <v>0</v>
      </c>
      <c r="Z38" s="203">
        <v>0</v>
      </c>
      <c r="AA38" s="208">
        <v>0</v>
      </c>
      <c r="AB38" s="205">
        <v>0</v>
      </c>
      <c r="AC38" s="203">
        <v>75</v>
      </c>
      <c r="AD38" s="203">
        <v>40</v>
      </c>
      <c r="AE38" s="203">
        <v>27</v>
      </c>
      <c r="AF38" s="203">
        <v>12</v>
      </c>
      <c r="AG38" s="203">
        <v>14</v>
      </c>
      <c r="AH38" s="208">
        <v>168</v>
      </c>
      <c r="AI38" s="207">
        <v>168</v>
      </c>
      <c r="AJ38" s="202">
        <v>0</v>
      </c>
      <c r="AK38" s="203">
        <v>0</v>
      </c>
      <c r="AL38" s="208">
        <v>0</v>
      </c>
      <c r="AM38" s="205">
        <v>0</v>
      </c>
      <c r="AN38" s="203">
        <v>0</v>
      </c>
      <c r="AO38" s="203">
        <v>0</v>
      </c>
      <c r="AP38" s="203">
        <v>0</v>
      </c>
      <c r="AQ38" s="203">
        <v>0</v>
      </c>
      <c r="AR38" s="203">
        <v>0</v>
      </c>
      <c r="AS38" s="208">
        <v>0</v>
      </c>
      <c r="AT38" s="207">
        <v>0</v>
      </c>
      <c r="AU38" s="202">
        <v>0</v>
      </c>
      <c r="AV38" s="203">
        <v>1</v>
      </c>
      <c r="AW38" s="208">
        <v>1</v>
      </c>
      <c r="AX38" s="205">
        <v>0</v>
      </c>
      <c r="AY38" s="203">
        <v>13</v>
      </c>
      <c r="AZ38" s="203">
        <v>14</v>
      </c>
      <c r="BA38" s="203">
        <v>7</v>
      </c>
      <c r="BB38" s="203">
        <v>3</v>
      </c>
      <c r="BC38" s="203">
        <v>3</v>
      </c>
      <c r="BD38" s="208">
        <v>40</v>
      </c>
      <c r="BE38" s="207">
        <v>41</v>
      </c>
      <c r="BF38" s="202">
        <v>0</v>
      </c>
      <c r="BG38" s="203">
        <v>0</v>
      </c>
      <c r="BH38" s="208">
        <v>0</v>
      </c>
      <c r="BI38" s="205">
        <v>0</v>
      </c>
      <c r="BJ38" s="203">
        <v>5</v>
      </c>
      <c r="BK38" s="203">
        <v>16</v>
      </c>
      <c r="BL38" s="203">
        <v>10</v>
      </c>
      <c r="BM38" s="203">
        <v>9</v>
      </c>
      <c r="BN38" s="203">
        <v>5</v>
      </c>
      <c r="BO38" s="206">
        <v>45</v>
      </c>
      <c r="BP38" s="207">
        <v>45</v>
      </c>
      <c r="BQ38" s="202">
        <v>0</v>
      </c>
      <c r="BR38" s="203">
        <v>0</v>
      </c>
      <c r="BS38" s="208">
        <v>0</v>
      </c>
      <c r="BT38" s="205">
        <v>0</v>
      </c>
      <c r="BU38" s="203">
        <v>0</v>
      </c>
      <c r="BV38" s="203">
        <v>0</v>
      </c>
      <c r="BW38" s="203">
        <v>0</v>
      </c>
      <c r="BX38" s="203">
        <v>0</v>
      </c>
      <c r="BY38" s="203">
        <v>0</v>
      </c>
      <c r="BZ38" s="208">
        <v>0</v>
      </c>
      <c r="CA38" s="207">
        <v>0</v>
      </c>
      <c r="CB38" s="202">
        <v>0</v>
      </c>
      <c r="CC38" s="203">
        <v>0</v>
      </c>
      <c r="CD38" s="208">
        <v>0</v>
      </c>
      <c r="CE38" s="205">
        <v>0</v>
      </c>
      <c r="CF38" s="203">
        <v>0</v>
      </c>
      <c r="CG38" s="203">
        <v>0</v>
      </c>
      <c r="CH38" s="203">
        <v>0</v>
      </c>
      <c r="CI38" s="203">
        <v>0</v>
      </c>
      <c r="CJ38" s="203">
        <v>0</v>
      </c>
      <c r="CK38" s="208">
        <v>0</v>
      </c>
      <c r="CL38" s="207">
        <v>0</v>
      </c>
      <c r="CM38" s="202">
        <v>0</v>
      </c>
      <c r="CN38" s="203">
        <v>0</v>
      </c>
      <c r="CO38" s="208">
        <v>0</v>
      </c>
      <c r="CP38" s="205">
        <v>0</v>
      </c>
      <c r="CQ38" s="203">
        <v>0</v>
      </c>
      <c r="CR38" s="203">
        <v>0</v>
      </c>
      <c r="CS38" s="203">
        <v>0</v>
      </c>
      <c r="CT38" s="203">
        <v>1</v>
      </c>
      <c r="CU38" s="203">
        <v>0</v>
      </c>
      <c r="CV38" s="208">
        <v>1</v>
      </c>
      <c r="CW38" s="207">
        <v>1</v>
      </c>
    </row>
    <row r="39" spans="2:101" ht="21" customHeight="1" thickBot="1" x14ac:dyDescent="0.25">
      <c r="B39" s="175" t="s">
        <v>37</v>
      </c>
      <c r="C39" s="209">
        <v>0</v>
      </c>
      <c r="D39" s="215">
        <v>0</v>
      </c>
      <c r="E39" s="219">
        <v>0</v>
      </c>
      <c r="F39" s="212">
        <v>0</v>
      </c>
      <c r="G39" s="210">
        <v>0</v>
      </c>
      <c r="H39" s="210">
        <v>0</v>
      </c>
      <c r="I39" s="210">
        <v>0</v>
      </c>
      <c r="J39" s="210">
        <v>1</v>
      </c>
      <c r="K39" s="210">
        <v>0</v>
      </c>
      <c r="L39" s="213">
        <v>1</v>
      </c>
      <c r="M39" s="214">
        <v>1</v>
      </c>
      <c r="N39" s="209">
        <v>0</v>
      </c>
      <c r="O39" s="210">
        <v>0</v>
      </c>
      <c r="P39" s="215">
        <v>0</v>
      </c>
      <c r="Q39" s="212">
        <v>0</v>
      </c>
      <c r="R39" s="210">
        <v>0</v>
      </c>
      <c r="S39" s="210">
        <v>0</v>
      </c>
      <c r="T39" s="210">
        <v>0</v>
      </c>
      <c r="U39" s="210">
        <v>0</v>
      </c>
      <c r="V39" s="210">
        <v>0</v>
      </c>
      <c r="W39" s="215">
        <v>0</v>
      </c>
      <c r="X39" s="214">
        <v>0</v>
      </c>
      <c r="Y39" s="209">
        <v>0</v>
      </c>
      <c r="Z39" s="210">
        <v>0</v>
      </c>
      <c r="AA39" s="215">
        <v>0</v>
      </c>
      <c r="AB39" s="212">
        <v>0</v>
      </c>
      <c r="AC39" s="210">
        <v>15</v>
      </c>
      <c r="AD39" s="210">
        <v>6</v>
      </c>
      <c r="AE39" s="210">
        <v>5</v>
      </c>
      <c r="AF39" s="210">
        <v>0</v>
      </c>
      <c r="AG39" s="210">
        <v>2</v>
      </c>
      <c r="AH39" s="215">
        <v>28</v>
      </c>
      <c r="AI39" s="214">
        <v>28</v>
      </c>
      <c r="AJ39" s="209">
        <v>0</v>
      </c>
      <c r="AK39" s="210">
        <v>0</v>
      </c>
      <c r="AL39" s="215">
        <v>0</v>
      </c>
      <c r="AM39" s="212">
        <v>0</v>
      </c>
      <c r="AN39" s="210">
        <v>1</v>
      </c>
      <c r="AO39" s="210">
        <v>0</v>
      </c>
      <c r="AP39" s="210">
        <v>0</v>
      </c>
      <c r="AQ39" s="210">
        <v>1</v>
      </c>
      <c r="AR39" s="210">
        <v>0</v>
      </c>
      <c r="AS39" s="215">
        <v>2</v>
      </c>
      <c r="AT39" s="214">
        <v>2</v>
      </c>
      <c r="AU39" s="209">
        <v>0</v>
      </c>
      <c r="AV39" s="210">
        <v>0</v>
      </c>
      <c r="AW39" s="215">
        <v>0</v>
      </c>
      <c r="AX39" s="212">
        <v>0</v>
      </c>
      <c r="AY39" s="210">
        <v>0</v>
      </c>
      <c r="AZ39" s="210">
        <v>0</v>
      </c>
      <c r="BA39" s="210">
        <v>0</v>
      </c>
      <c r="BB39" s="210">
        <v>0</v>
      </c>
      <c r="BC39" s="210">
        <v>0</v>
      </c>
      <c r="BD39" s="215">
        <v>0</v>
      </c>
      <c r="BE39" s="214">
        <v>0</v>
      </c>
      <c r="BF39" s="209">
        <v>0</v>
      </c>
      <c r="BG39" s="210">
        <v>0</v>
      </c>
      <c r="BH39" s="215">
        <v>0</v>
      </c>
      <c r="BI39" s="212">
        <v>0</v>
      </c>
      <c r="BJ39" s="210">
        <v>3</v>
      </c>
      <c r="BK39" s="210">
        <v>0</v>
      </c>
      <c r="BL39" s="210">
        <v>3</v>
      </c>
      <c r="BM39" s="210">
        <v>4</v>
      </c>
      <c r="BN39" s="210">
        <v>2</v>
      </c>
      <c r="BO39" s="213">
        <v>12</v>
      </c>
      <c r="BP39" s="214">
        <v>12</v>
      </c>
      <c r="BQ39" s="209">
        <v>0</v>
      </c>
      <c r="BR39" s="210">
        <v>0</v>
      </c>
      <c r="BS39" s="215">
        <v>0</v>
      </c>
      <c r="BT39" s="212">
        <v>0</v>
      </c>
      <c r="BU39" s="210">
        <v>0</v>
      </c>
      <c r="BV39" s="210">
        <v>0</v>
      </c>
      <c r="BW39" s="210">
        <v>0</v>
      </c>
      <c r="BX39" s="210">
        <v>0</v>
      </c>
      <c r="BY39" s="210">
        <v>0</v>
      </c>
      <c r="BZ39" s="215">
        <v>0</v>
      </c>
      <c r="CA39" s="214">
        <v>0</v>
      </c>
      <c r="CB39" s="209">
        <v>0</v>
      </c>
      <c r="CC39" s="210">
        <v>0</v>
      </c>
      <c r="CD39" s="215">
        <v>0</v>
      </c>
      <c r="CE39" s="212">
        <v>0</v>
      </c>
      <c r="CF39" s="210">
        <v>0</v>
      </c>
      <c r="CG39" s="210">
        <v>0</v>
      </c>
      <c r="CH39" s="210">
        <v>0</v>
      </c>
      <c r="CI39" s="210">
        <v>0</v>
      </c>
      <c r="CJ39" s="210">
        <v>0</v>
      </c>
      <c r="CK39" s="215">
        <v>0</v>
      </c>
      <c r="CL39" s="214">
        <v>0</v>
      </c>
      <c r="CM39" s="209">
        <v>0</v>
      </c>
      <c r="CN39" s="210">
        <v>0</v>
      </c>
      <c r="CO39" s="215">
        <v>0</v>
      </c>
      <c r="CP39" s="212">
        <v>0</v>
      </c>
      <c r="CQ39" s="210">
        <v>0</v>
      </c>
      <c r="CR39" s="210">
        <v>0</v>
      </c>
      <c r="CS39" s="210">
        <v>0</v>
      </c>
      <c r="CT39" s="210">
        <v>0</v>
      </c>
      <c r="CU39" s="210">
        <v>0</v>
      </c>
      <c r="CV39" s="215">
        <v>0</v>
      </c>
      <c r="CW39" s="214">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38" customWidth="1"/>
    <col min="2" max="2" width="9.77734375" style="187" customWidth="1"/>
    <col min="3" max="4" width="9" style="187"/>
    <col min="5" max="5" width="10.33203125" style="187" customWidth="1"/>
    <col min="6" max="6" width="7.6640625" style="187" customWidth="1"/>
    <col min="7" max="7" width="8.44140625" style="187" customWidth="1"/>
    <col min="8" max="8" width="8.77734375" style="187" customWidth="1"/>
    <col min="9" max="16" width="9" style="187"/>
    <col min="17" max="17" width="7.21875" style="187" customWidth="1"/>
    <col min="18" max="27" width="9" style="187"/>
    <col min="28" max="28" width="7.6640625" style="187" customWidth="1"/>
    <col min="29" max="38" width="9" style="187"/>
    <col min="39" max="39" width="8.5546875" style="187" customWidth="1"/>
    <col min="40" max="49" width="9" style="187"/>
    <col min="50" max="50" width="7.6640625" style="187" customWidth="1"/>
    <col min="51" max="60" width="9" style="187"/>
    <col min="61" max="61" width="7.21875" style="187" customWidth="1"/>
    <col min="62" max="71" width="9" style="187"/>
    <col min="72" max="72" width="7.21875" style="187" customWidth="1"/>
    <col min="73" max="82" width="9" style="187"/>
    <col min="83" max="83" width="7.33203125" style="187" customWidth="1"/>
    <col min="84" max="93" width="9" style="187"/>
    <col min="94" max="94" width="7.44140625" style="187" customWidth="1"/>
    <col min="95" max="16384" width="9" style="187"/>
  </cols>
  <sheetData>
    <row r="1" spans="2:101" ht="24" customHeight="1" x14ac:dyDescent="0.2">
      <c r="B1" s="186" t="s">
        <v>122</v>
      </c>
      <c r="I1" s="464">
        <f>第１表!F2</f>
        <v>6</v>
      </c>
      <c r="J1" s="464"/>
      <c r="K1" s="43">
        <f>第１表!G2</f>
        <v>4</v>
      </c>
      <c r="L1" s="503">
        <f>IF(K1&lt;3,K1+12-2,K1-2)</f>
        <v>2</v>
      </c>
      <c r="M1" s="503"/>
    </row>
    <row r="2" spans="2:101" s="138" customFormat="1" ht="24" customHeight="1" thickBot="1" x14ac:dyDescent="0.25">
      <c r="B2" s="186" t="s">
        <v>128</v>
      </c>
    </row>
    <row r="3" spans="2:101" ht="21" customHeight="1" thickBot="1" x14ac:dyDescent="0.25">
      <c r="B3" s="516"/>
      <c r="C3" s="519" t="s">
        <v>94</v>
      </c>
      <c r="D3" s="520"/>
      <c r="E3" s="520"/>
      <c r="F3" s="520"/>
      <c r="G3" s="520"/>
      <c r="H3" s="520"/>
      <c r="I3" s="520"/>
      <c r="J3" s="520"/>
      <c r="K3" s="520"/>
      <c r="L3" s="520"/>
      <c r="M3" s="521"/>
      <c r="N3" s="519" t="s">
        <v>88</v>
      </c>
      <c r="O3" s="520"/>
      <c r="P3" s="520"/>
      <c r="Q3" s="520"/>
      <c r="R3" s="520"/>
      <c r="S3" s="520"/>
      <c r="T3" s="520"/>
      <c r="U3" s="520"/>
      <c r="V3" s="520"/>
      <c r="W3" s="520"/>
      <c r="X3" s="521"/>
      <c r="Y3" s="519" t="s">
        <v>139</v>
      </c>
      <c r="Z3" s="520"/>
      <c r="AA3" s="520"/>
      <c r="AB3" s="520"/>
      <c r="AC3" s="520"/>
      <c r="AD3" s="520"/>
      <c r="AE3" s="520"/>
      <c r="AF3" s="520"/>
      <c r="AG3" s="520"/>
      <c r="AH3" s="520"/>
      <c r="AI3" s="521"/>
      <c r="AJ3" s="519" t="s">
        <v>90</v>
      </c>
      <c r="AK3" s="520"/>
      <c r="AL3" s="520"/>
      <c r="AM3" s="520"/>
      <c r="AN3" s="520"/>
      <c r="AO3" s="520"/>
      <c r="AP3" s="520"/>
      <c r="AQ3" s="520"/>
      <c r="AR3" s="520"/>
      <c r="AS3" s="520"/>
      <c r="AT3" s="521"/>
      <c r="AU3" s="494" t="s">
        <v>89</v>
      </c>
      <c r="AV3" s="495"/>
      <c r="AW3" s="495"/>
      <c r="AX3" s="495"/>
      <c r="AY3" s="495"/>
      <c r="AZ3" s="495"/>
      <c r="BA3" s="495"/>
      <c r="BB3" s="495"/>
      <c r="BC3" s="495"/>
      <c r="BD3" s="495"/>
      <c r="BE3" s="496"/>
      <c r="BF3" s="494" t="s">
        <v>91</v>
      </c>
      <c r="BG3" s="495"/>
      <c r="BH3" s="495"/>
      <c r="BI3" s="495"/>
      <c r="BJ3" s="495"/>
      <c r="BK3" s="495"/>
      <c r="BL3" s="495"/>
      <c r="BM3" s="495"/>
      <c r="BN3" s="495"/>
      <c r="BO3" s="495"/>
      <c r="BP3" s="496"/>
      <c r="BQ3" s="494" t="s">
        <v>92</v>
      </c>
      <c r="BR3" s="495"/>
      <c r="BS3" s="495"/>
      <c r="BT3" s="495"/>
      <c r="BU3" s="495"/>
      <c r="BV3" s="495"/>
      <c r="BW3" s="495"/>
      <c r="BX3" s="495"/>
      <c r="BY3" s="495"/>
      <c r="BZ3" s="495"/>
      <c r="CA3" s="496"/>
      <c r="CB3" s="494" t="s">
        <v>93</v>
      </c>
      <c r="CC3" s="495"/>
      <c r="CD3" s="495"/>
      <c r="CE3" s="495"/>
      <c r="CF3" s="495"/>
      <c r="CG3" s="495"/>
      <c r="CH3" s="495"/>
      <c r="CI3" s="495"/>
      <c r="CJ3" s="495"/>
      <c r="CK3" s="495"/>
      <c r="CL3" s="496"/>
      <c r="CM3" s="495" t="s">
        <v>138</v>
      </c>
      <c r="CN3" s="495"/>
      <c r="CO3" s="495"/>
      <c r="CP3" s="495"/>
      <c r="CQ3" s="495"/>
      <c r="CR3" s="495"/>
      <c r="CS3" s="495"/>
      <c r="CT3" s="495"/>
      <c r="CU3" s="495"/>
      <c r="CV3" s="495"/>
      <c r="CW3" s="496"/>
    </row>
    <row r="4" spans="2:101" ht="21" customHeight="1" x14ac:dyDescent="0.2">
      <c r="B4" s="517"/>
      <c r="C4" s="497" t="s">
        <v>61</v>
      </c>
      <c r="D4" s="498"/>
      <c r="E4" s="499"/>
      <c r="F4" s="500" t="s">
        <v>62</v>
      </c>
      <c r="G4" s="498"/>
      <c r="H4" s="498"/>
      <c r="I4" s="498"/>
      <c r="J4" s="498"/>
      <c r="K4" s="498"/>
      <c r="L4" s="510"/>
      <c r="M4" s="501" t="s">
        <v>52</v>
      </c>
      <c r="N4" s="497" t="s">
        <v>61</v>
      </c>
      <c r="O4" s="498"/>
      <c r="P4" s="499"/>
      <c r="Q4" s="500" t="s">
        <v>62</v>
      </c>
      <c r="R4" s="498"/>
      <c r="S4" s="498"/>
      <c r="T4" s="498"/>
      <c r="U4" s="498"/>
      <c r="V4" s="498"/>
      <c r="W4" s="499"/>
      <c r="X4" s="501" t="s">
        <v>52</v>
      </c>
      <c r="Y4" s="497" t="s">
        <v>61</v>
      </c>
      <c r="Z4" s="498"/>
      <c r="AA4" s="499"/>
      <c r="AB4" s="500" t="s">
        <v>62</v>
      </c>
      <c r="AC4" s="498"/>
      <c r="AD4" s="498"/>
      <c r="AE4" s="498"/>
      <c r="AF4" s="498"/>
      <c r="AG4" s="498"/>
      <c r="AH4" s="499"/>
      <c r="AI4" s="501" t="s">
        <v>52</v>
      </c>
      <c r="AJ4" s="497" t="s">
        <v>61</v>
      </c>
      <c r="AK4" s="498"/>
      <c r="AL4" s="499"/>
      <c r="AM4" s="500" t="s">
        <v>62</v>
      </c>
      <c r="AN4" s="498"/>
      <c r="AO4" s="498"/>
      <c r="AP4" s="498"/>
      <c r="AQ4" s="498"/>
      <c r="AR4" s="498"/>
      <c r="AS4" s="499"/>
      <c r="AT4" s="501" t="s">
        <v>52</v>
      </c>
      <c r="AU4" s="525" t="s">
        <v>61</v>
      </c>
      <c r="AV4" s="523"/>
      <c r="AW4" s="524"/>
      <c r="AX4" s="522" t="s">
        <v>62</v>
      </c>
      <c r="AY4" s="523"/>
      <c r="AZ4" s="523"/>
      <c r="BA4" s="523"/>
      <c r="BB4" s="523"/>
      <c r="BC4" s="523"/>
      <c r="BD4" s="524"/>
      <c r="BE4" s="514" t="s">
        <v>52</v>
      </c>
      <c r="BF4" s="525" t="s">
        <v>61</v>
      </c>
      <c r="BG4" s="523"/>
      <c r="BH4" s="524"/>
      <c r="BI4" s="522" t="s">
        <v>62</v>
      </c>
      <c r="BJ4" s="523"/>
      <c r="BK4" s="523"/>
      <c r="BL4" s="523"/>
      <c r="BM4" s="523"/>
      <c r="BN4" s="523"/>
      <c r="BO4" s="524"/>
      <c r="BP4" s="514" t="s">
        <v>52</v>
      </c>
      <c r="BQ4" s="525" t="s">
        <v>61</v>
      </c>
      <c r="BR4" s="523"/>
      <c r="BS4" s="524"/>
      <c r="BT4" s="522" t="s">
        <v>62</v>
      </c>
      <c r="BU4" s="523"/>
      <c r="BV4" s="523"/>
      <c r="BW4" s="523"/>
      <c r="BX4" s="523"/>
      <c r="BY4" s="523"/>
      <c r="BZ4" s="524"/>
      <c r="CA4" s="514" t="s">
        <v>52</v>
      </c>
      <c r="CB4" s="525" t="s">
        <v>61</v>
      </c>
      <c r="CC4" s="523"/>
      <c r="CD4" s="524"/>
      <c r="CE4" s="522" t="s">
        <v>62</v>
      </c>
      <c r="CF4" s="523"/>
      <c r="CG4" s="523"/>
      <c r="CH4" s="523"/>
      <c r="CI4" s="523"/>
      <c r="CJ4" s="523"/>
      <c r="CK4" s="524"/>
      <c r="CL4" s="514" t="s">
        <v>52</v>
      </c>
      <c r="CM4" s="525" t="s">
        <v>61</v>
      </c>
      <c r="CN4" s="523"/>
      <c r="CO4" s="524"/>
      <c r="CP4" s="522" t="s">
        <v>62</v>
      </c>
      <c r="CQ4" s="523"/>
      <c r="CR4" s="523"/>
      <c r="CS4" s="523"/>
      <c r="CT4" s="523"/>
      <c r="CU4" s="523"/>
      <c r="CV4" s="524"/>
      <c r="CW4" s="514" t="s">
        <v>52</v>
      </c>
    </row>
    <row r="5" spans="2:101" ht="30" customHeight="1" thickBot="1" x14ac:dyDescent="0.25">
      <c r="B5" s="518"/>
      <c r="C5" s="194" t="s">
        <v>43</v>
      </c>
      <c r="D5" s="193" t="s">
        <v>44</v>
      </c>
      <c r="E5" s="216" t="s">
        <v>45</v>
      </c>
      <c r="F5" s="191" t="s">
        <v>83</v>
      </c>
      <c r="G5" s="189" t="s">
        <v>47</v>
      </c>
      <c r="H5" s="189" t="s">
        <v>48</v>
      </c>
      <c r="I5" s="189" t="s">
        <v>49</v>
      </c>
      <c r="J5" s="189" t="s">
        <v>50</v>
      </c>
      <c r="K5" s="189" t="s">
        <v>51</v>
      </c>
      <c r="L5" s="192" t="s">
        <v>45</v>
      </c>
      <c r="M5" s="502"/>
      <c r="N5" s="194" t="s">
        <v>43</v>
      </c>
      <c r="O5" s="189" t="s">
        <v>44</v>
      </c>
      <c r="P5" s="193" t="s">
        <v>45</v>
      </c>
      <c r="Q5" s="191" t="s">
        <v>83</v>
      </c>
      <c r="R5" s="189" t="s">
        <v>47</v>
      </c>
      <c r="S5" s="189" t="s">
        <v>48</v>
      </c>
      <c r="T5" s="189" t="s">
        <v>49</v>
      </c>
      <c r="U5" s="189" t="s">
        <v>50</v>
      </c>
      <c r="V5" s="189" t="s">
        <v>51</v>
      </c>
      <c r="W5" s="193" t="s">
        <v>45</v>
      </c>
      <c r="X5" s="502"/>
      <c r="Y5" s="194" t="s">
        <v>43</v>
      </c>
      <c r="Z5" s="189" t="s">
        <v>44</v>
      </c>
      <c r="AA5" s="193" t="s">
        <v>45</v>
      </c>
      <c r="AB5" s="191" t="s">
        <v>83</v>
      </c>
      <c r="AC5" s="189" t="s">
        <v>47</v>
      </c>
      <c r="AD5" s="189" t="s">
        <v>48</v>
      </c>
      <c r="AE5" s="189" t="s">
        <v>49</v>
      </c>
      <c r="AF5" s="189" t="s">
        <v>50</v>
      </c>
      <c r="AG5" s="189" t="s">
        <v>51</v>
      </c>
      <c r="AH5" s="193" t="s">
        <v>45</v>
      </c>
      <c r="AI5" s="502"/>
      <c r="AJ5" s="194" t="s">
        <v>43</v>
      </c>
      <c r="AK5" s="189" t="s">
        <v>44</v>
      </c>
      <c r="AL5" s="193" t="s">
        <v>45</v>
      </c>
      <c r="AM5" s="191" t="s">
        <v>83</v>
      </c>
      <c r="AN5" s="189" t="s">
        <v>47</v>
      </c>
      <c r="AO5" s="189" t="s">
        <v>48</v>
      </c>
      <c r="AP5" s="189" t="s">
        <v>49</v>
      </c>
      <c r="AQ5" s="189" t="s">
        <v>50</v>
      </c>
      <c r="AR5" s="189" t="s">
        <v>51</v>
      </c>
      <c r="AS5" s="193" t="s">
        <v>45</v>
      </c>
      <c r="AT5" s="502"/>
      <c r="AU5" s="194" t="s">
        <v>43</v>
      </c>
      <c r="AV5" s="189" t="s">
        <v>44</v>
      </c>
      <c r="AW5" s="193" t="s">
        <v>45</v>
      </c>
      <c r="AX5" s="191" t="s">
        <v>83</v>
      </c>
      <c r="AY5" s="189" t="s">
        <v>47</v>
      </c>
      <c r="AZ5" s="189" t="s">
        <v>48</v>
      </c>
      <c r="BA5" s="189" t="s">
        <v>49</v>
      </c>
      <c r="BB5" s="189" t="s">
        <v>50</v>
      </c>
      <c r="BC5" s="189" t="s">
        <v>51</v>
      </c>
      <c r="BD5" s="193" t="s">
        <v>45</v>
      </c>
      <c r="BE5" s="515"/>
      <c r="BF5" s="194" t="s">
        <v>43</v>
      </c>
      <c r="BG5" s="189" t="s">
        <v>44</v>
      </c>
      <c r="BH5" s="193" t="s">
        <v>45</v>
      </c>
      <c r="BI5" s="191" t="s">
        <v>83</v>
      </c>
      <c r="BJ5" s="189" t="s">
        <v>47</v>
      </c>
      <c r="BK5" s="189" t="s">
        <v>48</v>
      </c>
      <c r="BL5" s="189" t="s">
        <v>49</v>
      </c>
      <c r="BM5" s="189" t="s">
        <v>50</v>
      </c>
      <c r="BN5" s="189" t="s">
        <v>51</v>
      </c>
      <c r="BO5" s="193" t="s">
        <v>45</v>
      </c>
      <c r="BP5" s="515"/>
      <c r="BQ5" s="194" t="s">
        <v>43</v>
      </c>
      <c r="BR5" s="189" t="s">
        <v>44</v>
      </c>
      <c r="BS5" s="193" t="s">
        <v>45</v>
      </c>
      <c r="BT5" s="191" t="s">
        <v>83</v>
      </c>
      <c r="BU5" s="189" t="s">
        <v>47</v>
      </c>
      <c r="BV5" s="189" t="s">
        <v>48</v>
      </c>
      <c r="BW5" s="189" t="s">
        <v>49</v>
      </c>
      <c r="BX5" s="189" t="s">
        <v>50</v>
      </c>
      <c r="BY5" s="189" t="s">
        <v>51</v>
      </c>
      <c r="BZ5" s="193" t="s">
        <v>45</v>
      </c>
      <c r="CA5" s="515"/>
      <c r="CB5" s="194" t="s">
        <v>43</v>
      </c>
      <c r="CC5" s="189" t="s">
        <v>44</v>
      </c>
      <c r="CD5" s="193" t="s">
        <v>45</v>
      </c>
      <c r="CE5" s="191" t="s">
        <v>83</v>
      </c>
      <c r="CF5" s="189" t="s">
        <v>47</v>
      </c>
      <c r="CG5" s="189" t="s">
        <v>48</v>
      </c>
      <c r="CH5" s="189" t="s">
        <v>49</v>
      </c>
      <c r="CI5" s="189" t="s">
        <v>50</v>
      </c>
      <c r="CJ5" s="189" t="s">
        <v>51</v>
      </c>
      <c r="CK5" s="193" t="s">
        <v>45</v>
      </c>
      <c r="CL5" s="515"/>
      <c r="CM5" s="194" t="s">
        <v>43</v>
      </c>
      <c r="CN5" s="189" t="s">
        <v>44</v>
      </c>
      <c r="CO5" s="193" t="s">
        <v>45</v>
      </c>
      <c r="CP5" s="191" t="s">
        <v>83</v>
      </c>
      <c r="CQ5" s="189" t="s">
        <v>47</v>
      </c>
      <c r="CR5" s="189" t="s">
        <v>48</v>
      </c>
      <c r="CS5" s="189" t="s">
        <v>49</v>
      </c>
      <c r="CT5" s="189" t="s">
        <v>50</v>
      </c>
      <c r="CU5" s="189" t="s">
        <v>51</v>
      </c>
      <c r="CV5" s="193" t="s">
        <v>45</v>
      </c>
      <c r="CW5" s="515"/>
    </row>
    <row r="6" spans="2:101" ht="21" customHeight="1" x14ac:dyDescent="0.2">
      <c r="B6" s="151" t="s">
        <v>4</v>
      </c>
      <c r="C6" s="195">
        <v>0</v>
      </c>
      <c r="D6" s="201">
        <v>0</v>
      </c>
      <c r="E6" s="217">
        <v>0</v>
      </c>
      <c r="F6" s="198">
        <v>0</v>
      </c>
      <c r="G6" s="196">
        <v>15</v>
      </c>
      <c r="H6" s="196">
        <v>22</v>
      </c>
      <c r="I6" s="196">
        <v>23</v>
      </c>
      <c r="J6" s="196">
        <v>29</v>
      </c>
      <c r="K6" s="196">
        <v>15</v>
      </c>
      <c r="L6" s="199">
        <v>104</v>
      </c>
      <c r="M6" s="200">
        <v>104</v>
      </c>
      <c r="N6" s="195">
        <v>0</v>
      </c>
      <c r="O6" s="196">
        <v>0</v>
      </c>
      <c r="P6" s="201">
        <v>0</v>
      </c>
      <c r="Q6" s="198">
        <v>0</v>
      </c>
      <c r="R6" s="196">
        <v>9</v>
      </c>
      <c r="S6" s="196">
        <v>38</v>
      </c>
      <c r="T6" s="196">
        <v>25</v>
      </c>
      <c r="U6" s="196">
        <v>34</v>
      </c>
      <c r="V6" s="196">
        <v>22</v>
      </c>
      <c r="W6" s="201">
        <v>128</v>
      </c>
      <c r="X6" s="200">
        <v>128</v>
      </c>
      <c r="Y6" s="195">
        <v>0</v>
      </c>
      <c r="Z6" s="196">
        <v>0</v>
      </c>
      <c r="AA6" s="201">
        <v>0</v>
      </c>
      <c r="AB6" s="198">
        <v>0</v>
      </c>
      <c r="AC6" s="196">
        <v>934</v>
      </c>
      <c r="AD6" s="196">
        <v>842</v>
      </c>
      <c r="AE6" s="196">
        <v>366</v>
      </c>
      <c r="AF6" s="196">
        <v>148</v>
      </c>
      <c r="AG6" s="196">
        <v>67</v>
      </c>
      <c r="AH6" s="201">
        <v>2357</v>
      </c>
      <c r="AI6" s="200">
        <v>2357</v>
      </c>
      <c r="AJ6" s="195">
        <v>1</v>
      </c>
      <c r="AK6" s="196">
        <v>1</v>
      </c>
      <c r="AL6" s="201">
        <v>2</v>
      </c>
      <c r="AM6" s="198">
        <v>0</v>
      </c>
      <c r="AN6" s="196">
        <v>56</v>
      </c>
      <c r="AO6" s="196">
        <v>72</v>
      </c>
      <c r="AP6" s="196">
        <v>79</v>
      </c>
      <c r="AQ6" s="196">
        <v>39</v>
      </c>
      <c r="AR6" s="196">
        <v>16</v>
      </c>
      <c r="AS6" s="201">
        <v>262</v>
      </c>
      <c r="AT6" s="200">
        <v>264</v>
      </c>
      <c r="AU6" s="195">
        <v>12</v>
      </c>
      <c r="AV6" s="196">
        <v>9</v>
      </c>
      <c r="AW6" s="201">
        <v>21</v>
      </c>
      <c r="AX6" s="198">
        <v>0</v>
      </c>
      <c r="AY6" s="196">
        <v>83</v>
      </c>
      <c r="AZ6" s="196">
        <v>75</v>
      </c>
      <c r="BA6" s="196">
        <v>71</v>
      </c>
      <c r="BB6" s="196">
        <v>38</v>
      </c>
      <c r="BC6" s="196">
        <v>17</v>
      </c>
      <c r="BD6" s="201">
        <v>284</v>
      </c>
      <c r="BE6" s="200">
        <v>305</v>
      </c>
      <c r="BF6" s="195">
        <v>0</v>
      </c>
      <c r="BG6" s="196">
        <v>0</v>
      </c>
      <c r="BH6" s="201">
        <v>0</v>
      </c>
      <c r="BI6" s="198">
        <v>0</v>
      </c>
      <c r="BJ6" s="196">
        <v>95</v>
      </c>
      <c r="BK6" s="196">
        <v>143</v>
      </c>
      <c r="BL6" s="196">
        <v>156</v>
      </c>
      <c r="BM6" s="196">
        <v>105</v>
      </c>
      <c r="BN6" s="196">
        <v>57</v>
      </c>
      <c r="BO6" s="199">
        <v>556</v>
      </c>
      <c r="BP6" s="200">
        <v>556</v>
      </c>
      <c r="BQ6" s="195">
        <v>0</v>
      </c>
      <c r="BR6" s="196">
        <v>0</v>
      </c>
      <c r="BS6" s="201">
        <v>0</v>
      </c>
      <c r="BT6" s="198">
        <v>0</v>
      </c>
      <c r="BU6" s="196">
        <v>4</v>
      </c>
      <c r="BV6" s="196">
        <v>5</v>
      </c>
      <c r="BW6" s="196">
        <v>4</v>
      </c>
      <c r="BX6" s="196">
        <v>3</v>
      </c>
      <c r="BY6" s="196">
        <v>2</v>
      </c>
      <c r="BZ6" s="201">
        <v>18</v>
      </c>
      <c r="CA6" s="200">
        <v>18</v>
      </c>
      <c r="CB6" s="195">
        <v>0</v>
      </c>
      <c r="CC6" s="196">
        <v>0</v>
      </c>
      <c r="CD6" s="201">
        <v>0</v>
      </c>
      <c r="CE6" s="198">
        <v>0</v>
      </c>
      <c r="CF6" s="196">
        <v>1</v>
      </c>
      <c r="CG6" s="196">
        <v>2</v>
      </c>
      <c r="CH6" s="196">
        <v>18</v>
      </c>
      <c r="CI6" s="196">
        <v>23</v>
      </c>
      <c r="CJ6" s="196">
        <v>13</v>
      </c>
      <c r="CK6" s="201">
        <v>57</v>
      </c>
      <c r="CL6" s="200">
        <v>57</v>
      </c>
      <c r="CM6" s="195">
        <v>0</v>
      </c>
      <c r="CN6" s="196">
        <v>0</v>
      </c>
      <c r="CO6" s="201">
        <v>0</v>
      </c>
      <c r="CP6" s="198">
        <v>0</v>
      </c>
      <c r="CQ6" s="196">
        <v>20</v>
      </c>
      <c r="CR6" s="196">
        <v>19</v>
      </c>
      <c r="CS6" s="196">
        <v>19</v>
      </c>
      <c r="CT6" s="196">
        <v>28</v>
      </c>
      <c r="CU6" s="196">
        <v>30</v>
      </c>
      <c r="CV6" s="201">
        <v>116</v>
      </c>
      <c r="CW6" s="200">
        <v>116</v>
      </c>
    </row>
    <row r="7" spans="2:101" ht="21" customHeight="1" x14ac:dyDescent="0.2">
      <c r="B7" s="162" t="s">
        <v>5</v>
      </c>
      <c r="C7" s="202">
        <v>0</v>
      </c>
      <c r="D7" s="208">
        <v>0</v>
      </c>
      <c r="E7" s="218">
        <v>0</v>
      </c>
      <c r="F7" s="205">
        <v>0</v>
      </c>
      <c r="G7" s="203">
        <v>5</v>
      </c>
      <c r="H7" s="203">
        <v>12</v>
      </c>
      <c r="I7" s="203">
        <v>12</v>
      </c>
      <c r="J7" s="203">
        <v>16</v>
      </c>
      <c r="K7" s="203">
        <v>7</v>
      </c>
      <c r="L7" s="206">
        <v>52</v>
      </c>
      <c r="M7" s="207">
        <v>52</v>
      </c>
      <c r="N7" s="202">
        <v>0</v>
      </c>
      <c r="O7" s="203">
        <v>0</v>
      </c>
      <c r="P7" s="208">
        <v>0</v>
      </c>
      <c r="Q7" s="205">
        <v>0</v>
      </c>
      <c r="R7" s="203">
        <v>6</v>
      </c>
      <c r="S7" s="203">
        <v>29</v>
      </c>
      <c r="T7" s="203">
        <v>18</v>
      </c>
      <c r="U7" s="203">
        <v>32</v>
      </c>
      <c r="V7" s="203">
        <v>19</v>
      </c>
      <c r="W7" s="208">
        <v>104</v>
      </c>
      <c r="X7" s="207">
        <v>104</v>
      </c>
      <c r="Y7" s="202">
        <v>0</v>
      </c>
      <c r="Z7" s="203">
        <v>0</v>
      </c>
      <c r="AA7" s="208">
        <v>0</v>
      </c>
      <c r="AB7" s="205">
        <v>0</v>
      </c>
      <c r="AC7" s="203">
        <v>387</v>
      </c>
      <c r="AD7" s="203">
        <v>427</v>
      </c>
      <c r="AE7" s="203">
        <v>177</v>
      </c>
      <c r="AF7" s="203">
        <v>68</v>
      </c>
      <c r="AG7" s="203">
        <v>34</v>
      </c>
      <c r="AH7" s="208">
        <v>1093</v>
      </c>
      <c r="AI7" s="207">
        <v>1093</v>
      </c>
      <c r="AJ7" s="202">
        <v>0</v>
      </c>
      <c r="AK7" s="203">
        <v>0</v>
      </c>
      <c r="AL7" s="208">
        <v>0</v>
      </c>
      <c r="AM7" s="205">
        <v>0</v>
      </c>
      <c r="AN7" s="203">
        <v>29</v>
      </c>
      <c r="AO7" s="203">
        <v>38</v>
      </c>
      <c r="AP7" s="203">
        <v>38</v>
      </c>
      <c r="AQ7" s="203">
        <v>20</v>
      </c>
      <c r="AR7" s="203">
        <v>8</v>
      </c>
      <c r="AS7" s="208">
        <v>133</v>
      </c>
      <c r="AT7" s="207">
        <v>133</v>
      </c>
      <c r="AU7" s="202">
        <v>5</v>
      </c>
      <c r="AV7" s="203">
        <v>4</v>
      </c>
      <c r="AW7" s="208">
        <v>9</v>
      </c>
      <c r="AX7" s="205">
        <v>0</v>
      </c>
      <c r="AY7" s="203">
        <v>33</v>
      </c>
      <c r="AZ7" s="203">
        <v>31</v>
      </c>
      <c r="BA7" s="203">
        <v>29</v>
      </c>
      <c r="BB7" s="203">
        <v>15</v>
      </c>
      <c r="BC7" s="203">
        <v>10</v>
      </c>
      <c r="BD7" s="208">
        <v>118</v>
      </c>
      <c r="BE7" s="207">
        <v>127</v>
      </c>
      <c r="BF7" s="202">
        <v>0</v>
      </c>
      <c r="BG7" s="203">
        <v>0</v>
      </c>
      <c r="BH7" s="208">
        <v>0</v>
      </c>
      <c r="BI7" s="205">
        <v>0</v>
      </c>
      <c r="BJ7" s="203">
        <v>35</v>
      </c>
      <c r="BK7" s="203">
        <v>62</v>
      </c>
      <c r="BL7" s="203">
        <v>51</v>
      </c>
      <c r="BM7" s="203">
        <v>37</v>
      </c>
      <c r="BN7" s="203">
        <v>22</v>
      </c>
      <c r="BO7" s="206">
        <v>207</v>
      </c>
      <c r="BP7" s="207">
        <v>207</v>
      </c>
      <c r="BQ7" s="202">
        <v>0</v>
      </c>
      <c r="BR7" s="203">
        <v>0</v>
      </c>
      <c r="BS7" s="208">
        <v>0</v>
      </c>
      <c r="BT7" s="205">
        <v>0</v>
      </c>
      <c r="BU7" s="203">
        <v>0</v>
      </c>
      <c r="BV7" s="203">
        <v>0</v>
      </c>
      <c r="BW7" s="203">
        <v>0</v>
      </c>
      <c r="BX7" s="203">
        <v>0</v>
      </c>
      <c r="BY7" s="203">
        <v>0</v>
      </c>
      <c r="BZ7" s="208">
        <v>0</v>
      </c>
      <c r="CA7" s="207">
        <v>0</v>
      </c>
      <c r="CB7" s="202">
        <v>0</v>
      </c>
      <c r="CC7" s="203">
        <v>0</v>
      </c>
      <c r="CD7" s="208">
        <v>0</v>
      </c>
      <c r="CE7" s="205">
        <v>0</v>
      </c>
      <c r="CF7" s="203">
        <v>1</v>
      </c>
      <c r="CG7" s="203">
        <v>1</v>
      </c>
      <c r="CH7" s="203">
        <v>2</v>
      </c>
      <c r="CI7" s="203">
        <v>3</v>
      </c>
      <c r="CJ7" s="203">
        <v>3</v>
      </c>
      <c r="CK7" s="208">
        <v>10</v>
      </c>
      <c r="CL7" s="207">
        <v>10</v>
      </c>
      <c r="CM7" s="202">
        <v>0</v>
      </c>
      <c r="CN7" s="203">
        <v>0</v>
      </c>
      <c r="CO7" s="208">
        <v>0</v>
      </c>
      <c r="CP7" s="205">
        <v>0</v>
      </c>
      <c r="CQ7" s="203">
        <v>3</v>
      </c>
      <c r="CR7" s="203">
        <v>5</v>
      </c>
      <c r="CS7" s="203">
        <v>7</v>
      </c>
      <c r="CT7" s="203">
        <v>9</v>
      </c>
      <c r="CU7" s="203">
        <v>16</v>
      </c>
      <c r="CV7" s="208">
        <v>40</v>
      </c>
      <c r="CW7" s="207">
        <v>40</v>
      </c>
    </row>
    <row r="8" spans="2:101" ht="21" customHeight="1" x14ac:dyDescent="0.2">
      <c r="B8" s="173" t="s">
        <v>6</v>
      </c>
      <c r="C8" s="202">
        <v>0</v>
      </c>
      <c r="D8" s="208">
        <v>0</v>
      </c>
      <c r="E8" s="218">
        <v>0</v>
      </c>
      <c r="F8" s="205">
        <v>0</v>
      </c>
      <c r="G8" s="203">
        <v>3</v>
      </c>
      <c r="H8" s="203">
        <v>3</v>
      </c>
      <c r="I8" s="203">
        <v>4</v>
      </c>
      <c r="J8" s="203">
        <v>8</v>
      </c>
      <c r="K8" s="203">
        <v>3</v>
      </c>
      <c r="L8" s="206">
        <v>21</v>
      </c>
      <c r="M8" s="207">
        <v>21</v>
      </c>
      <c r="N8" s="202">
        <v>0</v>
      </c>
      <c r="O8" s="203">
        <v>0</v>
      </c>
      <c r="P8" s="208">
        <v>0</v>
      </c>
      <c r="Q8" s="205">
        <v>0</v>
      </c>
      <c r="R8" s="203">
        <v>3</v>
      </c>
      <c r="S8" s="203">
        <v>7</v>
      </c>
      <c r="T8" s="203">
        <v>6</v>
      </c>
      <c r="U8" s="203">
        <v>1</v>
      </c>
      <c r="V8" s="203">
        <v>2</v>
      </c>
      <c r="W8" s="208">
        <v>19</v>
      </c>
      <c r="X8" s="207">
        <v>19</v>
      </c>
      <c r="Y8" s="202">
        <v>0</v>
      </c>
      <c r="Z8" s="203">
        <v>0</v>
      </c>
      <c r="AA8" s="208">
        <v>0</v>
      </c>
      <c r="AB8" s="205">
        <v>0</v>
      </c>
      <c r="AC8" s="203">
        <v>108</v>
      </c>
      <c r="AD8" s="203">
        <v>70</v>
      </c>
      <c r="AE8" s="203">
        <v>32</v>
      </c>
      <c r="AF8" s="203">
        <v>18</v>
      </c>
      <c r="AG8" s="203">
        <v>8</v>
      </c>
      <c r="AH8" s="208">
        <v>236</v>
      </c>
      <c r="AI8" s="207">
        <v>236</v>
      </c>
      <c r="AJ8" s="202">
        <v>0</v>
      </c>
      <c r="AK8" s="203">
        <v>0</v>
      </c>
      <c r="AL8" s="208">
        <v>0</v>
      </c>
      <c r="AM8" s="205">
        <v>0</v>
      </c>
      <c r="AN8" s="203">
        <v>11</v>
      </c>
      <c r="AO8" s="203">
        <v>15</v>
      </c>
      <c r="AP8" s="203">
        <v>13</v>
      </c>
      <c r="AQ8" s="203">
        <v>9</v>
      </c>
      <c r="AR8" s="203">
        <v>4</v>
      </c>
      <c r="AS8" s="208">
        <v>52</v>
      </c>
      <c r="AT8" s="207">
        <v>52</v>
      </c>
      <c r="AU8" s="202">
        <v>3</v>
      </c>
      <c r="AV8" s="203">
        <v>1</v>
      </c>
      <c r="AW8" s="208">
        <v>4</v>
      </c>
      <c r="AX8" s="205">
        <v>0</v>
      </c>
      <c r="AY8" s="203">
        <v>13</v>
      </c>
      <c r="AZ8" s="203">
        <v>13</v>
      </c>
      <c r="BA8" s="203">
        <v>4</v>
      </c>
      <c r="BB8" s="203">
        <v>9</v>
      </c>
      <c r="BC8" s="203">
        <v>1</v>
      </c>
      <c r="BD8" s="208">
        <v>40</v>
      </c>
      <c r="BE8" s="207">
        <v>44</v>
      </c>
      <c r="BF8" s="202">
        <v>0</v>
      </c>
      <c r="BG8" s="203">
        <v>0</v>
      </c>
      <c r="BH8" s="208">
        <v>0</v>
      </c>
      <c r="BI8" s="205">
        <v>0</v>
      </c>
      <c r="BJ8" s="203">
        <v>20</v>
      </c>
      <c r="BK8" s="203">
        <v>28</v>
      </c>
      <c r="BL8" s="203">
        <v>23</v>
      </c>
      <c r="BM8" s="203">
        <v>21</v>
      </c>
      <c r="BN8" s="203">
        <v>8</v>
      </c>
      <c r="BO8" s="206">
        <v>100</v>
      </c>
      <c r="BP8" s="207">
        <v>100</v>
      </c>
      <c r="BQ8" s="202">
        <v>0</v>
      </c>
      <c r="BR8" s="203">
        <v>0</v>
      </c>
      <c r="BS8" s="208">
        <v>0</v>
      </c>
      <c r="BT8" s="205">
        <v>0</v>
      </c>
      <c r="BU8" s="203">
        <v>0</v>
      </c>
      <c r="BV8" s="203">
        <v>0</v>
      </c>
      <c r="BW8" s="203">
        <v>0</v>
      </c>
      <c r="BX8" s="203">
        <v>0</v>
      </c>
      <c r="BY8" s="203">
        <v>0</v>
      </c>
      <c r="BZ8" s="208">
        <v>0</v>
      </c>
      <c r="CA8" s="207">
        <v>0</v>
      </c>
      <c r="CB8" s="202">
        <v>0</v>
      </c>
      <c r="CC8" s="203">
        <v>0</v>
      </c>
      <c r="CD8" s="208">
        <v>0</v>
      </c>
      <c r="CE8" s="205">
        <v>0</v>
      </c>
      <c r="CF8" s="203">
        <v>0</v>
      </c>
      <c r="CG8" s="203">
        <v>0</v>
      </c>
      <c r="CH8" s="203">
        <v>3</v>
      </c>
      <c r="CI8" s="203">
        <v>7</v>
      </c>
      <c r="CJ8" s="203">
        <v>3</v>
      </c>
      <c r="CK8" s="208">
        <v>13</v>
      </c>
      <c r="CL8" s="207">
        <v>13</v>
      </c>
      <c r="CM8" s="202">
        <v>0</v>
      </c>
      <c r="CN8" s="203">
        <v>0</v>
      </c>
      <c r="CO8" s="208">
        <v>0</v>
      </c>
      <c r="CP8" s="205">
        <v>0</v>
      </c>
      <c r="CQ8" s="203">
        <v>9</v>
      </c>
      <c r="CR8" s="203">
        <v>3</v>
      </c>
      <c r="CS8" s="203">
        <v>2</v>
      </c>
      <c r="CT8" s="203">
        <v>7</v>
      </c>
      <c r="CU8" s="203">
        <v>5</v>
      </c>
      <c r="CV8" s="208">
        <v>26</v>
      </c>
      <c r="CW8" s="207">
        <v>26</v>
      </c>
    </row>
    <row r="9" spans="2:101" ht="21" customHeight="1" x14ac:dyDescent="0.2">
      <c r="B9" s="173" t="s">
        <v>14</v>
      </c>
      <c r="C9" s="202">
        <v>0</v>
      </c>
      <c r="D9" s="208">
        <v>0</v>
      </c>
      <c r="E9" s="218">
        <v>0</v>
      </c>
      <c r="F9" s="205">
        <v>0</v>
      </c>
      <c r="G9" s="203">
        <v>1</v>
      </c>
      <c r="H9" s="203">
        <v>2</v>
      </c>
      <c r="I9" s="203">
        <v>1</v>
      </c>
      <c r="J9" s="203">
        <v>2</v>
      </c>
      <c r="K9" s="203">
        <v>1</v>
      </c>
      <c r="L9" s="206">
        <v>7</v>
      </c>
      <c r="M9" s="207">
        <v>7</v>
      </c>
      <c r="N9" s="202">
        <v>0</v>
      </c>
      <c r="O9" s="203">
        <v>0</v>
      </c>
      <c r="P9" s="208">
        <v>0</v>
      </c>
      <c r="Q9" s="205">
        <v>0</v>
      </c>
      <c r="R9" s="203">
        <v>0</v>
      </c>
      <c r="S9" s="203">
        <v>0</v>
      </c>
      <c r="T9" s="203">
        <v>0</v>
      </c>
      <c r="U9" s="203">
        <v>0</v>
      </c>
      <c r="V9" s="203">
        <v>0</v>
      </c>
      <c r="W9" s="208">
        <v>0</v>
      </c>
      <c r="X9" s="207">
        <v>0</v>
      </c>
      <c r="Y9" s="202">
        <v>0</v>
      </c>
      <c r="Z9" s="203">
        <v>0</v>
      </c>
      <c r="AA9" s="208">
        <v>0</v>
      </c>
      <c r="AB9" s="205">
        <v>0</v>
      </c>
      <c r="AC9" s="203">
        <v>80</v>
      </c>
      <c r="AD9" s="203">
        <v>80</v>
      </c>
      <c r="AE9" s="203">
        <v>42</v>
      </c>
      <c r="AF9" s="203">
        <v>16</v>
      </c>
      <c r="AG9" s="203">
        <v>4</v>
      </c>
      <c r="AH9" s="208">
        <v>222</v>
      </c>
      <c r="AI9" s="207">
        <v>222</v>
      </c>
      <c r="AJ9" s="202">
        <v>0</v>
      </c>
      <c r="AK9" s="203">
        <v>0</v>
      </c>
      <c r="AL9" s="208">
        <v>0</v>
      </c>
      <c r="AM9" s="205">
        <v>0</v>
      </c>
      <c r="AN9" s="203">
        <v>1</v>
      </c>
      <c r="AO9" s="203">
        <v>4</v>
      </c>
      <c r="AP9" s="203">
        <v>3</v>
      </c>
      <c r="AQ9" s="203">
        <v>0</v>
      </c>
      <c r="AR9" s="203">
        <v>0</v>
      </c>
      <c r="AS9" s="208">
        <v>8</v>
      </c>
      <c r="AT9" s="207">
        <v>8</v>
      </c>
      <c r="AU9" s="202">
        <v>0</v>
      </c>
      <c r="AV9" s="203">
        <v>1</v>
      </c>
      <c r="AW9" s="208">
        <v>1</v>
      </c>
      <c r="AX9" s="205">
        <v>0</v>
      </c>
      <c r="AY9" s="203">
        <v>10</v>
      </c>
      <c r="AZ9" s="203">
        <v>6</v>
      </c>
      <c r="BA9" s="203">
        <v>7</v>
      </c>
      <c r="BB9" s="203">
        <v>3</v>
      </c>
      <c r="BC9" s="203">
        <v>2</v>
      </c>
      <c r="BD9" s="208">
        <v>28</v>
      </c>
      <c r="BE9" s="207">
        <v>29</v>
      </c>
      <c r="BF9" s="202">
        <v>0</v>
      </c>
      <c r="BG9" s="203">
        <v>0</v>
      </c>
      <c r="BH9" s="208">
        <v>0</v>
      </c>
      <c r="BI9" s="205">
        <v>0</v>
      </c>
      <c r="BJ9" s="203">
        <v>6</v>
      </c>
      <c r="BK9" s="203">
        <v>8</v>
      </c>
      <c r="BL9" s="203">
        <v>15</v>
      </c>
      <c r="BM9" s="203">
        <v>11</v>
      </c>
      <c r="BN9" s="203">
        <v>5</v>
      </c>
      <c r="BO9" s="206">
        <v>45</v>
      </c>
      <c r="BP9" s="207">
        <v>45</v>
      </c>
      <c r="BQ9" s="202">
        <v>0</v>
      </c>
      <c r="BR9" s="203">
        <v>0</v>
      </c>
      <c r="BS9" s="208">
        <v>0</v>
      </c>
      <c r="BT9" s="205">
        <v>0</v>
      </c>
      <c r="BU9" s="203">
        <v>0</v>
      </c>
      <c r="BV9" s="203">
        <v>0</v>
      </c>
      <c r="BW9" s="203">
        <v>0</v>
      </c>
      <c r="BX9" s="203">
        <v>0</v>
      </c>
      <c r="BY9" s="203">
        <v>0</v>
      </c>
      <c r="BZ9" s="208">
        <v>0</v>
      </c>
      <c r="CA9" s="207">
        <v>0</v>
      </c>
      <c r="CB9" s="202">
        <v>0</v>
      </c>
      <c r="CC9" s="203">
        <v>0</v>
      </c>
      <c r="CD9" s="208">
        <v>0</v>
      </c>
      <c r="CE9" s="205">
        <v>0</v>
      </c>
      <c r="CF9" s="203">
        <v>0</v>
      </c>
      <c r="CG9" s="203">
        <v>0</v>
      </c>
      <c r="CH9" s="203">
        <v>2</v>
      </c>
      <c r="CI9" s="203">
        <v>1</v>
      </c>
      <c r="CJ9" s="203">
        <v>0</v>
      </c>
      <c r="CK9" s="208">
        <v>3</v>
      </c>
      <c r="CL9" s="207">
        <v>3</v>
      </c>
      <c r="CM9" s="202">
        <v>0</v>
      </c>
      <c r="CN9" s="203">
        <v>0</v>
      </c>
      <c r="CO9" s="208">
        <v>0</v>
      </c>
      <c r="CP9" s="205">
        <v>0</v>
      </c>
      <c r="CQ9" s="203">
        <v>2</v>
      </c>
      <c r="CR9" s="203">
        <v>1</v>
      </c>
      <c r="CS9" s="203">
        <v>1</v>
      </c>
      <c r="CT9" s="203">
        <v>2</v>
      </c>
      <c r="CU9" s="203">
        <v>2</v>
      </c>
      <c r="CV9" s="208">
        <v>8</v>
      </c>
      <c r="CW9" s="207">
        <v>8</v>
      </c>
    </row>
    <row r="10" spans="2:101" ht="21" customHeight="1" x14ac:dyDescent="0.2">
      <c r="B10" s="173" t="s">
        <v>7</v>
      </c>
      <c r="C10" s="202">
        <v>0</v>
      </c>
      <c r="D10" s="208">
        <v>0</v>
      </c>
      <c r="E10" s="218">
        <v>0</v>
      </c>
      <c r="F10" s="205">
        <v>0</v>
      </c>
      <c r="G10" s="203">
        <v>0</v>
      </c>
      <c r="H10" s="203">
        <v>0</v>
      </c>
      <c r="I10" s="203">
        <v>0</v>
      </c>
      <c r="J10" s="203">
        <v>0</v>
      </c>
      <c r="K10" s="203">
        <v>0</v>
      </c>
      <c r="L10" s="206">
        <v>0</v>
      </c>
      <c r="M10" s="207">
        <v>0</v>
      </c>
      <c r="N10" s="202">
        <v>0</v>
      </c>
      <c r="O10" s="203">
        <v>0</v>
      </c>
      <c r="P10" s="208">
        <v>0</v>
      </c>
      <c r="Q10" s="205">
        <v>0</v>
      </c>
      <c r="R10" s="203">
        <v>0</v>
      </c>
      <c r="S10" s="203">
        <v>0</v>
      </c>
      <c r="T10" s="203">
        <v>0</v>
      </c>
      <c r="U10" s="203">
        <v>0</v>
      </c>
      <c r="V10" s="203">
        <v>0</v>
      </c>
      <c r="W10" s="208">
        <v>0</v>
      </c>
      <c r="X10" s="207">
        <v>0</v>
      </c>
      <c r="Y10" s="202">
        <v>0</v>
      </c>
      <c r="Z10" s="203">
        <v>0</v>
      </c>
      <c r="AA10" s="208">
        <v>0</v>
      </c>
      <c r="AB10" s="205">
        <v>0</v>
      </c>
      <c r="AC10" s="203">
        <v>71</v>
      </c>
      <c r="AD10" s="203">
        <v>54</v>
      </c>
      <c r="AE10" s="203">
        <v>17</v>
      </c>
      <c r="AF10" s="203">
        <v>8</v>
      </c>
      <c r="AG10" s="203">
        <v>3</v>
      </c>
      <c r="AH10" s="208">
        <v>153</v>
      </c>
      <c r="AI10" s="207">
        <v>153</v>
      </c>
      <c r="AJ10" s="202">
        <v>0</v>
      </c>
      <c r="AK10" s="203">
        <v>0</v>
      </c>
      <c r="AL10" s="208">
        <v>0</v>
      </c>
      <c r="AM10" s="205">
        <v>0</v>
      </c>
      <c r="AN10" s="203">
        <v>4</v>
      </c>
      <c r="AO10" s="203">
        <v>4</v>
      </c>
      <c r="AP10" s="203">
        <v>5</v>
      </c>
      <c r="AQ10" s="203">
        <v>4</v>
      </c>
      <c r="AR10" s="203">
        <v>2</v>
      </c>
      <c r="AS10" s="208">
        <v>19</v>
      </c>
      <c r="AT10" s="207">
        <v>19</v>
      </c>
      <c r="AU10" s="202">
        <v>0</v>
      </c>
      <c r="AV10" s="203">
        <v>0</v>
      </c>
      <c r="AW10" s="208">
        <v>0</v>
      </c>
      <c r="AX10" s="205">
        <v>0</v>
      </c>
      <c r="AY10" s="203">
        <v>4</v>
      </c>
      <c r="AZ10" s="203">
        <v>2</v>
      </c>
      <c r="BA10" s="203">
        <v>3</v>
      </c>
      <c r="BB10" s="203">
        <v>0</v>
      </c>
      <c r="BC10" s="203">
        <v>0</v>
      </c>
      <c r="BD10" s="208">
        <v>9</v>
      </c>
      <c r="BE10" s="207">
        <v>9</v>
      </c>
      <c r="BF10" s="202">
        <v>0</v>
      </c>
      <c r="BG10" s="203">
        <v>0</v>
      </c>
      <c r="BH10" s="208">
        <v>0</v>
      </c>
      <c r="BI10" s="205">
        <v>0</v>
      </c>
      <c r="BJ10" s="203">
        <v>5</v>
      </c>
      <c r="BK10" s="203">
        <v>4</v>
      </c>
      <c r="BL10" s="203">
        <v>12</v>
      </c>
      <c r="BM10" s="203">
        <v>4</v>
      </c>
      <c r="BN10" s="203">
        <v>5</v>
      </c>
      <c r="BO10" s="206">
        <v>30</v>
      </c>
      <c r="BP10" s="207">
        <v>30</v>
      </c>
      <c r="BQ10" s="202">
        <v>0</v>
      </c>
      <c r="BR10" s="203">
        <v>0</v>
      </c>
      <c r="BS10" s="208">
        <v>0</v>
      </c>
      <c r="BT10" s="205">
        <v>0</v>
      </c>
      <c r="BU10" s="203">
        <v>0</v>
      </c>
      <c r="BV10" s="203">
        <v>0</v>
      </c>
      <c r="BW10" s="203">
        <v>0</v>
      </c>
      <c r="BX10" s="203">
        <v>0</v>
      </c>
      <c r="BY10" s="203">
        <v>0</v>
      </c>
      <c r="BZ10" s="208">
        <v>0</v>
      </c>
      <c r="CA10" s="207">
        <v>0</v>
      </c>
      <c r="CB10" s="202">
        <v>0</v>
      </c>
      <c r="CC10" s="203">
        <v>0</v>
      </c>
      <c r="CD10" s="208">
        <v>0</v>
      </c>
      <c r="CE10" s="205">
        <v>0</v>
      </c>
      <c r="CF10" s="203">
        <v>0</v>
      </c>
      <c r="CG10" s="203">
        <v>0</v>
      </c>
      <c r="CH10" s="203">
        <v>0</v>
      </c>
      <c r="CI10" s="203">
        <v>0</v>
      </c>
      <c r="CJ10" s="203">
        <v>0</v>
      </c>
      <c r="CK10" s="208">
        <v>0</v>
      </c>
      <c r="CL10" s="207">
        <v>0</v>
      </c>
      <c r="CM10" s="202">
        <v>0</v>
      </c>
      <c r="CN10" s="203">
        <v>0</v>
      </c>
      <c r="CO10" s="208">
        <v>0</v>
      </c>
      <c r="CP10" s="205">
        <v>0</v>
      </c>
      <c r="CQ10" s="203">
        <v>0</v>
      </c>
      <c r="CR10" s="203">
        <v>2</v>
      </c>
      <c r="CS10" s="203">
        <v>1</v>
      </c>
      <c r="CT10" s="203">
        <v>0</v>
      </c>
      <c r="CU10" s="203">
        <v>2</v>
      </c>
      <c r="CV10" s="208">
        <v>5</v>
      </c>
      <c r="CW10" s="207">
        <v>5</v>
      </c>
    </row>
    <row r="11" spans="2:101" ht="21" customHeight="1" x14ac:dyDescent="0.2">
      <c r="B11" s="173" t="s">
        <v>8</v>
      </c>
      <c r="C11" s="202">
        <v>0</v>
      </c>
      <c r="D11" s="208">
        <v>0</v>
      </c>
      <c r="E11" s="218">
        <v>0</v>
      </c>
      <c r="F11" s="205">
        <v>0</v>
      </c>
      <c r="G11" s="203">
        <v>1</v>
      </c>
      <c r="H11" s="203">
        <v>0</v>
      </c>
      <c r="I11" s="203">
        <v>0</v>
      </c>
      <c r="J11" s="203">
        <v>0</v>
      </c>
      <c r="K11" s="203">
        <v>0</v>
      </c>
      <c r="L11" s="206">
        <v>1</v>
      </c>
      <c r="M11" s="207">
        <v>1</v>
      </c>
      <c r="N11" s="202">
        <v>0</v>
      </c>
      <c r="O11" s="203">
        <v>0</v>
      </c>
      <c r="P11" s="208">
        <v>0</v>
      </c>
      <c r="Q11" s="205">
        <v>0</v>
      </c>
      <c r="R11" s="203">
        <v>0</v>
      </c>
      <c r="S11" s="203">
        <v>0</v>
      </c>
      <c r="T11" s="203">
        <v>0</v>
      </c>
      <c r="U11" s="203">
        <v>0</v>
      </c>
      <c r="V11" s="203">
        <v>0</v>
      </c>
      <c r="W11" s="208">
        <v>0</v>
      </c>
      <c r="X11" s="207">
        <v>0</v>
      </c>
      <c r="Y11" s="202">
        <v>0</v>
      </c>
      <c r="Z11" s="203">
        <v>0</v>
      </c>
      <c r="AA11" s="208">
        <v>0</v>
      </c>
      <c r="AB11" s="205">
        <v>0</v>
      </c>
      <c r="AC11" s="203">
        <v>31</v>
      </c>
      <c r="AD11" s="203">
        <v>36</v>
      </c>
      <c r="AE11" s="203">
        <v>13</v>
      </c>
      <c r="AF11" s="203">
        <v>4</v>
      </c>
      <c r="AG11" s="203">
        <v>2</v>
      </c>
      <c r="AH11" s="208">
        <v>86</v>
      </c>
      <c r="AI11" s="207">
        <v>86</v>
      </c>
      <c r="AJ11" s="202">
        <v>0</v>
      </c>
      <c r="AK11" s="203">
        <v>0</v>
      </c>
      <c r="AL11" s="208">
        <v>0</v>
      </c>
      <c r="AM11" s="205">
        <v>0</v>
      </c>
      <c r="AN11" s="203">
        <v>1</v>
      </c>
      <c r="AO11" s="203">
        <v>0</v>
      </c>
      <c r="AP11" s="203">
        <v>0</v>
      </c>
      <c r="AQ11" s="203">
        <v>1</v>
      </c>
      <c r="AR11" s="203">
        <v>0</v>
      </c>
      <c r="AS11" s="208">
        <v>2</v>
      </c>
      <c r="AT11" s="207">
        <v>2</v>
      </c>
      <c r="AU11" s="202">
        <v>0</v>
      </c>
      <c r="AV11" s="203">
        <v>2</v>
      </c>
      <c r="AW11" s="208">
        <v>2</v>
      </c>
      <c r="AX11" s="205">
        <v>0</v>
      </c>
      <c r="AY11" s="203">
        <v>0</v>
      </c>
      <c r="AZ11" s="203">
        <v>2</v>
      </c>
      <c r="BA11" s="203">
        <v>3</v>
      </c>
      <c r="BB11" s="203">
        <v>1</v>
      </c>
      <c r="BC11" s="203">
        <v>0</v>
      </c>
      <c r="BD11" s="208">
        <v>6</v>
      </c>
      <c r="BE11" s="207">
        <v>8</v>
      </c>
      <c r="BF11" s="202">
        <v>0</v>
      </c>
      <c r="BG11" s="203">
        <v>0</v>
      </c>
      <c r="BH11" s="208">
        <v>0</v>
      </c>
      <c r="BI11" s="205">
        <v>0</v>
      </c>
      <c r="BJ11" s="203">
        <v>4</v>
      </c>
      <c r="BK11" s="203">
        <v>2</v>
      </c>
      <c r="BL11" s="203">
        <v>3</v>
      </c>
      <c r="BM11" s="203">
        <v>5</v>
      </c>
      <c r="BN11" s="203">
        <v>1</v>
      </c>
      <c r="BO11" s="206">
        <v>15</v>
      </c>
      <c r="BP11" s="207">
        <v>15</v>
      </c>
      <c r="BQ11" s="202">
        <v>0</v>
      </c>
      <c r="BR11" s="203">
        <v>0</v>
      </c>
      <c r="BS11" s="208">
        <v>0</v>
      </c>
      <c r="BT11" s="205">
        <v>0</v>
      </c>
      <c r="BU11" s="203">
        <v>0</v>
      </c>
      <c r="BV11" s="203">
        <v>0</v>
      </c>
      <c r="BW11" s="203">
        <v>3</v>
      </c>
      <c r="BX11" s="203">
        <v>0</v>
      </c>
      <c r="BY11" s="203">
        <v>1</v>
      </c>
      <c r="BZ11" s="208">
        <v>4</v>
      </c>
      <c r="CA11" s="207">
        <v>4</v>
      </c>
      <c r="CB11" s="202">
        <v>0</v>
      </c>
      <c r="CC11" s="203">
        <v>0</v>
      </c>
      <c r="CD11" s="208">
        <v>0</v>
      </c>
      <c r="CE11" s="205">
        <v>0</v>
      </c>
      <c r="CF11" s="203">
        <v>0</v>
      </c>
      <c r="CG11" s="203">
        <v>0</v>
      </c>
      <c r="CH11" s="203">
        <v>1</v>
      </c>
      <c r="CI11" s="203">
        <v>1</v>
      </c>
      <c r="CJ11" s="203">
        <v>0</v>
      </c>
      <c r="CK11" s="208">
        <v>2</v>
      </c>
      <c r="CL11" s="207">
        <v>2</v>
      </c>
      <c r="CM11" s="202">
        <v>0</v>
      </c>
      <c r="CN11" s="203">
        <v>0</v>
      </c>
      <c r="CO11" s="208">
        <v>0</v>
      </c>
      <c r="CP11" s="205">
        <v>0</v>
      </c>
      <c r="CQ11" s="203">
        <v>2</v>
      </c>
      <c r="CR11" s="203">
        <v>1</v>
      </c>
      <c r="CS11" s="203">
        <v>0</v>
      </c>
      <c r="CT11" s="203">
        <v>3</v>
      </c>
      <c r="CU11" s="203">
        <v>1</v>
      </c>
      <c r="CV11" s="208">
        <v>7</v>
      </c>
      <c r="CW11" s="207">
        <v>7</v>
      </c>
    </row>
    <row r="12" spans="2:101" ht="21" customHeight="1" x14ac:dyDescent="0.2">
      <c r="B12" s="173" t="s">
        <v>9</v>
      </c>
      <c r="C12" s="202">
        <v>0</v>
      </c>
      <c r="D12" s="208">
        <v>0</v>
      </c>
      <c r="E12" s="218">
        <v>0</v>
      </c>
      <c r="F12" s="205">
        <v>0</v>
      </c>
      <c r="G12" s="203">
        <v>0</v>
      </c>
      <c r="H12" s="203">
        <v>0</v>
      </c>
      <c r="I12" s="203">
        <v>0</v>
      </c>
      <c r="J12" s="203">
        <v>0</v>
      </c>
      <c r="K12" s="203">
        <v>0</v>
      </c>
      <c r="L12" s="206">
        <v>0</v>
      </c>
      <c r="M12" s="207">
        <v>0</v>
      </c>
      <c r="N12" s="202">
        <v>0</v>
      </c>
      <c r="O12" s="203">
        <v>0</v>
      </c>
      <c r="P12" s="208">
        <v>0</v>
      </c>
      <c r="Q12" s="205">
        <v>0</v>
      </c>
      <c r="R12" s="203">
        <v>0</v>
      </c>
      <c r="S12" s="203">
        <v>0</v>
      </c>
      <c r="T12" s="203">
        <v>0</v>
      </c>
      <c r="U12" s="203">
        <v>0</v>
      </c>
      <c r="V12" s="203">
        <v>0</v>
      </c>
      <c r="W12" s="208">
        <v>0</v>
      </c>
      <c r="X12" s="207">
        <v>0</v>
      </c>
      <c r="Y12" s="202">
        <v>0</v>
      </c>
      <c r="Z12" s="203">
        <v>0</v>
      </c>
      <c r="AA12" s="208">
        <v>0</v>
      </c>
      <c r="AB12" s="205">
        <v>0</v>
      </c>
      <c r="AC12" s="203">
        <v>46</v>
      </c>
      <c r="AD12" s="203">
        <v>23</v>
      </c>
      <c r="AE12" s="203">
        <v>14</v>
      </c>
      <c r="AF12" s="203">
        <v>6</v>
      </c>
      <c r="AG12" s="203">
        <v>3</v>
      </c>
      <c r="AH12" s="208">
        <v>92</v>
      </c>
      <c r="AI12" s="207">
        <v>92</v>
      </c>
      <c r="AJ12" s="202">
        <v>0</v>
      </c>
      <c r="AK12" s="203">
        <v>0</v>
      </c>
      <c r="AL12" s="208">
        <v>0</v>
      </c>
      <c r="AM12" s="205">
        <v>0</v>
      </c>
      <c r="AN12" s="203">
        <v>0</v>
      </c>
      <c r="AO12" s="203">
        <v>0</v>
      </c>
      <c r="AP12" s="203">
        <v>1</v>
      </c>
      <c r="AQ12" s="203">
        <v>0</v>
      </c>
      <c r="AR12" s="203">
        <v>1</v>
      </c>
      <c r="AS12" s="208">
        <v>2</v>
      </c>
      <c r="AT12" s="207">
        <v>2</v>
      </c>
      <c r="AU12" s="202">
        <v>1</v>
      </c>
      <c r="AV12" s="203">
        <v>0</v>
      </c>
      <c r="AW12" s="208">
        <v>1</v>
      </c>
      <c r="AX12" s="205">
        <v>0</v>
      </c>
      <c r="AY12" s="203">
        <v>2</v>
      </c>
      <c r="AZ12" s="203">
        <v>3</v>
      </c>
      <c r="BA12" s="203">
        <v>1</v>
      </c>
      <c r="BB12" s="203">
        <v>0</v>
      </c>
      <c r="BC12" s="203">
        <v>0</v>
      </c>
      <c r="BD12" s="208">
        <v>6</v>
      </c>
      <c r="BE12" s="207">
        <v>7</v>
      </c>
      <c r="BF12" s="202">
        <v>0</v>
      </c>
      <c r="BG12" s="203">
        <v>0</v>
      </c>
      <c r="BH12" s="208">
        <v>0</v>
      </c>
      <c r="BI12" s="205">
        <v>0</v>
      </c>
      <c r="BJ12" s="203">
        <v>3</v>
      </c>
      <c r="BK12" s="203">
        <v>4</v>
      </c>
      <c r="BL12" s="203">
        <v>8</v>
      </c>
      <c r="BM12" s="203">
        <v>2</v>
      </c>
      <c r="BN12" s="203">
        <v>0</v>
      </c>
      <c r="BO12" s="206">
        <v>17</v>
      </c>
      <c r="BP12" s="207">
        <v>17</v>
      </c>
      <c r="BQ12" s="202">
        <v>0</v>
      </c>
      <c r="BR12" s="203">
        <v>0</v>
      </c>
      <c r="BS12" s="208">
        <v>0</v>
      </c>
      <c r="BT12" s="205">
        <v>0</v>
      </c>
      <c r="BU12" s="203">
        <v>0</v>
      </c>
      <c r="BV12" s="203">
        <v>1</v>
      </c>
      <c r="BW12" s="203">
        <v>0</v>
      </c>
      <c r="BX12" s="203">
        <v>0</v>
      </c>
      <c r="BY12" s="203">
        <v>0</v>
      </c>
      <c r="BZ12" s="208">
        <v>1</v>
      </c>
      <c r="CA12" s="207">
        <v>1</v>
      </c>
      <c r="CB12" s="202">
        <v>0</v>
      </c>
      <c r="CC12" s="203">
        <v>0</v>
      </c>
      <c r="CD12" s="208">
        <v>0</v>
      </c>
      <c r="CE12" s="205">
        <v>0</v>
      </c>
      <c r="CF12" s="203">
        <v>0</v>
      </c>
      <c r="CG12" s="203">
        <v>0</v>
      </c>
      <c r="CH12" s="203">
        <v>0</v>
      </c>
      <c r="CI12" s="203">
        <v>0</v>
      </c>
      <c r="CJ12" s="203">
        <v>0</v>
      </c>
      <c r="CK12" s="208">
        <v>0</v>
      </c>
      <c r="CL12" s="207">
        <v>0</v>
      </c>
      <c r="CM12" s="202">
        <v>0</v>
      </c>
      <c r="CN12" s="203">
        <v>0</v>
      </c>
      <c r="CO12" s="208">
        <v>0</v>
      </c>
      <c r="CP12" s="205">
        <v>0</v>
      </c>
      <c r="CQ12" s="203">
        <v>0</v>
      </c>
      <c r="CR12" s="203">
        <v>1</v>
      </c>
      <c r="CS12" s="203">
        <v>1</v>
      </c>
      <c r="CT12" s="203">
        <v>0</v>
      </c>
      <c r="CU12" s="203">
        <v>0</v>
      </c>
      <c r="CV12" s="208">
        <v>2</v>
      </c>
      <c r="CW12" s="207">
        <v>2</v>
      </c>
    </row>
    <row r="13" spans="2:101" ht="21" customHeight="1" x14ac:dyDescent="0.2">
      <c r="B13" s="173" t="s">
        <v>10</v>
      </c>
      <c r="C13" s="202">
        <v>0</v>
      </c>
      <c r="D13" s="208">
        <v>0</v>
      </c>
      <c r="E13" s="218">
        <v>0</v>
      </c>
      <c r="F13" s="205">
        <v>0</v>
      </c>
      <c r="G13" s="203">
        <v>1</v>
      </c>
      <c r="H13" s="203">
        <v>2</v>
      </c>
      <c r="I13" s="203">
        <v>1</v>
      </c>
      <c r="J13" s="203">
        <v>0</v>
      </c>
      <c r="K13" s="203">
        <v>1</v>
      </c>
      <c r="L13" s="206">
        <v>5</v>
      </c>
      <c r="M13" s="207">
        <v>5</v>
      </c>
      <c r="N13" s="202">
        <v>0</v>
      </c>
      <c r="O13" s="203">
        <v>0</v>
      </c>
      <c r="P13" s="208">
        <v>0</v>
      </c>
      <c r="Q13" s="205">
        <v>0</v>
      </c>
      <c r="R13" s="203">
        <v>0</v>
      </c>
      <c r="S13" s="203">
        <v>1</v>
      </c>
      <c r="T13" s="203">
        <v>1</v>
      </c>
      <c r="U13" s="203">
        <v>0</v>
      </c>
      <c r="V13" s="203">
        <v>1</v>
      </c>
      <c r="W13" s="208">
        <v>3</v>
      </c>
      <c r="X13" s="207">
        <v>3</v>
      </c>
      <c r="Y13" s="202">
        <v>0</v>
      </c>
      <c r="Z13" s="203">
        <v>0</v>
      </c>
      <c r="AA13" s="208">
        <v>0</v>
      </c>
      <c r="AB13" s="205">
        <v>0</v>
      </c>
      <c r="AC13" s="203">
        <v>38</v>
      </c>
      <c r="AD13" s="203">
        <v>13</v>
      </c>
      <c r="AE13" s="203">
        <v>11</v>
      </c>
      <c r="AF13" s="203">
        <v>3</v>
      </c>
      <c r="AG13" s="203">
        <v>3</v>
      </c>
      <c r="AH13" s="208">
        <v>68</v>
      </c>
      <c r="AI13" s="207">
        <v>68</v>
      </c>
      <c r="AJ13" s="202">
        <v>0</v>
      </c>
      <c r="AK13" s="203">
        <v>0</v>
      </c>
      <c r="AL13" s="208">
        <v>0</v>
      </c>
      <c r="AM13" s="205">
        <v>0</v>
      </c>
      <c r="AN13" s="203">
        <v>3</v>
      </c>
      <c r="AO13" s="203">
        <v>0</v>
      </c>
      <c r="AP13" s="203">
        <v>3</v>
      </c>
      <c r="AQ13" s="203">
        <v>0</v>
      </c>
      <c r="AR13" s="203">
        <v>0</v>
      </c>
      <c r="AS13" s="208">
        <v>6</v>
      </c>
      <c r="AT13" s="207">
        <v>6</v>
      </c>
      <c r="AU13" s="202">
        <v>0</v>
      </c>
      <c r="AV13" s="203">
        <v>0</v>
      </c>
      <c r="AW13" s="208">
        <v>0</v>
      </c>
      <c r="AX13" s="205">
        <v>0</v>
      </c>
      <c r="AY13" s="203">
        <v>7</v>
      </c>
      <c r="AZ13" s="203">
        <v>2</v>
      </c>
      <c r="BA13" s="203">
        <v>4</v>
      </c>
      <c r="BB13" s="203">
        <v>2</v>
      </c>
      <c r="BC13" s="203">
        <v>0</v>
      </c>
      <c r="BD13" s="208">
        <v>15</v>
      </c>
      <c r="BE13" s="207">
        <v>15</v>
      </c>
      <c r="BF13" s="202">
        <v>0</v>
      </c>
      <c r="BG13" s="203">
        <v>0</v>
      </c>
      <c r="BH13" s="208">
        <v>0</v>
      </c>
      <c r="BI13" s="205">
        <v>0</v>
      </c>
      <c r="BJ13" s="203">
        <v>4</v>
      </c>
      <c r="BK13" s="203">
        <v>11</v>
      </c>
      <c r="BL13" s="203">
        <v>12</v>
      </c>
      <c r="BM13" s="203">
        <v>3</v>
      </c>
      <c r="BN13" s="203">
        <v>5</v>
      </c>
      <c r="BO13" s="206">
        <v>35</v>
      </c>
      <c r="BP13" s="207">
        <v>35</v>
      </c>
      <c r="BQ13" s="202">
        <v>0</v>
      </c>
      <c r="BR13" s="203">
        <v>0</v>
      </c>
      <c r="BS13" s="208">
        <v>0</v>
      </c>
      <c r="BT13" s="205">
        <v>0</v>
      </c>
      <c r="BU13" s="203">
        <v>4</v>
      </c>
      <c r="BV13" s="203">
        <v>1</v>
      </c>
      <c r="BW13" s="203">
        <v>1</v>
      </c>
      <c r="BX13" s="203">
        <v>1</v>
      </c>
      <c r="BY13" s="203">
        <v>1</v>
      </c>
      <c r="BZ13" s="208">
        <v>8</v>
      </c>
      <c r="CA13" s="207">
        <v>8</v>
      </c>
      <c r="CB13" s="202">
        <v>0</v>
      </c>
      <c r="CC13" s="203">
        <v>0</v>
      </c>
      <c r="CD13" s="208">
        <v>0</v>
      </c>
      <c r="CE13" s="205">
        <v>0</v>
      </c>
      <c r="CF13" s="203">
        <v>0</v>
      </c>
      <c r="CG13" s="203">
        <v>1</v>
      </c>
      <c r="CH13" s="203">
        <v>2</v>
      </c>
      <c r="CI13" s="203">
        <v>3</v>
      </c>
      <c r="CJ13" s="203">
        <v>5</v>
      </c>
      <c r="CK13" s="208">
        <v>11</v>
      </c>
      <c r="CL13" s="207">
        <v>11</v>
      </c>
      <c r="CM13" s="202">
        <v>0</v>
      </c>
      <c r="CN13" s="203">
        <v>0</v>
      </c>
      <c r="CO13" s="208">
        <v>0</v>
      </c>
      <c r="CP13" s="205">
        <v>0</v>
      </c>
      <c r="CQ13" s="203">
        <v>1</v>
      </c>
      <c r="CR13" s="203">
        <v>1</v>
      </c>
      <c r="CS13" s="203">
        <v>0</v>
      </c>
      <c r="CT13" s="203">
        <v>2</v>
      </c>
      <c r="CU13" s="203">
        <v>1</v>
      </c>
      <c r="CV13" s="208">
        <v>5</v>
      </c>
      <c r="CW13" s="207">
        <v>5</v>
      </c>
    </row>
    <row r="14" spans="2:101" ht="21" customHeight="1" x14ac:dyDescent="0.2">
      <c r="B14" s="173" t="s">
        <v>11</v>
      </c>
      <c r="C14" s="202">
        <v>0</v>
      </c>
      <c r="D14" s="208">
        <v>0</v>
      </c>
      <c r="E14" s="218">
        <v>0</v>
      </c>
      <c r="F14" s="205">
        <v>0</v>
      </c>
      <c r="G14" s="203">
        <v>1</v>
      </c>
      <c r="H14" s="203">
        <v>0</v>
      </c>
      <c r="I14" s="203">
        <v>1</v>
      </c>
      <c r="J14" s="203">
        <v>0</v>
      </c>
      <c r="K14" s="203">
        <v>0</v>
      </c>
      <c r="L14" s="206">
        <v>2</v>
      </c>
      <c r="M14" s="207">
        <v>2</v>
      </c>
      <c r="N14" s="202">
        <v>0</v>
      </c>
      <c r="O14" s="203">
        <v>0</v>
      </c>
      <c r="P14" s="208">
        <v>0</v>
      </c>
      <c r="Q14" s="205">
        <v>0</v>
      </c>
      <c r="R14" s="203">
        <v>0</v>
      </c>
      <c r="S14" s="203">
        <v>1</v>
      </c>
      <c r="T14" s="203">
        <v>0</v>
      </c>
      <c r="U14" s="203">
        <v>1</v>
      </c>
      <c r="V14" s="203">
        <v>0</v>
      </c>
      <c r="W14" s="208">
        <v>2</v>
      </c>
      <c r="X14" s="207">
        <v>2</v>
      </c>
      <c r="Y14" s="202">
        <v>0</v>
      </c>
      <c r="Z14" s="203">
        <v>0</v>
      </c>
      <c r="AA14" s="208">
        <v>0</v>
      </c>
      <c r="AB14" s="205">
        <v>0</v>
      </c>
      <c r="AC14" s="203">
        <v>12</v>
      </c>
      <c r="AD14" s="203">
        <v>7</v>
      </c>
      <c r="AE14" s="203">
        <v>5</v>
      </c>
      <c r="AF14" s="203">
        <v>4</v>
      </c>
      <c r="AG14" s="203">
        <v>2</v>
      </c>
      <c r="AH14" s="208">
        <v>30</v>
      </c>
      <c r="AI14" s="207">
        <v>30</v>
      </c>
      <c r="AJ14" s="202">
        <v>0</v>
      </c>
      <c r="AK14" s="203">
        <v>0</v>
      </c>
      <c r="AL14" s="208">
        <v>0</v>
      </c>
      <c r="AM14" s="205">
        <v>0</v>
      </c>
      <c r="AN14" s="203">
        <v>1</v>
      </c>
      <c r="AO14" s="203">
        <v>3</v>
      </c>
      <c r="AP14" s="203">
        <v>1</v>
      </c>
      <c r="AQ14" s="203">
        <v>0</v>
      </c>
      <c r="AR14" s="203">
        <v>0</v>
      </c>
      <c r="AS14" s="208">
        <v>5</v>
      </c>
      <c r="AT14" s="207">
        <v>5</v>
      </c>
      <c r="AU14" s="202">
        <v>0</v>
      </c>
      <c r="AV14" s="203">
        <v>0</v>
      </c>
      <c r="AW14" s="208">
        <v>0</v>
      </c>
      <c r="AX14" s="205">
        <v>0</v>
      </c>
      <c r="AY14" s="203">
        <v>1</v>
      </c>
      <c r="AZ14" s="203">
        <v>2</v>
      </c>
      <c r="BA14" s="203">
        <v>3</v>
      </c>
      <c r="BB14" s="203">
        <v>0</v>
      </c>
      <c r="BC14" s="203">
        <v>0</v>
      </c>
      <c r="BD14" s="208">
        <v>6</v>
      </c>
      <c r="BE14" s="207">
        <v>6</v>
      </c>
      <c r="BF14" s="202">
        <v>0</v>
      </c>
      <c r="BG14" s="203">
        <v>0</v>
      </c>
      <c r="BH14" s="208">
        <v>0</v>
      </c>
      <c r="BI14" s="205">
        <v>0</v>
      </c>
      <c r="BJ14" s="203">
        <v>2</v>
      </c>
      <c r="BK14" s="203">
        <v>3</v>
      </c>
      <c r="BL14" s="203">
        <v>1</v>
      </c>
      <c r="BM14" s="203">
        <v>3</v>
      </c>
      <c r="BN14" s="203">
        <v>1</v>
      </c>
      <c r="BO14" s="206">
        <v>10</v>
      </c>
      <c r="BP14" s="207">
        <v>10</v>
      </c>
      <c r="BQ14" s="202">
        <v>0</v>
      </c>
      <c r="BR14" s="203">
        <v>0</v>
      </c>
      <c r="BS14" s="208">
        <v>0</v>
      </c>
      <c r="BT14" s="205">
        <v>0</v>
      </c>
      <c r="BU14" s="203">
        <v>0</v>
      </c>
      <c r="BV14" s="203">
        <v>0</v>
      </c>
      <c r="BW14" s="203">
        <v>0</v>
      </c>
      <c r="BX14" s="203">
        <v>0</v>
      </c>
      <c r="BY14" s="203">
        <v>0</v>
      </c>
      <c r="BZ14" s="208">
        <v>0</v>
      </c>
      <c r="CA14" s="207">
        <v>0</v>
      </c>
      <c r="CB14" s="202">
        <v>0</v>
      </c>
      <c r="CC14" s="203">
        <v>0</v>
      </c>
      <c r="CD14" s="208">
        <v>0</v>
      </c>
      <c r="CE14" s="205">
        <v>0</v>
      </c>
      <c r="CF14" s="203">
        <v>0</v>
      </c>
      <c r="CG14" s="203">
        <v>0</v>
      </c>
      <c r="CH14" s="203">
        <v>0</v>
      </c>
      <c r="CI14" s="203">
        <v>0</v>
      </c>
      <c r="CJ14" s="203">
        <v>0</v>
      </c>
      <c r="CK14" s="208">
        <v>0</v>
      </c>
      <c r="CL14" s="207">
        <v>0</v>
      </c>
      <c r="CM14" s="202">
        <v>0</v>
      </c>
      <c r="CN14" s="203">
        <v>0</v>
      </c>
      <c r="CO14" s="208">
        <v>0</v>
      </c>
      <c r="CP14" s="205">
        <v>0</v>
      </c>
      <c r="CQ14" s="203">
        <v>2</v>
      </c>
      <c r="CR14" s="203">
        <v>1</v>
      </c>
      <c r="CS14" s="203">
        <v>0</v>
      </c>
      <c r="CT14" s="203">
        <v>1</v>
      </c>
      <c r="CU14" s="203">
        <v>0</v>
      </c>
      <c r="CV14" s="208">
        <v>4</v>
      </c>
      <c r="CW14" s="207">
        <v>4</v>
      </c>
    </row>
    <row r="15" spans="2:101" ht="21" customHeight="1" x14ac:dyDescent="0.2">
      <c r="B15" s="173" t="s">
        <v>12</v>
      </c>
      <c r="C15" s="202">
        <v>0</v>
      </c>
      <c r="D15" s="208">
        <v>0</v>
      </c>
      <c r="E15" s="218">
        <v>0</v>
      </c>
      <c r="F15" s="205">
        <v>0</v>
      </c>
      <c r="G15" s="203">
        <v>1</v>
      </c>
      <c r="H15" s="203">
        <v>0</v>
      </c>
      <c r="I15" s="203">
        <v>0</v>
      </c>
      <c r="J15" s="203">
        <v>0</v>
      </c>
      <c r="K15" s="203">
        <v>0</v>
      </c>
      <c r="L15" s="206">
        <v>1</v>
      </c>
      <c r="M15" s="207">
        <v>1</v>
      </c>
      <c r="N15" s="202">
        <v>0</v>
      </c>
      <c r="O15" s="203">
        <v>0</v>
      </c>
      <c r="P15" s="208">
        <v>0</v>
      </c>
      <c r="Q15" s="205">
        <v>0</v>
      </c>
      <c r="R15" s="203">
        <v>0</v>
      </c>
      <c r="S15" s="203">
        <v>0</v>
      </c>
      <c r="T15" s="203">
        <v>0</v>
      </c>
      <c r="U15" s="203">
        <v>0</v>
      </c>
      <c r="V15" s="203">
        <v>0</v>
      </c>
      <c r="W15" s="208">
        <v>0</v>
      </c>
      <c r="X15" s="207">
        <v>0</v>
      </c>
      <c r="Y15" s="202">
        <v>0</v>
      </c>
      <c r="Z15" s="203">
        <v>0</v>
      </c>
      <c r="AA15" s="208">
        <v>0</v>
      </c>
      <c r="AB15" s="205">
        <v>0</v>
      </c>
      <c r="AC15" s="203">
        <v>23</v>
      </c>
      <c r="AD15" s="203">
        <v>20</v>
      </c>
      <c r="AE15" s="203">
        <v>9</v>
      </c>
      <c r="AF15" s="203">
        <v>4</v>
      </c>
      <c r="AG15" s="203">
        <v>1</v>
      </c>
      <c r="AH15" s="208">
        <v>57</v>
      </c>
      <c r="AI15" s="207">
        <v>57</v>
      </c>
      <c r="AJ15" s="202">
        <v>0</v>
      </c>
      <c r="AK15" s="203">
        <v>0</v>
      </c>
      <c r="AL15" s="208">
        <v>0</v>
      </c>
      <c r="AM15" s="205">
        <v>0</v>
      </c>
      <c r="AN15" s="203">
        <v>0</v>
      </c>
      <c r="AO15" s="203">
        <v>0</v>
      </c>
      <c r="AP15" s="203">
        <v>0</v>
      </c>
      <c r="AQ15" s="203">
        <v>0</v>
      </c>
      <c r="AR15" s="203">
        <v>0</v>
      </c>
      <c r="AS15" s="208">
        <v>0</v>
      </c>
      <c r="AT15" s="207">
        <v>0</v>
      </c>
      <c r="AU15" s="202">
        <v>0</v>
      </c>
      <c r="AV15" s="203">
        <v>0</v>
      </c>
      <c r="AW15" s="208">
        <v>0</v>
      </c>
      <c r="AX15" s="205">
        <v>0</v>
      </c>
      <c r="AY15" s="203">
        <v>1</v>
      </c>
      <c r="AZ15" s="203">
        <v>3</v>
      </c>
      <c r="BA15" s="203">
        <v>2</v>
      </c>
      <c r="BB15" s="203">
        <v>3</v>
      </c>
      <c r="BC15" s="203">
        <v>2</v>
      </c>
      <c r="BD15" s="208">
        <v>11</v>
      </c>
      <c r="BE15" s="207">
        <v>11</v>
      </c>
      <c r="BF15" s="202">
        <v>0</v>
      </c>
      <c r="BG15" s="203">
        <v>0</v>
      </c>
      <c r="BH15" s="208">
        <v>0</v>
      </c>
      <c r="BI15" s="205">
        <v>0</v>
      </c>
      <c r="BJ15" s="203">
        <v>2</v>
      </c>
      <c r="BK15" s="203">
        <v>1</v>
      </c>
      <c r="BL15" s="203">
        <v>1</v>
      </c>
      <c r="BM15" s="203">
        <v>3</v>
      </c>
      <c r="BN15" s="203">
        <v>2</v>
      </c>
      <c r="BO15" s="206">
        <v>9</v>
      </c>
      <c r="BP15" s="207">
        <v>9</v>
      </c>
      <c r="BQ15" s="202">
        <v>0</v>
      </c>
      <c r="BR15" s="203">
        <v>0</v>
      </c>
      <c r="BS15" s="208">
        <v>0</v>
      </c>
      <c r="BT15" s="205">
        <v>0</v>
      </c>
      <c r="BU15" s="203">
        <v>0</v>
      </c>
      <c r="BV15" s="203">
        <v>3</v>
      </c>
      <c r="BW15" s="203">
        <v>0</v>
      </c>
      <c r="BX15" s="203">
        <v>2</v>
      </c>
      <c r="BY15" s="203">
        <v>0</v>
      </c>
      <c r="BZ15" s="208">
        <v>5</v>
      </c>
      <c r="CA15" s="207">
        <v>5</v>
      </c>
      <c r="CB15" s="202">
        <v>0</v>
      </c>
      <c r="CC15" s="203">
        <v>0</v>
      </c>
      <c r="CD15" s="208">
        <v>0</v>
      </c>
      <c r="CE15" s="205">
        <v>0</v>
      </c>
      <c r="CF15" s="203">
        <v>0</v>
      </c>
      <c r="CG15" s="203">
        <v>0</v>
      </c>
      <c r="CH15" s="203">
        <v>1</v>
      </c>
      <c r="CI15" s="203">
        <v>0</v>
      </c>
      <c r="CJ15" s="203">
        <v>2</v>
      </c>
      <c r="CK15" s="208">
        <v>3</v>
      </c>
      <c r="CL15" s="207">
        <v>3</v>
      </c>
      <c r="CM15" s="202">
        <v>0</v>
      </c>
      <c r="CN15" s="203">
        <v>0</v>
      </c>
      <c r="CO15" s="208">
        <v>0</v>
      </c>
      <c r="CP15" s="205">
        <v>0</v>
      </c>
      <c r="CQ15" s="203">
        <v>0</v>
      </c>
      <c r="CR15" s="203">
        <v>1</v>
      </c>
      <c r="CS15" s="203">
        <v>0</v>
      </c>
      <c r="CT15" s="203">
        <v>2</v>
      </c>
      <c r="CU15" s="203">
        <v>0</v>
      </c>
      <c r="CV15" s="208">
        <v>3</v>
      </c>
      <c r="CW15" s="207">
        <v>3</v>
      </c>
    </row>
    <row r="16" spans="2:101" ht="21" customHeight="1" x14ac:dyDescent="0.2">
      <c r="B16" s="173" t="s">
        <v>13</v>
      </c>
      <c r="C16" s="202">
        <v>0</v>
      </c>
      <c r="D16" s="208">
        <v>0</v>
      </c>
      <c r="E16" s="218">
        <v>0</v>
      </c>
      <c r="F16" s="205">
        <v>0</v>
      </c>
      <c r="G16" s="203">
        <v>0</v>
      </c>
      <c r="H16" s="203">
        <v>0</v>
      </c>
      <c r="I16" s="203">
        <v>0</v>
      </c>
      <c r="J16" s="203">
        <v>0</v>
      </c>
      <c r="K16" s="203">
        <v>0</v>
      </c>
      <c r="L16" s="206">
        <v>0</v>
      </c>
      <c r="M16" s="207">
        <v>0</v>
      </c>
      <c r="N16" s="202">
        <v>0</v>
      </c>
      <c r="O16" s="203">
        <v>0</v>
      </c>
      <c r="P16" s="208">
        <v>0</v>
      </c>
      <c r="Q16" s="205">
        <v>0</v>
      </c>
      <c r="R16" s="203">
        <v>0</v>
      </c>
      <c r="S16" s="203">
        <v>0</v>
      </c>
      <c r="T16" s="203">
        <v>0</v>
      </c>
      <c r="U16" s="203">
        <v>0</v>
      </c>
      <c r="V16" s="203">
        <v>0</v>
      </c>
      <c r="W16" s="208">
        <v>0</v>
      </c>
      <c r="X16" s="207">
        <v>0</v>
      </c>
      <c r="Y16" s="202">
        <v>0</v>
      </c>
      <c r="Z16" s="203">
        <v>0</v>
      </c>
      <c r="AA16" s="208">
        <v>0</v>
      </c>
      <c r="AB16" s="205">
        <v>0</v>
      </c>
      <c r="AC16" s="203">
        <v>19</v>
      </c>
      <c r="AD16" s="203">
        <v>13</v>
      </c>
      <c r="AE16" s="203">
        <v>6</v>
      </c>
      <c r="AF16" s="203">
        <v>4</v>
      </c>
      <c r="AG16" s="203">
        <v>0</v>
      </c>
      <c r="AH16" s="208">
        <v>42</v>
      </c>
      <c r="AI16" s="207">
        <v>42</v>
      </c>
      <c r="AJ16" s="202">
        <v>0</v>
      </c>
      <c r="AK16" s="203">
        <v>0</v>
      </c>
      <c r="AL16" s="208">
        <v>0</v>
      </c>
      <c r="AM16" s="205">
        <v>0</v>
      </c>
      <c r="AN16" s="203">
        <v>0</v>
      </c>
      <c r="AO16" s="203">
        <v>1</v>
      </c>
      <c r="AP16" s="203">
        <v>3</v>
      </c>
      <c r="AQ16" s="203">
        <v>1</v>
      </c>
      <c r="AR16" s="203">
        <v>1</v>
      </c>
      <c r="AS16" s="208">
        <v>6</v>
      </c>
      <c r="AT16" s="207">
        <v>6</v>
      </c>
      <c r="AU16" s="202">
        <v>0</v>
      </c>
      <c r="AV16" s="203">
        <v>1</v>
      </c>
      <c r="AW16" s="208">
        <v>1</v>
      </c>
      <c r="AX16" s="205">
        <v>0</v>
      </c>
      <c r="AY16" s="203">
        <v>1</v>
      </c>
      <c r="AZ16" s="203">
        <v>1</v>
      </c>
      <c r="BA16" s="203">
        <v>0</v>
      </c>
      <c r="BB16" s="203">
        <v>0</v>
      </c>
      <c r="BC16" s="203">
        <v>0</v>
      </c>
      <c r="BD16" s="208">
        <v>2</v>
      </c>
      <c r="BE16" s="207">
        <v>3</v>
      </c>
      <c r="BF16" s="202">
        <v>0</v>
      </c>
      <c r="BG16" s="203">
        <v>0</v>
      </c>
      <c r="BH16" s="208">
        <v>0</v>
      </c>
      <c r="BI16" s="205">
        <v>0</v>
      </c>
      <c r="BJ16" s="203">
        <v>1</v>
      </c>
      <c r="BK16" s="203">
        <v>0</v>
      </c>
      <c r="BL16" s="203">
        <v>1</v>
      </c>
      <c r="BM16" s="203">
        <v>1</v>
      </c>
      <c r="BN16" s="203">
        <v>0</v>
      </c>
      <c r="BO16" s="206">
        <v>3</v>
      </c>
      <c r="BP16" s="207">
        <v>3</v>
      </c>
      <c r="BQ16" s="202">
        <v>0</v>
      </c>
      <c r="BR16" s="203">
        <v>0</v>
      </c>
      <c r="BS16" s="208">
        <v>0</v>
      </c>
      <c r="BT16" s="205">
        <v>0</v>
      </c>
      <c r="BU16" s="203">
        <v>0</v>
      </c>
      <c r="BV16" s="203">
        <v>0</v>
      </c>
      <c r="BW16" s="203">
        <v>0</v>
      </c>
      <c r="BX16" s="203">
        <v>0</v>
      </c>
      <c r="BY16" s="203">
        <v>0</v>
      </c>
      <c r="BZ16" s="208">
        <v>0</v>
      </c>
      <c r="CA16" s="207">
        <v>0</v>
      </c>
      <c r="CB16" s="202">
        <v>0</v>
      </c>
      <c r="CC16" s="203">
        <v>0</v>
      </c>
      <c r="CD16" s="208">
        <v>0</v>
      </c>
      <c r="CE16" s="205">
        <v>0</v>
      </c>
      <c r="CF16" s="203">
        <v>0</v>
      </c>
      <c r="CG16" s="203">
        <v>0</v>
      </c>
      <c r="CH16" s="203">
        <v>0</v>
      </c>
      <c r="CI16" s="203">
        <v>0</v>
      </c>
      <c r="CJ16" s="203">
        <v>0</v>
      </c>
      <c r="CK16" s="208">
        <v>0</v>
      </c>
      <c r="CL16" s="207">
        <v>0</v>
      </c>
      <c r="CM16" s="202">
        <v>0</v>
      </c>
      <c r="CN16" s="203">
        <v>0</v>
      </c>
      <c r="CO16" s="208">
        <v>0</v>
      </c>
      <c r="CP16" s="205">
        <v>0</v>
      </c>
      <c r="CQ16" s="203">
        <v>0</v>
      </c>
      <c r="CR16" s="203">
        <v>0</v>
      </c>
      <c r="CS16" s="203">
        <v>0</v>
      </c>
      <c r="CT16" s="203">
        <v>0</v>
      </c>
      <c r="CU16" s="203">
        <v>0</v>
      </c>
      <c r="CV16" s="208">
        <v>0</v>
      </c>
      <c r="CW16" s="207">
        <v>0</v>
      </c>
    </row>
    <row r="17" spans="2:101" ht="21" customHeight="1" x14ac:dyDescent="0.2">
      <c r="B17" s="173" t="s">
        <v>15</v>
      </c>
      <c r="C17" s="202">
        <v>0</v>
      </c>
      <c r="D17" s="208">
        <v>0</v>
      </c>
      <c r="E17" s="218">
        <v>0</v>
      </c>
      <c r="F17" s="205">
        <v>0</v>
      </c>
      <c r="G17" s="203">
        <v>2</v>
      </c>
      <c r="H17" s="203">
        <v>0</v>
      </c>
      <c r="I17" s="203">
        <v>0</v>
      </c>
      <c r="J17" s="203">
        <v>1</v>
      </c>
      <c r="K17" s="203">
        <v>0</v>
      </c>
      <c r="L17" s="206">
        <v>3</v>
      </c>
      <c r="M17" s="207">
        <v>3</v>
      </c>
      <c r="N17" s="202">
        <v>0</v>
      </c>
      <c r="O17" s="203">
        <v>0</v>
      </c>
      <c r="P17" s="208">
        <v>0</v>
      </c>
      <c r="Q17" s="205">
        <v>0</v>
      </c>
      <c r="R17" s="203">
        <v>0</v>
      </c>
      <c r="S17" s="203">
        <v>0</v>
      </c>
      <c r="T17" s="203">
        <v>0</v>
      </c>
      <c r="U17" s="203">
        <v>0</v>
      </c>
      <c r="V17" s="203">
        <v>0</v>
      </c>
      <c r="W17" s="208">
        <v>0</v>
      </c>
      <c r="X17" s="207">
        <v>0</v>
      </c>
      <c r="Y17" s="202">
        <v>0</v>
      </c>
      <c r="Z17" s="203">
        <v>0</v>
      </c>
      <c r="AA17" s="208">
        <v>0</v>
      </c>
      <c r="AB17" s="205">
        <v>0</v>
      </c>
      <c r="AC17" s="203">
        <v>7</v>
      </c>
      <c r="AD17" s="203">
        <v>6</v>
      </c>
      <c r="AE17" s="203">
        <v>2</v>
      </c>
      <c r="AF17" s="203">
        <v>2</v>
      </c>
      <c r="AG17" s="203">
        <v>0</v>
      </c>
      <c r="AH17" s="208">
        <v>17</v>
      </c>
      <c r="AI17" s="207">
        <v>17</v>
      </c>
      <c r="AJ17" s="202">
        <v>0</v>
      </c>
      <c r="AK17" s="203">
        <v>1</v>
      </c>
      <c r="AL17" s="208">
        <v>1</v>
      </c>
      <c r="AM17" s="205">
        <v>0</v>
      </c>
      <c r="AN17" s="203">
        <v>1</v>
      </c>
      <c r="AO17" s="203">
        <v>0</v>
      </c>
      <c r="AP17" s="203">
        <v>0</v>
      </c>
      <c r="AQ17" s="203">
        <v>1</v>
      </c>
      <c r="AR17" s="203">
        <v>0</v>
      </c>
      <c r="AS17" s="208">
        <v>2</v>
      </c>
      <c r="AT17" s="207">
        <v>3</v>
      </c>
      <c r="AU17" s="202">
        <v>0</v>
      </c>
      <c r="AV17" s="203">
        <v>0</v>
      </c>
      <c r="AW17" s="208">
        <v>0</v>
      </c>
      <c r="AX17" s="205">
        <v>0</v>
      </c>
      <c r="AY17" s="203">
        <v>1</v>
      </c>
      <c r="AZ17" s="203">
        <v>0</v>
      </c>
      <c r="BA17" s="203">
        <v>0</v>
      </c>
      <c r="BB17" s="203">
        <v>0</v>
      </c>
      <c r="BC17" s="203">
        <v>1</v>
      </c>
      <c r="BD17" s="208">
        <v>2</v>
      </c>
      <c r="BE17" s="207">
        <v>2</v>
      </c>
      <c r="BF17" s="202">
        <v>0</v>
      </c>
      <c r="BG17" s="203">
        <v>0</v>
      </c>
      <c r="BH17" s="208">
        <v>0</v>
      </c>
      <c r="BI17" s="205">
        <v>0</v>
      </c>
      <c r="BJ17" s="203">
        <v>2</v>
      </c>
      <c r="BK17" s="203">
        <v>2</v>
      </c>
      <c r="BL17" s="203">
        <v>1</v>
      </c>
      <c r="BM17" s="203">
        <v>0</v>
      </c>
      <c r="BN17" s="203">
        <v>0</v>
      </c>
      <c r="BO17" s="206">
        <v>5</v>
      </c>
      <c r="BP17" s="207">
        <v>5</v>
      </c>
      <c r="BQ17" s="202">
        <v>0</v>
      </c>
      <c r="BR17" s="203">
        <v>0</v>
      </c>
      <c r="BS17" s="208">
        <v>0</v>
      </c>
      <c r="BT17" s="205">
        <v>0</v>
      </c>
      <c r="BU17" s="203">
        <v>0</v>
      </c>
      <c r="BV17" s="203">
        <v>0</v>
      </c>
      <c r="BW17" s="203">
        <v>0</v>
      </c>
      <c r="BX17" s="203">
        <v>0</v>
      </c>
      <c r="BY17" s="203">
        <v>0</v>
      </c>
      <c r="BZ17" s="208">
        <v>0</v>
      </c>
      <c r="CA17" s="207">
        <v>0</v>
      </c>
      <c r="CB17" s="202">
        <v>0</v>
      </c>
      <c r="CC17" s="203">
        <v>0</v>
      </c>
      <c r="CD17" s="208">
        <v>0</v>
      </c>
      <c r="CE17" s="205">
        <v>0</v>
      </c>
      <c r="CF17" s="203">
        <v>0</v>
      </c>
      <c r="CG17" s="203">
        <v>0</v>
      </c>
      <c r="CH17" s="203">
        <v>0</v>
      </c>
      <c r="CI17" s="203">
        <v>0</v>
      </c>
      <c r="CJ17" s="203">
        <v>0</v>
      </c>
      <c r="CK17" s="208">
        <v>0</v>
      </c>
      <c r="CL17" s="207">
        <v>0</v>
      </c>
      <c r="CM17" s="202">
        <v>0</v>
      </c>
      <c r="CN17" s="203">
        <v>0</v>
      </c>
      <c r="CO17" s="208">
        <v>0</v>
      </c>
      <c r="CP17" s="205">
        <v>0</v>
      </c>
      <c r="CQ17" s="203">
        <v>0</v>
      </c>
      <c r="CR17" s="203">
        <v>1</v>
      </c>
      <c r="CS17" s="203">
        <v>2</v>
      </c>
      <c r="CT17" s="203">
        <v>0</v>
      </c>
      <c r="CU17" s="203">
        <v>0</v>
      </c>
      <c r="CV17" s="208">
        <v>3</v>
      </c>
      <c r="CW17" s="207">
        <v>3</v>
      </c>
    </row>
    <row r="18" spans="2:101" ht="21" customHeight="1" x14ac:dyDescent="0.2">
      <c r="B18" s="173" t="s">
        <v>16</v>
      </c>
      <c r="C18" s="202">
        <v>0</v>
      </c>
      <c r="D18" s="208">
        <v>0</v>
      </c>
      <c r="E18" s="218">
        <v>0</v>
      </c>
      <c r="F18" s="205">
        <v>0</v>
      </c>
      <c r="G18" s="203">
        <v>0</v>
      </c>
      <c r="H18" s="203">
        <v>0</v>
      </c>
      <c r="I18" s="203">
        <v>1</v>
      </c>
      <c r="J18" s="203">
        <v>1</v>
      </c>
      <c r="K18" s="203">
        <v>0</v>
      </c>
      <c r="L18" s="206">
        <v>2</v>
      </c>
      <c r="M18" s="207">
        <v>2</v>
      </c>
      <c r="N18" s="202">
        <v>0</v>
      </c>
      <c r="O18" s="203">
        <v>0</v>
      </c>
      <c r="P18" s="208">
        <v>0</v>
      </c>
      <c r="Q18" s="205">
        <v>0</v>
      </c>
      <c r="R18" s="203">
        <v>0</v>
      </c>
      <c r="S18" s="203">
        <v>0</v>
      </c>
      <c r="T18" s="203">
        <v>0</v>
      </c>
      <c r="U18" s="203">
        <v>0</v>
      </c>
      <c r="V18" s="203">
        <v>0</v>
      </c>
      <c r="W18" s="208">
        <v>0</v>
      </c>
      <c r="X18" s="207">
        <v>0</v>
      </c>
      <c r="Y18" s="202">
        <v>0</v>
      </c>
      <c r="Z18" s="203">
        <v>0</v>
      </c>
      <c r="AA18" s="208">
        <v>0</v>
      </c>
      <c r="AB18" s="205">
        <v>0</v>
      </c>
      <c r="AC18" s="203">
        <v>9</v>
      </c>
      <c r="AD18" s="203">
        <v>11</v>
      </c>
      <c r="AE18" s="203">
        <v>6</v>
      </c>
      <c r="AF18" s="203">
        <v>2</v>
      </c>
      <c r="AG18" s="203">
        <v>1</v>
      </c>
      <c r="AH18" s="208">
        <v>29</v>
      </c>
      <c r="AI18" s="207">
        <v>29</v>
      </c>
      <c r="AJ18" s="202">
        <v>0</v>
      </c>
      <c r="AK18" s="203">
        <v>0</v>
      </c>
      <c r="AL18" s="208">
        <v>0</v>
      </c>
      <c r="AM18" s="205">
        <v>0</v>
      </c>
      <c r="AN18" s="203">
        <v>1</v>
      </c>
      <c r="AO18" s="203">
        <v>1</v>
      </c>
      <c r="AP18" s="203">
        <v>1</v>
      </c>
      <c r="AQ18" s="203">
        <v>0</v>
      </c>
      <c r="AR18" s="203">
        <v>0</v>
      </c>
      <c r="AS18" s="208">
        <v>3</v>
      </c>
      <c r="AT18" s="207">
        <v>3</v>
      </c>
      <c r="AU18" s="202">
        <v>0</v>
      </c>
      <c r="AV18" s="203">
        <v>0</v>
      </c>
      <c r="AW18" s="208">
        <v>0</v>
      </c>
      <c r="AX18" s="205">
        <v>0</v>
      </c>
      <c r="AY18" s="203">
        <v>0</v>
      </c>
      <c r="AZ18" s="203">
        <v>0</v>
      </c>
      <c r="BA18" s="203">
        <v>2</v>
      </c>
      <c r="BB18" s="203">
        <v>1</v>
      </c>
      <c r="BC18" s="203">
        <v>0</v>
      </c>
      <c r="BD18" s="208">
        <v>3</v>
      </c>
      <c r="BE18" s="207">
        <v>3</v>
      </c>
      <c r="BF18" s="202">
        <v>0</v>
      </c>
      <c r="BG18" s="203">
        <v>0</v>
      </c>
      <c r="BH18" s="208">
        <v>0</v>
      </c>
      <c r="BI18" s="205">
        <v>0</v>
      </c>
      <c r="BJ18" s="203">
        <v>0</v>
      </c>
      <c r="BK18" s="203">
        <v>3</v>
      </c>
      <c r="BL18" s="203">
        <v>1</v>
      </c>
      <c r="BM18" s="203">
        <v>1</v>
      </c>
      <c r="BN18" s="203">
        <v>3</v>
      </c>
      <c r="BO18" s="206">
        <v>8</v>
      </c>
      <c r="BP18" s="207">
        <v>8</v>
      </c>
      <c r="BQ18" s="202">
        <v>0</v>
      </c>
      <c r="BR18" s="203">
        <v>0</v>
      </c>
      <c r="BS18" s="208">
        <v>0</v>
      </c>
      <c r="BT18" s="205">
        <v>0</v>
      </c>
      <c r="BU18" s="203">
        <v>0</v>
      </c>
      <c r="BV18" s="203">
        <v>0</v>
      </c>
      <c r="BW18" s="203">
        <v>0</v>
      </c>
      <c r="BX18" s="203">
        <v>0</v>
      </c>
      <c r="BY18" s="203">
        <v>0</v>
      </c>
      <c r="BZ18" s="208">
        <v>0</v>
      </c>
      <c r="CA18" s="207">
        <v>0</v>
      </c>
      <c r="CB18" s="202">
        <v>0</v>
      </c>
      <c r="CC18" s="203">
        <v>0</v>
      </c>
      <c r="CD18" s="208">
        <v>0</v>
      </c>
      <c r="CE18" s="205">
        <v>0</v>
      </c>
      <c r="CF18" s="203">
        <v>0</v>
      </c>
      <c r="CG18" s="203">
        <v>0</v>
      </c>
      <c r="CH18" s="203">
        <v>0</v>
      </c>
      <c r="CI18" s="203">
        <v>0</v>
      </c>
      <c r="CJ18" s="203">
        <v>0</v>
      </c>
      <c r="CK18" s="208">
        <v>0</v>
      </c>
      <c r="CL18" s="207">
        <v>0</v>
      </c>
      <c r="CM18" s="202">
        <v>0</v>
      </c>
      <c r="CN18" s="203">
        <v>0</v>
      </c>
      <c r="CO18" s="208">
        <v>0</v>
      </c>
      <c r="CP18" s="205">
        <v>0</v>
      </c>
      <c r="CQ18" s="203">
        <v>0</v>
      </c>
      <c r="CR18" s="203">
        <v>1</v>
      </c>
      <c r="CS18" s="203">
        <v>0</v>
      </c>
      <c r="CT18" s="203">
        <v>0</v>
      </c>
      <c r="CU18" s="203">
        <v>0</v>
      </c>
      <c r="CV18" s="208">
        <v>1</v>
      </c>
      <c r="CW18" s="207">
        <v>1</v>
      </c>
    </row>
    <row r="19" spans="2:101" ht="21" customHeight="1" x14ac:dyDescent="0.2">
      <c r="B19" s="173" t="s">
        <v>17</v>
      </c>
      <c r="C19" s="202">
        <v>0</v>
      </c>
      <c r="D19" s="208">
        <v>0</v>
      </c>
      <c r="E19" s="218">
        <v>0</v>
      </c>
      <c r="F19" s="205">
        <v>0</v>
      </c>
      <c r="G19" s="203">
        <v>0</v>
      </c>
      <c r="H19" s="203">
        <v>0</v>
      </c>
      <c r="I19" s="203">
        <v>0</v>
      </c>
      <c r="J19" s="203">
        <v>0</v>
      </c>
      <c r="K19" s="203">
        <v>1</v>
      </c>
      <c r="L19" s="206">
        <v>1</v>
      </c>
      <c r="M19" s="207">
        <v>1</v>
      </c>
      <c r="N19" s="202">
        <v>0</v>
      </c>
      <c r="O19" s="203">
        <v>0</v>
      </c>
      <c r="P19" s="208">
        <v>0</v>
      </c>
      <c r="Q19" s="205">
        <v>0</v>
      </c>
      <c r="R19" s="203">
        <v>0</v>
      </c>
      <c r="S19" s="203">
        <v>0</v>
      </c>
      <c r="T19" s="203">
        <v>0</v>
      </c>
      <c r="U19" s="203">
        <v>0</v>
      </c>
      <c r="V19" s="203">
        <v>0</v>
      </c>
      <c r="W19" s="208">
        <v>0</v>
      </c>
      <c r="X19" s="207">
        <v>0</v>
      </c>
      <c r="Y19" s="202">
        <v>0</v>
      </c>
      <c r="Z19" s="203">
        <v>0</v>
      </c>
      <c r="AA19" s="208">
        <v>0</v>
      </c>
      <c r="AB19" s="205">
        <v>0</v>
      </c>
      <c r="AC19" s="203">
        <v>26</v>
      </c>
      <c r="AD19" s="203">
        <v>22</v>
      </c>
      <c r="AE19" s="203">
        <v>9</v>
      </c>
      <c r="AF19" s="203">
        <v>2</v>
      </c>
      <c r="AG19" s="203">
        <v>0</v>
      </c>
      <c r="AH19" s="208">
        <v>59</v>
      </c>
      <c r="AI19" s="207">
        <v>59</v>
      </c>
      <c r="AJ19" s="202">
        <v>1</v>
      </c>
      <c r="AK19" s="203">
        <v>0</v>
      </c>
      <c r="AL19" s="208">
        <v>1</v>
      </c>
      <c r="AM19" s="205">
        <v>0</v>
      </c>
      <c r="AN19" s="203">
        <v>2</v>
      </c>
      <c r="AO19" s="203">
        <v>2</v>
      </c>
      <c r="AP19" s="203">
        <v>0</v>
      </c>
      <c r="AQ19" s="203">
        <v>0</v>
      </c>
      <c r="AR19" s="203">
        <v>0</v>
      </c>
      <c r="AS19" s="208">
        <v>4</v>
      </c>
      <c r="AT19" s="207">
        <v>5</v>
      </c>
      <c r="AU19" s="202">
        <v>0</v>
      </c>
      <c r="AV19" s="203">
        <v>0</v>
      </c>
      <c r="AW19" s="208">
        <v>0</v>
      </c>
      <c r="AX19" s="205">
        <v>0</v>
      </c>
      <c r="AY19" s="203">
        <v>1</v>
      </c>
      <c r="AZ19" s="203">
        <v>1</v>
      </c>
      <c r="BA19" s="203">
        <v>1</v>
      </c>
      <c r="BB19" s="203">
        <v>1</v>
      </c>
      <c r="BC19" s="203">
        <v>1</v>
      </c>
      <c r="BD19" s="208">
        <v>5</v>
      </c>
      <c r="BE19" s="207">
        <v>5</v>
      </c>
      <c r="BF19" s="202">
        <v>0</v>
      </c>
      <c r="BG19" s="203">
        <v>0</v>
      </c>
      <c r="BH19" s="208">
        <v>0</v>
      </c>
      <c r="BI19" s="205">
        <v>0</v>
      </c>
      <c r="BJ19" s="203">
        <v>2</v>
      </c>
      <c r="BK19" s="203">
        <v>3</v>
      </c>
      <c r="BL19" s="203">
        <v>5</v>
      </c>
      <c r="BM19" s="203">
        <v>1</v>
      </c>
      <c r="BN19" s="203">
        <v>0</v>
      </c>
      <c r="BO19" s="206">
        <v>11</v>
      </c>
      <c r="BP19" s="207">
        <v>11</v>
      </c>
      <c r="BQ19" s="202">
        <v>0</v>
      </c>
      <c r="BR19" s="203">
        <v>0</v>
      </c>
      <c r="BS19" s="208">
        <v>0</v>
      </c>
      <c r="BT19" s="205">
        <v>0</v>
      </c>
      <c r="BU19" s="203">
        <v>0</v>
      </c>
      <c r="BV19" s="203">
        <v>0</v>
      </c>
      <c r="BW19" s="203">
        <v>0</v>
      </c>
      <c r="BX19" s="203">
        <v>0</v>
      </c>
      <c r="BY19" s="203">
        <v>0</v>
      </c>
      <c r="BZ19" s="208">
        <v>0</v>
      </c>
      <c r="CA19" s="207">
        <v>0</v>
      </c>
      <c r="CB19" s="202">
        <v>0</v>
      </c>
      <c r="CC19" s="203">
        <v>0</v>
      </c>
      <c r="CD19" s="208">
        <v>0</v>
      </c>
      <c r="CE19" s="205">
        <v>0</v>
      </c>
      <c r="CF19" s="203">
        <v>0</v>
      </c>
      <c r="CG19" s="203">
        <v>0</v>
      </c>
      <c r="CH19" s="203">
        <v>1</v>
      </c>
      <c r="CI19" s="203">
        <v>2</v>
      </c>
      <c r="CJ19" s="203">
        <v>0</v>
      </c>
      <c r="CK19" s="208">
        <v>3</v>
      </c>
      <c r="CL19" s="207">
        <v>3</v>
      </c>
      <c r="CM19" s="202">
        <v>0</v>
      </c>
      <c r="CN19" s="203">
        <v>0</v>
      </c>
      <c r="CO19" s="208">
        <v>0</v>
      </c>
      <c r="CP19" s="205">
        <v>0</v>
      </c>
      <c r="CQ19" s="203">
        <v>0</v>
      </c>
      <c r="CR19" s="203">
        <v>0</v>
      </c>
      <c r="CS19" s="203">
        <v>1</v>
      </c>
      <c r="CT19" s="203">
        <v>0</v>
      </c>
      <c r="CU19" s="203">
        <v>0</v>
      </c>
      <c r="CV19" s="208">
        <v>1</v>
      </c>
      <c r="CW19" s="207">
        <v>1</v>
      </c>
    </row>
    <row r="20" spans="2:101" ht="21" customHeight="1" x14ac:dyDescent="0.2">
      <c r="B20" s="173" t="s">
        <v>18</v>
      </c>
      <c r="C20" s="202">
        <v>0</v>
      </c>
      <c r="D20" s="208">
        <v>0</v>
      </c>
      <c r="E20" s="218">
        <v>0</v>
      </c>
      <c r="F20" s="205">
        <v>0</v>
      </c>
      <c r="G20" s="203">
        <v>0</v>
      </c>
      <c r="H20" s="203">
        <v>0</v>
      </c>
      <c r="I20" s="203">
        <v>0</v>
      </c>
      <c r="J20" s="203">
        <v>0</v>
      </c>
      <c r="K20" s="203">
        <v>1</v>
      </c>
      <c r="L20" s="206">
        <v>1</v>
      </c>
      <c r="M20" s="207">
        <v>1</v>
      </c>
      <c r="N20" s="202">
        <v>0</v>
      </c>
      <c r="O20" s="203">
        <v>0</v>
      </c>
      <c r="P20" s="208">
        <v>0</v>
      </c>
      <c r="Q20" s="205">
        <v>0</v>
      </c>
      <c r="R20" s="203">
        <v>0</v>
      </c>
      <c r="S20" s="203">
        <v>0</v>
      </c>
      <c r="T20" s="203">
        <v>0</v>
      </c>
      <c r="U20" s="203">
        <v>0</v>
      </c>
      <c r="V20" s="203">
        <v>0</v>
      </c>
      <c r="W20" s="208">
        <v>0</v>
      </c>
      <c r="X20" s="207">
        <v>0</v>
      </c>
      <c r="Y20" s="202">
        <v>0</v>
      </c>
      <c r="Z20" s="203">
        <v>0</v>
      </c>
      <c r="AA20" s="208">
        <v>0</v>
      </c>
      <c r="AB20" s="205">
        <v>0</v>
      </c>
      <c r="AC20" s="203">
        <v>18</v>
      </c>
      <c r="AD20" s="203">
        <v>14</v>
      </c>
      <c r="AE20" s="203">
        <v>3</v>
      </c>
      <c r="AF20" s="203">
        <v>0</v>
      </c>
      <c r="AG20" s="203">
        <v>0</v>
      </c>
      <c r="AH20" s="208">
        <v>35</v>
      </c>
      <c r="AI20" s="207">
        <v>35</v>
      </c>
      <c r="AJ20" s="202">
        <v>0</v>
      </c>
      <c r="AK20" s="203">
        <v>0</v>
      </c>
      <c r="AL20" s="208">
        <v>0</v>
      </c>
      <c r="AM20" s="205">
        <v>0</v>
      </c>
      <c r="AN20" s="203">
        <v>0</v>
      </c>
      <c r="AO20" s="203">
        <v>2</v>
      </c>
      <c r="AP20" s="203">
        <v>4</v>
      </c>
      <c r="AQ20" s="203">
        <v>1</v>
      </c>
      <c r="AR20" s="203">
        <v>0</v>
      </c>
      <c r="AS20" s="208">
        <v>7</v>
      </c>
      <c r="AT20" s="207">
        <v>7</v>
      </c>
      <c r="AU20" s="202">
        <v>1</v>
      </c>
      <c r="AV20" s="203">
        <v>0</v>
      </c>
      <c r="AW20" s="208">
        <v>1</v>
      </c>
      <c r="AX20" s="205">
        <v>0</v>
      </c>
      <c r="AY20" s="203">
        <v>3</v>
      </c>
      <c r="AZ20" s="203">
        <v>2</v>
      </c>
      <c r="BA20" s="203">
        <v>6</v>
      </c>
      <c r="BB20" s="203">
        <v>1</v>
      </c>
      <c r="BC20" s="203">
        <v>0</v>
      </c>
      <c r="BD20" s="208">
        <v>12</v>
      </c>
      <c r="BE20" s="207">
        <v>13</v>
      </c>
      <c r="BF20" s="202">
        <v>0</v>
      </c>
      <c r="BG20" s="203">
        <v>0</v>
      </c>
      <c r="BH20" s="208">
        <v>0</v>
      </c>
      <c r="BI20" s="205">
        <v>0</v>
      </c>
      <c r="BJ20" s="203">
        <v>2</v>
      </c>
      <c r="BK20" s="203">
        <v>3</v>
      </c>
      <c r="BL20" s="203">
        <v>5</v>
      </c>
      <c r="BM20" s="203">
        <v>4</v>
      </c>
      <c r="BN20" s="203">
        <v>2</v>
      </c>
      <c r="BO20" s="206">
        <v>16</v>
      </c>
      <c r="BP20" s="207">
        <v>16</v>
      </c>
      <c r="BQ20" s="202">
        <v>0</v>
      </c>
      <c r="BR20" s="203">
        <v>0</v>
      </c>
      <c r="BS20" s="208">
        <v>0</v>
      </c>
      <c r="BT20" s="205">
        <v>0</v>
      </c>
      <c r="BU20" s="203">
        <v>0</v>
      </c>
      <c r="BV20" s="203">
        <v>0</v>
      </c>
      <c r="BW20" s="203">
        <v>0</v>
      </c>
      <c r="BX20" s="203">
        <v>0</v>
      </c>
      <c r="BY20" s="203">
        <v>0</v>
      </c>
      <c r="BZ20" s="208">
        <v>0</v>
      </c>
      <c r="CA20" s="207">
        <v>0</v>
      </c>
      <c r="CB20" s="202">
        <v>0</v>
      </c>
      <c r="CC20" s="203">
        <v>0</v>
      </c>
      <c r="CD20" s="208">
        <v>0</v>
      </c>
      <c r="CE20" s="205">
        <v>0</v>
      </c>
      <c r="CF20" s="203">
        <v>0</v>
      </c>
      <c r="CG20" s="203">
        <v>0</v>
      </c>
      <c r="CH20" s="203">
        <v>1</v>
      </c>
      <c r="CI20" s="203">
        <v>1</v>
      </c>
      <c r="CJ20" s="203">
        <v>0</v>
      </c>
      <c r="CK20" s="208">
        <v>2</v>
      </c>
      <c r="CL20" s="207">
        <v>2</v>
      </c>
      <c r="CM20" s="202">
        <v>0</v>
      </c>
      <c r="CN20" s="203">
        <v>0</v>
      </c>
      <c r="CO20" s="208">
        <v>0</v>
      </c>
      <c r="CP20" s="205">
        <v>0</v>
      </c>
      <c r="CQ20" s="203">
        <v>0</v>
      </c>
      <c r="CR20" s="203">
        <v>0</v>
      </c>
      <c r="CS20" s="203">
        <v>2</v>
      </c>
      <c r="CT20" s="203">
        <v>2</v>
      </c>
      <c r="CU20" s="203">
        <v>0</v>
      </c>
      <c r="CV20" s="208">
        <v>4</v>
      </c>
      <c r="CW20" s="207">
        <v>4</v>
      </c>
    </row>
    <row r="21" spans="2:101" ht="21" customHeight="1" x14ac:dyDescent="0.2">
      <c r="B21" s="173" t="s">
        <v>19</v>
      </c>
      <c r="C21" s="202">
        <v>0</v>
      </c>
      <c r="D21" s="208">
        <v>0</v>
      </c>
      <c r="E21" s="218">
        <v>0</v>
      </c>
      <c r="F21" s="205">
        <v>0</v>
      </c>
      <c r="G21" s="203">
        <v>0</v>
      </c>
      <c r="H21" s="203">
        <v>0</v>
      </c>
      <c r="I21" s="203">
        <v>0</v>
      </c>
      <c r="J21" s="203">
        <v>0</v>
      </c>
      <c r="K21" s="203">
        <v>1</v>
      </c>
      <c r="L21" s="206">
        <v>1</v>
      </c>
      <c r="M21" s="207">
        <v>1</v>
      </c>
      <c r="N21" s="202">
        <v>0</v>
      </c>
      <c r="O21" s="203">
        <v>0</v>
      </c>
      <c r="P21" s="208">
        <v>0</v>
      </c>
      <c r="Q21" s="205">
        <v>0</v>
      </c>
      <c r="R21" s="203">
        <v>0</v>
      </c>
      <c r="S21" s="203">
        <v>0</v>
      </c>
      <c r="T21" s="203">
        <v>0</v>
      </c>
      <c r="U21" s="203">
        <v>0</v>
      </c>
      <c r="V21" s="203">
        <v>0</v>
      </c>
      <c r="W21" s="208">
        <v>0</v>
      </c>
      <c r="X21" s="207">
        <v>0</v>
      </c>
      <c r="Y21" s="202">
        <v>0</v>
      </c>
      <c r="Z21" s="203">
        <v>0</v>
      </c>
      <c r="AA21" s="208">
        <v>0</v>
      </c>
      <c r="AB21" s="205">
        <v>0</v>
      </c>
      <c r="AC21" s="203">
        <v>7</v>
      </c>
      <c r="AD21" s="203">
        <v>4</v>
      </c>
      <c r="AE21" s="203">
        <v>2</v>
      </c>
      <c r="AF21" s="203">
        <v>0</v>
      </c>
      <c r="AG21" s="203">
        <v>0</v>
      </c>
      <c r="AH21" s="208">
        <v>13</v>
      </c>
      <c r="AI21" s="207">
        <v>13</v>
      </c>
      <c r="AJ21" s="202">
        <v>0</v>
      </c>
      <c r="AK21" s="203">
        <v>0</v>
      </c>
      <c r="AL21" s="208">
        <v>0</v>
      </c>
      <c r="AM21" s="205">
        <v>0</v>
      </c>
      <c r="AN21" s="203">
        <v>2</v>
      </c>
      <c r="AO21" s="203">
        <v>2</v>
      </c>
      <c r="AP21" s="203">
        <v>4</v>
      </c>
      <c r="AQ21" s="203">
        <v>0</v>
      </c>
      <c r="AR21" s="203">
        <v>0</v>
      </c>
      <c r="AS21" s="208">
        <v>8</v>
      </c>
      <c r="AT21" s="207">
        <v>8</v>
      </c>
      <c r="AU21" s="202">
        <v>0</v>
      </c>
      <c r="AV21" s="203">
        <v>0</v>
      </c>
      <c r="AW21" s="208">
        <v>0</v>
      </c>
      <c r="AX21" s="205">
        <v>0</v>
      </c>
      <c r="AY21" s="203">
        <v>2</v>
      </c>
      <c r="AZ21" s="203">
        <v>2</v>
      </c>
      <c r="BA21" s="203">
        <v>2</v>
      </c>
      <c r="BB21" s="203">
        <v>1</v>
      </c>
      <c r="BC21" s="203">
        <v>0</v>
      </c>
      <c r="BD21" s="208">
        <v>7</v>
      </c>
      <c r="BE21" s="207">
        <v>7</v>
      </c>
      <c r="BF21" s="202">
        <v>0</v>
      </c>
      <c r="BG21" s="203">
        <v>0</v>
      </c>
      <c r="BH21" s="208">
        <v>0</v>
      </c>
      <c r="BI21" s="205">
        <v>0</v>
      </c>
      <c r="BJ21" s="203">
        <v>1</v>
      </c>
      <c r="BK21" s="203">
        <v>2</v>
      </c>
      <c r="BL21" s="203">
        <v>0</v>
      </c>
      <c r="BM21" s="203">
        <v>1</v>
      </c>
      <c r="BN21" s="203">
        <v>0</v>
      </c>
      <c r="BO21" s="206">
        <v>4</v>
      </c>
      <c r="BP21" s="207">
        <v>4</v>
      </c>
      <c r="BQ21" s="202">
        <v>0</v>
      </c>
      <c r="BR21" s="203">
        <v>0</v>
      </c>
      <c r="BS21" s="208">
        <v>0</v>
      </c>
      <c r="BT21" s="205">
        <v>0</v>
      </c>
      <c r="BU21" s="203">
        <v>0</v>
      </c>
      <c r="BV21" s="203">
        <v>0</v>
      </c>
      <c r="BW21" s="203">
        <v>0</v>
      </c>
      <c r="BX21" s="203">
        <v>0</v>
      </c>
      <c r="BY21" s="203">
        <v>0</v>
      </c>
      <c r="BZ21" s="208">
        <v>0</v>
      </c>
      <c r="CA21" s="207">
        <v>0</v>
      </c>
      <c r="CB21" s="202">
        <v>0</v>
      </c>
      <c r="CC21" s="203">
        <v>0</v>
      </c>
      <c r="CD21" s="208">
        <v>0</v>
      </c>
      <c r="CE21" s="205">
        <v>0</v>
      </c>
      <c r="CF21" s="203">
        <v>0</v>
      </c>
      <c r="CG21" s="203">
        <v>0</v>
      </c>
      <c r="CH21" s="203">
        <v>0</v>
      </c>
      <c r="CI21" s="203">
        <v>0</v>
      </c>
      <c r="CJ21" s="203">
        <v>0</v>
      </c>
      <c r="CK21" s="208">
        <v>0</v>
      </c>
      <c r="CL21" s="207">
        <v>0</v>
      </c>
      <c r="CM21" s="202">
        <v>0</v>
      </c>
      <c r="CN21" s="203">
        <v>0</v>
      </c>
      <c r="CO21" s="208">
        <v>0</v>
      </c>
      <c r="CP21" s="205">
        <v>0</v>
      </c>
      <c r="CQ21" s="203">
        <v>0</v>
      </c>
      <c r="CR21" s="203">
        <v>0</v>
      </c>
      <c r="CS21" s="203">
        <v>0</v>
      </c>
      <c r="CT21" s="203">
        <v>0</v>
      </c>
      <c r="CU21" s="203">
        <v>3</v>
      </c>
      <c r="CV21" s="208">
        <v>3</v>
      </c>
      <c r="CW21" s="207">
        <v>3</v>
      </c>
    </row>
    <row r="22" spans="2:101" ht="21" customHeight="1" x14ac:dyDescent="0.2">
      <c r="B22" s="173" t="s">
        <v>20</v>
      </c>
      <c r="C22" s="202">
        <v>0</v>
      </c>
      <c r="D22" s="208">
        <v>0</v>
      </c>
      <c r="E22" s="218">
        <v>0</v>
      </c>
      <c r="F22" s="205">
        <v>0</v>
      </c>
      <c r="G22" s="203">
        <v>0</v>
      </c>
      <c r="H22" s="203">
        <v>0</v>
      </c>
      <c r="I22" s="203">
        <v>0</v>
      </c>
      <c r="J22" s="203">
        <v>0</v>
      </c>
      <c r="K22" s="203">
        <v>0</v>
      </c>
      <c r="L22" s="206">
        <v>0</v>
      </c>
      <c r="M22" s="207">
        <v>0</v>
      </c>
      <c r="N22" s="202">
        <v>0</v>
      </c>
      <c r="O22" s="203">
        <v>0</v>
      </c>
      <c r="P22" s="208">
        <v>0</v>
      </c>
      <c r="Q22" s="205">
        <v>0</v>
      </c>
      <c r="R22" s="203">
        <v>0</v>
      </c>
      <c r="S22" s="203">
        <v>0</v>
      </c>
      <c r="T22" s="203">
        <v>0</v>
      </c>
      <c r="U22" s="203">
        <v>0</v>
      </c>
      <c r="V22" s="203">
        <v>0</v>
      </c>
      <c r="W22" s="208">
        <v>0</v>
      </c>
      <c r="X22" s="207">
        <v>0</v>
      </c>
      <c r="Y22" s="202">
        <v>0</v>
      </c>
      <c r="Z22" s="203">
        <v>0</v>
      </c>
      <c r="AA22" s="208">
        <v>0</v>
      </c>
      <c r="AB22" s="205">
        <v>0</v>
      </c>
      <c r="AC22" s="203">
        <v>12</v>
      </c>
      <c r="AD22" s="203">
        <v>9</v>
      </c>
      <c r="AE22" s="203">
        <v>4</v>
      </c>
      <c r="AF22" s="203">
        <v>1</v>
      </c>
      <c r="AG22" s="203">
        <v>1</v>
      </c>
      <c r="AH22" s="208">
        <v>27</v>
      </c>
      <c r="AI22" s="207">
        <v>27</v>
      </c>
      <c r="AJ22" s="202">
        <v>0</v>
      </c>
      <c r="AK22" s="203">
        <v>0</v>
      </c>
      <c r="AL22" s="208">
        <v>0</v>
      </c>
      <c r="AM22" s="205">
        <v>0</v>
      </c>
      <c r="AN22" s="203">
        <v>0</v>
      </c>
      <c r="AO22" s="203">
        <v>0</v>
      </c>
      <c r="AP22" s="203">
        <v>0</v>
      </c>
      <c r="AQ22" s="203">
        <v>0</v>
      </c>
      <c r="AR22" s="203">
        <v>0</v>
      </c>
      <c r="AS22" s="208">
        <v>0</v>
      </c>
      <c r="AT22" s="207">
        <v>0</v>
      </c>
      <c r="AU22" s="202">
        <v>0</v>
      </c>
      <c r="AV22" s="203">
        <v>0</v>
      </c>
      <c r="AW22" s="208">
        <v>0</v>
      </c>
      <c r="AX22" s="205">
        <v>0</v>
      </c>
      <c r="AY22" s="203">
        <v>0</v>
      </c>
      <c r="AZ22" s="203">
        <v>0</v>
      </c>
      <c r="BA22" s="203">
        <v>1</v>
      </c>
      <c r="BB22" s="203">
        <v>1</v>
      </c>
      <c r="BC22" s="203">
        <v>0</v>
      </c>
      <c r="BD22" s="208">
        <v>2</v>
      </c>
      <c r="BE22" s="207">
        <v>2</v>
      </c>
      <c r="BF22" s="202">
        <v>0</v>
      </c>
      <c r="BG22" s="203">
        <v>0</v>
      </c>
      <c r="BH22" s="208">
        <v>0</v>
      </c>
      <c r="BI22" s="205">
        <v>0</v>
      </c>
      <c r="BJ22" s="203">
        <v>0</v>
      </c>
      <c r="BK22" s="203">
        <v>1</v>
      </c>
      <c r="BL22" s="203">
        <v>4</v>
      </c>
      <c r="BM22" s="203">
        <v>0</v>
      </c>
      <c r="BN22" s="203">
        <v>0</v>
      </c>
      <c r="BO22" s="206">
        <v>5</v>
      </c>
      <c r="BP22" s="207">
        <v>5</v>
      </c>
      <c r="BQ22" s="202">
        <v>0</v>
      </c>
      <c r="BR22" s="203">
        <v>0</v>
      </c>
      <c r="BS22" s="208">
        <v>0</v>
      </c>
      <c r="BT22" s="205">
        <v>0</v>
      </c>
      <c r="BU22" s="203">
        <v>0</v>
      </c>
      <c r="BV22" s="203">
        <v>0</v>
      </c>
      <c r="BW22" s="203">
        <v>0</v>
      </c>
      <c r="BX22" s="203">
        <v>0</v>
      </c>
      <c r="BY22" s="203">
        <v>0</v>
      </c>
      <c r="BZ22" s="208">
        <v>0</v>
      </c>
      <c r="CA22" s="207">
        <v>0</v>
      </c>
      <c r="CB22" s="202">
        <v>0</v>
      </c>
      <c r="CC22" s="203">
        <v>0</v>
      </c>
      <c r="CD22" s="208">
        <v>0</v>
      </c>
      <c r="CE22" s="205">
        <v>0</v>
      </c>
      <c r="CF22" s="203">
        <v>0</v>
      </c>
      <c r="CG22" s="203">
        <v>0</v>
      </c>
      <c r="CH22" s="203">
        <v>0</v>
      </c>
      <c r="CI22" s="203">
        <v>0</v>
      </c>
      <c r="CJ22" s="203">
        <v>0</v>
      </c>
      <c r="CK22" s="208">
        <v>0</v>
      </c>
      <c r="CL22" s="207">
        <v>0</v>
      </c>
      <c r="CM22" s="202">
        <v>0</v>
      </c>
      <c r="CN22" s="203">
        <v>0</v>
      </c>
      <c r="CO22" s="208">
        <v>0</v>
      </c>
      <c r="CP22" s="205">
        <v>0</v>
      </c>
      <c r="CQ22" s="203">
        <v>0</v>
      </c>
      <c r="CR22" s="203">
        <v>0</v>
      </c>
      <c r="CS22" s="203">
        <v>0</v>
      </c>
      <c r="CT22" s="203">
        <v>0</v>
      </c>
      <c r="CU22" s="203">
        <v>0</v>
      </c>
      <c r="CV22" s="208">
        <v>0</v>
      </c>
      <c r="CW22" s="207">
        <v>0</v>
      </c>
    </row>
    <row r="23" spans="2:101" ht="21" customHeight="1" x14ac:dyDescent="0.2">
      <c r="B23" s="173" t="s">
        <v>21</v>
      </c>
      <c r="C23" s="202">
        <v>0</v>
      </c>
      <c r="D23" s="208">
        <v>0</v>
      </c>
      <c r="E23" s="218">
        <v>0</v>
      </c>
      <c r="F23" s="205">
        <v>0</v>
      </c>
      <c r="G23" s="203">
        <v>0</v>
      </c>
      <c r="H23" s="203">
        <v>0</v>
      </c>
      <c r="I23" s="203">
        <v>0</v>
      </c>
      <c r="J23" s="203">
        <v>0</v>
      </c>
      <c r="K23" s="203">
        <v>0</v>
      </c>
      <c r="L23" s="206">
        <v>0</v>
      </c>
      <c r="M23" s="207">
        <v>0</v>
      </c>
      <c r="N23" s="202">
        <v>0</v>
      </c>
      <c r="O23" s="203">
        <v>0</v>
      </c>
      <c r="P23" s="208">
        <v>0</v>
      </c>
      <c r="Q23" s="205">
        <v>0</v>
      </c>
      <c r="R23" s="203">
        <v>0</v>
      </c>
      <c r="S23" s="203">
        <v>0</v>
      </c>
      <c r="T23" s="203">
        <v>0</v>
      </c>
      <c r="U23" s="203">
        <v>0</v>
      </c>
      <c r="V23" s="203">
        <v>0</v>
      </c>
      <c r="W23" s="208">
        <v>0</v>
      </c>
      <c r="X23" s="207">
        <v>0</v>
      </c>
      <c r="Y23" s="202">
        <v>0</v>
      </c>
      <c r="Z23" s="203">
        <v>0</v>
      </c>
      <c r="AA23" s="208">
        <v>0</v>
      </c>
      <c r="AB23" s="205">
        <v>0</v>
      </c>
      <c r="AC23" s="203">
        <v>13</v>
      </c>
      <c r="AD23" s="203">
        <v>8</v>
      </c>
      <c r="AE23" s="203">
        <v>3</v>
      </c>
      <c r="AF23" s="203">
        <v>3</v>
      </c>
      <c r="AG23" s="203">
        <v>0</v>
      </c>
      <c r="AH23" s="208">
        <v>27</v>
      </c>
      <c r="AI23" s="207">
        <v>27</v>
      </c>
      <c r="AJ23" s="202">
        <v>0</v>
      </c>
      <c r="AK23" s="203">
        <v>0</v>
      </c>
      <c r="AL23" s="208">
        <v>0</v>
      </c>
      <c r="AM23" s="205">
        <v>0</v>
      </c>
      <c r="AN23" s="203">
        <v>0</v>
      </c>
      <c r="AO23" s="203">
        <v>0</v>
      </c>
      <c r="AP23" s="203">
        <v>0</v>
      </c>
      <c r="AQ23" s="203">
        <v>0</v>
      </c>
      <c r="AR23" s="203">
        <v>0</v>
      </c>
      <c r="AS23" s="208">
        <v>0</v>
      </c>
      <c r="AT23" s="207">
        <v>0</v>
      </c>
      <c r="AU23" s="202">
        <v>0</v>
      </c>
      <c r="AV23" s="203">
        <v>0</v>
      </c>
      <c r="AW23" s="208">
        <v>0</v>
      </c>
      <c r="AX23" s="205">
        <v>0</v>
      </c>
      <c r="AY23" s="203">
        <v>0</v>
      </c>
      <c r="AZ23" s="203">
        <v>0</v>
      </c>
      <c r="BA23" s="203">
        <v>1</v>
      </c>
      <c r="BB23" s="203">
        <v>0</v>
      </c>
      <c r="BC23" s="203">
        <v>0</v>
      </c>
      <c r="BD23" s="208">
        <v>1</v>
      </c>
      <c r="BE23" s="207">
        <v>1</v>
      </c>
      <c r="BF23" s="202">
        <v>0</v>
      </c>
      <c r="BG23" s="203">
        <v>0</v>
      </c>
      <c r="BH23" s="208">
        <v>0</v>
      </c>
      <c r="BI23" s="205">
        <v>0</v>
      </c>
      <c r="BJ23" s="203">
        <v>2</v>
      </c>
      <c r="BK23" s="203">
        <v>2</v>
      </c>
      <c r="BL23" s="203">
        <v>2</v>
      </c>
      <c r="BM23" s="203">
        <v>0</v>
      </c>
      <c r="BN23" s="203">
        <v>0</v>
      </c>
      <c r="BO23" s="206">
        <v>6</v>
      </c>
      <c r="BP23" s="207">
        <v>6</v>
      </c>
      <c r="BQ23" s="202">
        <v>0</v>
      </c>
      <c r="BR23" s="203">
        <v>0</v>
      </c>
      <c r="BS23" s="208">
        <v>0</v>
      </c>
      <c r="BT23" s="205">
        <v>0</v>
      </c>
      <c r="BU23" s="203">
        <v>0</v>
      </c>
      <c r="BV23" s="203">
        <v>0</v>
      </c>
      <c r="BW23" s="203">
        <v>0</v>
      </c>
      <c r="BX23" s="203">
        <v>0</v>
      </c>
      <c r="BY23" s="203">
        <v>0</v>
      </c>
      <c r="BZ23" s="208">
        <v>0</v>
      </c>
      <c r="CA23" s="207">
        <v>0</v>
      </c>
      <c r="CB23" s="202">
        <v>0</v>
      </c>
      <c r="CC23" s="203">
        <v>0</v>
      </c>
      <c r="CD23" s="208">
        <v>0</v>
      </c>
      <c r="CE23" s="205">
        <v>0</v>
      </c>
      <c r="CF23" s="203">
        <v>0</v>
      </c>
      <c r="CG23" s="203">
        <v>0</v>
      </c>
      <c r="CH23" s="203">
        <v>0</v>
      </c>
      <c r="CI23" s="203">
        <v>0</v>
      </c>
      <c r="CJ23" s="203">
        <v>0</v>
      </c>
      <c r="CK23" s="208">
        <v>0</v>
      </c>
      <c r="CL23" s="207">
        <v>0</v>
      </c>
      <c r="CM23" s="202">
        <v>0</v>
      </c>
      <c r="CN23" s="203">
        <v>0</v>
      </c>
      <c r="CO23" s="208">
        <v>0</v>
      </c>
      <c r="CP23" s="205">
        <v>0</v>
      </c>
      <c r="CQ23" s="203">
        <v>0</v>
      </c>
      <c r="CR23" s="203">
        <v>0</v>
      </c>
      <c r="CS23" s="203">
        <v>0</v>
      </c>
      <c r="CT23" s="203">
        <v>0</v>
      </c>
      <c r="CU23" s="203">
        <v>0</v>
      </c>
      <c r="CV23" s="208">
        <v>0</v>
      </c>
      <c r="CW23" s="207">
        <v>0</v>
      </c>
    </row>
    <row r="24" spans="2:101" ht="21" customHeight="1" x14ac:dyDescent="0.2">
      <c r="B24" s="173" t="s">
        <v>22</v>
      </c>
      <c r="C24" s="202">
        <v>0</v>
      </c>
      <c r="D24" s="208">
        <v>0</v>
      </c>
      <c r="E24" s="218">
        <v>0</v>
      </c>
      <c r="F24" s="205">
        <v>0</v>
      </c>
      <c r="G24" s="203">
        <v>0</v>
      </c>
      <c r="H24" s="203">
        <v>2</v>
      </c>
      <c r="I24" s="203">
        <v>0</v>
      </c>
      <c r="J24" s="203">
        <v>0</v>
      </c>
      <c r="K24" s="203">
        <v>0</v>
      </c>
      <c r="L24" s="206">
        <v>2</v>
      </c>
      <c r="M24" s="207">
        <v>2</v>
      </c>
      <c r="N24" s="202">
        <v>0</v>
      </c>
      <c r="O24" s="203">
        <v>0</v>
      </c>
      <c r="P24" s="208">
        <v>0</v>
      </c>
      <c r="Q24" s="205">
        <v>0</v>
      </c>
      <c r="R24" s="203">
        <v>0</v>
      </c>
      <c r="S24" s="203">
        <v>0</v>
      </c>
      <c r="T24" s="203">
        <v>0</v>
      </c>
      <c r="U24" s="203">
        <v>0</v>
      </c>
      <c r="V24" s="203">
        <v>0</v>
      </c>
      <c r="W24" s="208">
        <v>0</v>
      </c>
      <c r="X24" s="207">
        <v>0</v>
      </c>
      <c r="Y24" s="202">
        <v>0</v>
      </c>
      <c r="Z24" s="203">
        <v>0</v>
      </c>
      <c r="AA24" s="208">
        <v>0</v>
      </c>
      <c r="AB24" s="205">
        <v>0</v>
      </c>
      <c r="AC24" s="203">
        <v>4</v>
      </c>
      <c r="AD24" s="203">
        <v>4</v>
      </c>
      <c r="AE24" s="203">
        <v>2</v>
      </c>
      <c r="AF24" s="203">
        <v>1</v>
      </c>
      <c r="AG24" s="203">
        <v>2</v>
      </c>
      <c r="AH24" s="208">
        <v>13</v>
      </c>
      <c r="AI24" s="207">
        <v>13</v>
      </c>
      <c r="AJ24" s="202">
        <v>0</v>
      </c>
      <c r="AK24" s="203">
        <v>0</v>
      </c>
      <c r="AL24" s="208">
        <v>0</v>
      </c>
      <c r="AM24" s="205">
        <v>0</v>
      </c>
      <c r="AN24" s="203">
        <v>0</v>
      </c>
      <c r="AO24" s="203">
        <v>0</v>
      </c>
      <c r="AP24" s="203">
        <v>1</v>
      </c>
      <c r="AQ24" s="203">
        <v>0</v>
      </c>
      <c r="AR24" s="203">
        <v>0</v>
      </c>
      <c r="AS24" s="208">
        <v>1</v>
      </c>
      <c r="AT24" s="207">
        <v>1</v>
      </c>
      <c r="AU24" s="202">
        <v>0</v>
      </c>
      <c r="AV24" s="203">
        <v>0</v>
      </c>
      <c r="AW24" s="208">
        <v>0</v>
      </c>
      <c r="AX24" s="205">
        <v>0</v>
      </c>
      <c r="AY24" s="203">
        <v>1</v>
      </c>
      <c r="AZ24" s="203">
        <v>1</v>
      </c>
      <c r="BA24" s="203">
        <v>0</v>
      </c>
      <c r="BB24" s="203">
        <v>0</v>
      </c>
      <c r="BC24" s="203">
        <v>0</v>
      </c>
      <c r="BD24" s="208">
        <v>2</v>
      </c>
      <c r="BE24" s="207">
        <v>2</v>
      </c>
      <c r="BF24" s="202">
        <v>0</v>
      </c>
      <c r="BG24" s="203">
        <v>0</v>
      </c>
      <c r="BH24" s="208">
        <v>0</v>
      </c>
      <c r="BI24" s="205">
        <v>0</v>
      </c>
      <c r="BJ24" s="203">
        <v>1</v>
      </c>
      <c r="BK24" s="203">
        <v>1</v>
      </c>
      <c r="BL24" s="203">
        <v>2</v>
      </c>
      <c r="BM24" s="203">
        <v>1</v>
      </c>
      <c r="BN24" s="203">
        <v>0</v>
      </c>
      <c r="BO24" s="206">
        <v>5</v>
      </c>
      <c r="BP24" s="207">
        <v>5</v>
      </c>
      <c r="BQ24" s="202">
        <v>0</v>
      </c>
      <c r="BR24" s="203">
        <v>0</v>
      </c>
      <c r="BS24" s="208">
        <v>0</v>
      </c>
      <c r="BT24" s="205">
        <v>0</v>
      </c>
      <c r="BU24" s="203">
        <v>0</v>
      </c>
      <c r="BV24" s="203">
        <v>0</v>
      </c>
      <c r="BW24" s="203">
        <v>0</v>
      </c>
      <c r="BX24" s="203">
        <v>0</v>
      </c>
      <c r="BY24" s="203">
        <v>0</v>
      </c>
      <c r="BZ24" s="208">
        <v>0</v>
      </c>
      <c r="CA24" s="207">
        <v>0</v>
      </c>
      <c r="CB24" s="202">
        <v>0</v>
      </c>
      <c r="CC24" s="203">
        <v>0</v>
      </c>
      <c r="CD24" s="208">
        <v>0</v>
      </c>
      <c r="CE24" s="205">
        <v>0</v>
      </c>
      <c r="CF24" s="203">
        <v>0</v>
      </c>
      <c r="CG24" s="203">
        <v>0</v>
      </c>
      <c r="CH24" s="203">
        <v>1</v>
      </c>
      <c r="CI24" s="203">
        <v>3</v>
      </c>
      <c r="CJ24" s="203">
        <v>0</v>
      </c>
      <c r="CK24" s="208">
        <v>4</v>
      </c>
      <c r="CL24" s="207">
        <v>4</v>
      </c>
      <c r="CM24" s="202">
        <v>0</v>
      </c>
      <c r="CN24" s="203">
        <v>0</v>
      </c>
      <c r="CO24" s="208">
        <v>0</v>
      </c>
      <c r="CP24" s="205">
        <v>0</v>
      </c>
      <c r="CQ24" s="203">
        <v>0</v>
      </c>
      <c r="CR24" s="203">
        <v>0</v>
      </c>
      <c r="CS24" s="203">
        <v>0</v>
      </c>
      <c r="CT24" s="203">
        <v>0</v>
      </c>
      <c r="CU24" s="203">
        <v>0</v>
      </c>
      <c r="CV24" s="208">
        <v>0</v>
      </c>
      <c r="CW24" s="207">
        <v>0</v>
      </c>
    </row>
    <row r="25" spans="2:101" ht="21" customHeight="1" x14ac:dyDescent="0.2">
      <c r="B25" s="173" t="s">
        <v>23</v>
      </c>
      <c r="C25" s="202">
        <v>0</v>
      </c>
      <c r="D25" s="208">
        <v>0</v>
      </c>
      <c r="E25" s="218">
        <v>0</v>
      </c>
      <c r="F25" s="205">
        <v>0</v>
      </c>
      <c r="G25" s="203">
        <v>0</v>
      </c>
      <c r="H25" s="203">
        <v>0</v>
      </c>
      <c r="I25" s="203">
        <v>0</v>
      </c>
      <c r="J25" s="203">
        <v>0</v>
      </c>
      <c r="K25" s="203">
        <v>0</v>
      </c>
      <c r="L25" s="206">
        <v>0</v>
      </c>
      <c r="M25" s="207">
        <v>0</v>
      </c>
      <c r="N25" s="202">
        <v>0</v>
      </c>
      <c r="O25" s="203">
        <v>0</v>
      </c>
      <c r="P25" s="208">
        <v>0</v>
      </c>
      <c r="Q25" s="205">
        <v>0</v>
      </c>
      <c r="R25" s="203">
        <v>0</v>
      </c>
      <c r="S25" s="203">
        <v>0</v>
      </c>
      <c r="T25" s="203">
        <v>0</v>
      </c>
      <c r="U25" s="203">
        <v>0</v>
      </c>
      <c r="V25" s="203">
        <v>0</v>
      </c>
      <c r="W25" s="208">
        <v>0</v>
      </c>
      <c r="X25" s="207">
        <v>0</v>
      </c>
      <c r="Y25" s="202">
        <v>0</v>
      </c>
      <c r="Z25" s="203">
        <v>0</v>
      </c>
      <c r="AA25" s="208">
        <v>0</v>
      </c>
      <c r="AB25" s="205">
        <v>0</v>
      </c>
      <c r="AC25" s="203">
        <v>2</v>
      </c>
      <c r="AD25" s="203">
        <v>2</v>
      </c>
      <c r="AE25" s="203">
        <v>2</v>
      </c>
      <c r="AF25" s="203">
        <v>0</v>
      </c>
      <c r="AG25" s="203">
        <v>0</v>
      </c>
      <c r="AH25" s="208">
        <v>6</v>
      </c>
      <c r="AI25" s="207">
        <v>6</v>
      </c>
      <c r="AJ25" s="202">
        <v>0</v>
      </c>
      <c r="AK25" s="203">
        <v>0</v>
      </c>
      <c r="AL25" s="208">
        <v>0</v>
      </c>
      <c r="AM25" s="205">
        <v>0</v>
      </c>
      <c r="AN25" s="203">
        <v>0</v>
      </c>
      <c r="AO25" s="203">
        <v>0</v>
      </c>
      <c r="AP25" s="203">
        <v>0</v>
      </c>
      <c r="AQ25" s="203">
        <v>0</v>
      </c>
      <c r="AR25" s="203">
        <v>0</v>
      </c>
      <c r="AS25" s="208">
        <v>0</v>
      </c>
      <c r="AT25" s="207">
        <v>0</v>
      </c>
      <c r="AU25" s="202">
        <v>0</v>
      </c>
      <c r="AV25" s="203">
        <v>0</v>
      </c>
      <c r="AW25" s="208">
        <v>0</v>
      </c>
      <c r="AX25" s="205">
        <v>0</v>
      </c>
      <c r="AY25" s="203">
        <v>0</v>
      </c>
      <c r="AZ25" s="203">
        <v>0</v>
      </c>
      <c r="BA25" s="203">
        <v>1</v>
      </c>
      <c r="BB25" s="203">
        <v>0</v>
      </c>
      <c r="BC25" s="203">
        <v>0</v>
      </c>
      <c r="BD25" s="208">
        <v>1</v>
      </c>
      <c r="BE25" s="207">
        <v>1</v>
      </c>
      <c r="BF25" s="202">
        <v>0</v>
      </c>
      <c r="BG25" s="203">
        <v>0</v>
      </c>
      <c r="BH25" s="208">
        <v>0</v>
      </c>
      <c r="BI25" s="205">
        <v>0</v>
      </c>
      <c r="BJ25" s="203">
        <v>2</v>
      </c>
      <c r="BK25" s="203">
        <v>1</v>
      </c>
      <c r="BL25" s="203">
        <v>3</v>
      </c>
      <c r="BM25" s="203">
        <v>2</v>
      </c>
      <c r="BN25" s="203">
        <v>0</v>
      </c>
      <c r="BO25" s="206">
        <v>8</v>
      </c>
      <c r="BP25" s="207">
        <v>8</v>
      </c>
      <c r="BQ25" s="202">
        <v>0</v>
      </c>
      <c r="BR25" s="203">
        <v>0</v>
      </c>
      <c r="BS25" s="208">
        <v>0</v>
      </c>
      <c r="BT25" s="205">
        <v>0</v>
      </c>
      <c r="BU25" s="203">
        <v>0</v>
      </c>
      <c r="BV25" s="203">
        <v>0</v>
      </c>
      <c r="BW25" s="203">
        <v>0</v>
      </c>
      <c r="BX25" s="203">
        <v>0</v>
      </c>
      <c r="BY25" s="203">
        <v>0</v>
      </c>
      <c r="BZ25" s="208">
        <v>0</v>
      </c>
      <c r="CA25" s="207">
        <v>0</v>
      </c>
      <c r="CB25" s="202">
        <v>0</v>
      </c>
      <c r="CC25" s="203">
        <v>0</v>
      </c>
      <c r="CD25" s="208">
        <v>0</v>
      </c>
      <c r="CE25" s="205">
        <v>0</v>
      </c>
      <c r="CF25" s="203">
        <v>0</v>
      </c>
      <c r="CG25" s="203">
        <v>0</v>
      </c>
      <c r="CH25" s="203">
        <v>0</v>
      </c>
      <c r="CI25" s="203">
        <v>0</v>
      </c>
      <c r="CJ25" s="203">
        <v>0</v>
      </c>
      <c r="CK25" s="208">
        <v>0</v>
      </c>
      <c r="CL25" s="207">
        <v>0</v>
      </c>
      <c r="CM25" s="202">
        <v>0</v>
      </c>
      <c r="CN25" s="203">
        <v>0</v>
      </c>
      <c r="CO25" s="208">
        <v>0</v>
      </c>
      <c r="CP25" s="205">
        <v>0</v>
      </c>
      <c r="CQ25" s="203">
        <v>0</v>
      </c>
      <c r="CR25" s="203">
        <v>0</v>
      </c>
      <c r="CS25" s="203">
        <v>0</v>
      </c>
      <c r="CT25" s="203">
        <v>0</v>
      </c>
      <c r="CU25" s="203">
        <v>0</v>
      </c>
      <c r="CV25" s="208">
        <v>0</v>
      </c>
      <c r="CW25" s="207">
        <v>0</v>
      </c>
    </row>
    <row r="26" spans="2:101" ht="21" customHeight="1" x14ac:dyDescent="0.2">
      <c r="B26" s="173" t="s">
        <v>24</v>
      </c>
      <c r="C26" s="202">
        <v>0</v>
      </c>
      <c r="D26" s="208">
        <v>0</v>
      </c>
      <c r="E26" s="218">
        <v>0</v>
      </c>
      <c r="F26" s="205">
        <v>0</v>
      </c>
      <c r="G26" s="203">
        <v>0</v>
      </c>
      <c r="H26" s="203">
        <v>0</v>
      </c>
      <c r="I26" s="203">
        <v>0</v>
      </c>
      <c r="J26" s="203">
        <v>1</v>
      </c>
      <c r="K26" s="203">
        <v>0</v>
      </c>
      <c r="L26" s="206">
        <v>1</v>
      </c>
      <c r="M26" s="207">
        <v>1</v>
      </c>
      <c r="N26" s="202">
        <v>0</v>
      </c>
      <c r="O26" s="203">
        <v>0</v>
      </c>
      <c r="P26" s="208">
        <v>0</v>
      </c>
      <c r="Q26" s="205">
        <v>0</v>
      </c>
      <c r="R26" s="203">
        <v>0</v>
      </c>
      <c r="S26" s="203">
        <v>0</v>
      </c>
      <c r="T26" s="203">
        <v>0</v>
      </c>
      <c r="U26" s="203">
        <v>0</v>
      </c>
      <c r="V26" s="203">
        <v>0</v>
      </c>
      <c r="W26" s="208">
        <v>0</v>
      </c>
      <c r="X26" s="207">
        <v>0</v>
      </c>
      <c r="Y26" s="202">
        <v>0</v>
      </c>
      <c r="Z26" s="203">
        <v>0</v>
      </c>
      <c r="AA26" s="208">
        <v>0</v>
      </c>
      <c r="AB26" s="205">
        <v>0</v>
      </c>
      <c r="AC26" s="203">
        <v>1</v>
      </c>
      <c r="AD26" s="203">
        <v>2</v>
      </c>
      <c r="AE26" s="203">
        <v>2</v>
      </c>
      <c r="AF26" s="203">
        <v>0</v>
      </c>
      <c r="AG26" s="203">
        <v>0</v>
      </c>
      <c r="AH26" s="208">
        <v>5</v>
      </c>
      <c r="AI26" s="207">
        <v>5</v>
      </c>
      <c r="AJ26" s="202">
        <v>0</v>
      </c>
      <c r="AK26" s="203">
        <v>0</v>
      </c>
      <c r="AL26" s="208">
        <v>0</v>
      </c>
      <c r="AM26" s="205">
        <v>0</v>
      </c>
      <c r="AN26" s="203">
        <v>0</v>
      </c>
      <c r="AO26" s="203">
        <v>0</v>
      </c>
      <c r="AP26" s="203">
        <v>1</v>
      </c>
      <c r="AQ26" s="203">
        <v>0</v>
      </c>
      <c r="AR26" s="203">
        <v>0</v>
      </c>
      <c r="AS26" s="208">
        <v>1</v>
      </c>
      <c r="AT26" s="207">
        <v>1</v>
      </c>
      <c r="AU26" s="202">
        <v>1</v>
      </c>
      <c r="AV26" s="203">
        <v>0</v>
      </c>
      <c r="AW26" s="208">
        <v>1</v>
      </c>
      <c r="AX26" s="205">
        <v>0</v>
      </c>
      <c r="AY26" s="203">
        <v>1</v>
      </c>
      <c r="AZ26" s="203">
        <v>0</v>
      </c>
      <c r="BA26" s="203">
        <v>0</v>
      </c>
      <c r="BB26" s="203">
        <v>0</v>
      </c>
      <c r="BC26" s="203">
        <v>0</v>
      </c>
      <c r="BD26" s="208">
        <v>1</v>
      </c>
      <c r="BE26" s="207">
        <v>2</v>
      </c>
      <c r="BF26" s="202">
        <v>0</v>
      </c>
      <c r="BG26" s="203">
        <v>0</v>
      </c>
      <c r="BH26" s="208">
        <v>0</v>
      </c>
      <c r="BI26" s="205">
        <v>0</v>
      </c>
      <c r="BJ26" s="203">
        <v>0</v>
      </c>
      <c r="BK26" s="203">
        <v>0</v>
      </c>
      <c r="BL26" s="203">
        <v>2</v>
      </c>
      <c r="BM26" s="203">
        <v>0</v>
      </c>
      <c r="BN26" s="203">
        <v>1</v>
      </c>
      <c r="BO26" s="206">
        <v>3</v>
      </c>
      <c r="BP26" s="207">
        <v>3</v>
      </c>
      <c r="BQ26" s="202">
        <v>0</v>
      </c>
      <c r="BR26" s="203">
        <v>0</v>
      </c>
      <c r="BS26" s="208">
        <v>0</v>
      </c>
      <c r="BT26" s="205">
        <v>0</v>
      </c>
      <c r="BU26" s="203">
        <v>0</v>
      </c>
      <c r="BV26" s="203">
        <v>0</v>
      </c>
      <c r="BW26" s="203">
        <v>0</v>
      </c>
      <c r="BX26" s="203">
        <v>0</v>
      </c>
      <c r="BY26" s="203">
        <v>0</v>
      </c>
      <c r="BZ26" s="208">
        <v>0</v>
      </c>
      <c r="CA26" s="207">
        <v>0</v>
      </c>
      <c r="CB26" s="202">
        <v>0</v>
      </c>
      <c r="CC26" s="203">
        <v>0</v>
      </c>
      <c r="CD26" s="208">
        <v>0</v>
      </c>
      <c r="CE26" s="205">
        <v>0</v>
      </c>
      <c r="CF26" s="203">
        <v>0</v>
      </c>
      <c r="CG26" s="203">
        <v>0</v>
      </c>
      <c r="CH26" s="203">
        <v>0</v>
      </c>
      <c r="CI26" s="203">
        <v>0</v>
      </c>
      <c r="CJ26" s="203">
        <v>0</v>
      </c>
      <c r="CK26" s="208">
        <v>0</v>
      </c>
      <c r="CL26" s="207">
        <v>0</v>
      </c>
      <c r="CM26" s="202">
        <v>0</v>
      </c>
      <c r="CN26" s="203">
        <v>0</v>
      </c>
      <c r="CO26" s="208">
        <v>0</v>
      </c>
      <c r="CP26" s="205">
        <v>0</v>
      </c>
      <c r="CQ26" s="203">
        <v>0</v>
      </c>
      <c r="CR26" s="203">
        <v>0</v>
      </c>
      <c r="CS26" s="203">
        <v>0</v>
      </c>
      <c r="CT26" s="203">
        <v>0</v>
      </c>
      <c r="CU26" s="203">
        <v>0</v>
      </c>
      <c r="CV26" s="208">
        <v>0</v>
      </c>
      <c r="CW26" s="207">
        <v>0</v>
      </c>
    </row>
    <row r="27" spans="2:101" ht="21" customHeight="1" x14ac:dyDescent="0.2">
      <c r="B27" s="173" t="s">
        <v>25</v>
      </c>
      <c r="C27" s="202">
        <v>0</v>
      </c>
      <c r="D27" s="208">
        <v>0</v>
      </c>
      <c r="E27" s="218">
        <v>0</v>
      </c>
      <c r="F27" s="205">
        <v>0</v>
      </c>
      <c r="G27" s="203">
        <v>0</v>
      </c>
      <c r="H27" s="203">
        <v>0</v>
      </c>
      <c r="I27" s="203">
        <v>0</v>
      </c>
      <c r="J27" s="203">
        <v>0</v>
      </c>
      <c r="K27" s="203">
        <v>0</v>
      </c>
      <c r="L27" s="206">
        <v>0</v>
      </c>
      <c r="M27" s="207">
        <v>0</v>
      </c>
      <c r="N27" s="202">
        <v>0</v>
      </c>
      <c r="O27" s="203">
        <v>0</v>
      </c>
      <c r="P27" s="208">
        <v>0</v>
      </c>
      <c r="Q27" s="205">
        <v>0</v>
      </c>
      <c r="R27" s="203">
        <v>0</v>
      </c>
      <c r="S27" s="203">
        <v>0</v>
      </c>
      <c r="T27" s="203">
        <v>0</v>
      </c>
      <c r="U27" s="203">
        <v>0</v>
      </c>
      <c r="V27" s="203">
        <v>0</v>
      </c>
      <c r="W27" s="208">
        <v>0</v>
      </c>
      <c r="X27" s="207">
        <v>0</v>
      </c>
      <c r="Y27" s="202">
        <v>0</v>
      </c>
      <c r="Z27" s="203">
        <v>0</v>
      </c>
      <c r="AA27" s="208">
        <v>0</v>
      </c>
      <c r="AB27" s="205">
        <v>0</v>
      </c>
      <c r="AC27" s="203">
        <v>5</v>
      </c>
      <c r="AD27" s="203">
        <v>2</v>
      </c>
      <c r="AE27" s="203">
        <v>1</v>
      </c>
      <c r="AF27" s="203">
        <v>0</v>
      </c>
      <c r="AG27" s="203">
        <v>1</v>
      </c>
      <c r="AH27" s="208">
        <v>9</v>
      </c>
      <c r="AI27" s="207">
        <v>9</v>
      </c>
      <c r="AJ27" s="202">
        <v>0</v>
      </c>
      <c r="AK27" s="203">
        <v>0</v>
      </c>
      <c r="AL27" s="208">
        <v>0</v>
      </c>
      <c r="AM27" s="205">
        <v>0</v>
      </c>
      <c r="AN27" s="203">
        <v>0</v>
      </c>
      <c r="AO27" s="203">
        <v>0</v>
      </c>
      <c r="AP27" s="203">
        <v>0</v>
      </c>
      <c r="AQ27" s="203">
        <v>0</v>
      </c>
      <c r="AR27" s="203">
        <v>0</v>
      </c>
      <c r="AS27" s="208">
        <v>0</v>
      </c>
      <c r="AT27" s="207">
        <v>0</v>
      </c>
      <c r="AU27" s="202">
        <v>1</v>
      </c>
      <c r="AV27" s="203">
        <v>0</v>
      </c>
      <c r="AW27" s="208">
        <v>1</v>
      </c>
      <c r="AX27" s="205">
        <v>0</v>
      </c>
      <c r="AY27" s="203">
        <v>0</v>
      </c>
      <c r="AZ27" s="203">
        <v>0</v>
      </c>
      <c r="BA27" s="203">
        <v>0</v>
      </c>
      <c r="BB27" s="203">
        <v>0</v>
      </c>
      <c r="BC27" s="203">
        <v>0</v>
      </c>
      <c r="BD27" s="208">
        <v>0</v>
      </c>
      <c r="BE27" s="207">
        <v>1</v>
      </c>
      <c r="BF27" s="202">
        <v>0</v>
      </c>
      <c r="BG27" s="203">
        <v>0</v>
      </c>
      <c r="BH27" s="208">
        <v>0</v>
      </c>
      <c r="BI27" s="205">
        <v>0</v>
      </c>
      <c r="BJ27" s="203">
        <v>1</v>
      </c>
      <c r="BK27" s="203">
        <v>0</v>
      </c>
      <c r="BL27" s="203">
        <v>0</v>
      </c>
      <c r="BM27" s="203">
        <v>0</v>
      </c>
      <c r="BN27" s="203">
        <v>0</v>
      </c>
      <c r="BO27" s="206">
        <v>1</v>
      </c>
      <c r="BP27" s="207">
        <v>1</v>
      </c>
      <c r="BQ27" s="202">
        <v>0</v>
      </c>
      <c r="BR27" s="203">
        <v>0</v>
      </c>
      <c r="BS27" s="208">
        <v>0</v>
      </c>
      <c r="BT27" s="205">
        <v>0</v>
      </c>
      <c r="BU27" s="203">
        <v>0</v>
      </c>
      <c r="BV27" s="203">
        <v>0</v>
      </c>
      <c r="BW27" s="203">
        <v>0</v>
      </c>
      <c r="BX27" s="203">
        <v>0</v>
      </c>
      <c r="BY27" s="203">
        <v>0</v>
      </c>
      <c r="BZ27" s="208">
        <v>0</v>
      </c>
      <c r="CA27" s="207">
        <v>0</v>
      </c>
      <c r="CB27" s="202">
        <v>0</v>
      </c>
      <c r="CC27" s="203">
        <v>0</v>
      </c>
      <c r="CD27" s="208">
        <v>0</v>
      </c>
      <c r="CE27" s="205">
        <v>0</v>
      </c>
      <c r="CF27" s="203">
        <v>0</v>
      </c>
      <c r="CG27" s="203">
        <v>0</v>
      </c>
      <c r="CH27" s="203">
        <v>0</v>
      </c>
      <c r="CI27" s="203">
        <v>0</v>
      </c>
      <c r="CJ27" s="203">
        <v>0</v>
      </c>
      <c r="CK27" s="208">
        <v>0</v>
      </c>
      <c r="CL27" s="207">
        <v>0</v>
      </c>
      <c r="CM27" s="202">
        <v>0</v>
      </c>
      <c r="CN27" s="203">
        <v>0</v>
      </c>
      <c r="CO27" s="208">
        <v>0</v>
      </c>
      <c r="CP27" s="205">
        <v>0</v>
      </c>
      <c r="CQ27" s="203">
        <v>0</v>
      </c>
      <c r="CR27" s="203">
        <v>0</v>
      </c>
      <c r="CS27" s="203">
        <v>0</v>
      </c>
      <c r="CT27" s="203">
        <v>0</v>
      </c>
      <c r="CU27" s="203">
        <v>0</v>
      </c>
      <c r="CV27" s="208">
        <v>0</v>
      </c>
      <c r="CW27" s="207">
        <v>0</v>
      </c>
    </row>
    <row r="28" spans="2:101" ht="21" customHeight="1" x14ac:dyDescent="0.2">
      <c r="B28" s="173" t="s">
        <v>26</v>
      </c>
      <c r="C28" s="202">
        <v>0</v>
      </c>
      <c r="D28" s="208">
        <v>0</v>
      </c>
      <c r="E28" s="218">
        <v>0</v>
      </c>
      <c r="F28" s="205">
        <v>0</v>
      </c>
      <c r="G28" s="203">
        <v>0</v>
      </c>
      <c r="H28" s="203">
        <v>0</v>
      </c>
      <c r="I28" s="203">
        <v>0</v>
      </c>
      <c r="J28" s="203">
        <v>0</v>
      </c>
      <c r="K28" s="203">
        <v>0</v>
      </c>
      <c r="L28" s="206">
        <v>0</v>
      </c>
      <c r="M28" s="207">
        <v>0</v>
      </c>
      <c r="N28" s="202">
        <v>0</v>
      </c>
      <c r="O28" s="203">
        <v>0</v>
      </c>
      <c r="P28" s="208">
        <v>0</v>
      </c>
      <c r="Q28" s="205">
        <v>0</v>
      </c>
      <c r="R28" s="203">
        <v>0</v>
      </c>
      <c r="S28" s="203">
        <v>0</v>
      </c>
      <c r="T28" s="203">
        <v>0</v>
      </c>
      <c r="U28" s="203">
        <v>0</v>
      </c>
      <c r="V28" s="203">
        <v>0</v>
      </c>
      <c r="W28" s="208">
        <v>0</v>
      </c>
      <c r="X28" s="207">
        <v>0</v>
      </c>
      <c r="Y28" s="202">
        <v>0</v>
      </c>
      <c r="Z28" s="203">
        <v>0</v>
      </c>
      <c r="AA28" s="208">
        <v>0</v>
      </c>
      <c r="AB28" s="205">
        <v>0</v>
      </c>
      <c r="AC28" s="203">
        <v>3</v>
      </c>
      <c r="AD28" s="203">
        <v>2</v>
      </c>
      <c r="AE28" s="203">
        <v>1</v>
      </c>
      <c r="AF28" s="203">
        <v>1</v>
      </c>
      <c r="AG28" s="203">
        <v>1</v>
      </c>
      <c r="AH28" s="208">
        <v>8</v>
      </c>
      <c r="AI28" s="207">
        <v>8</v>
      </c>
      <c r="AJ28" s="202">
        <v>0</v>
      </c>
      <c r="AK28" s="203">
        <v>0</v>
      </c>
      <c r="AL28" s="208">
        <v>0</v>
      </c>
      <c r="AM28" s="205">
        <v>0</v>
      </c>
      <c r="AN28" s="203">
        <v>0</v>
      </c>
      <c r="AO28" s="203">
        <v>0</v>
      </c>
      <c r="AP28" s="203">
        <v>1</v>
      </c>
      <c r="AQ28" s="203">
        <v>0</v>
      </c>
      <c r="AR28" s="203">
        <v>0</v>
      </c>
      <c r="AS28" s="208">
        <v>1</v>
      </c>
      <c r="AT28" s="207">
        <v>1</v>
      </c>
      <c r="AU28" s="202">
        <v>0</v>
      </c>
      <c r="AV28" s="203">
        <v>0</v>
      </c>
      <c r="AW28" s="208">
        <v>0</v>
      </c>
      <c r="AX28" s="205">
        <v>0</v>
      </c>
      <c r="AY28" s="203">
        <v>0</v>
      </c>
      <c r="AZ28" s="203">
        <v>0</v>
      </c>
      <c r="BA28" s="203">
        <v>0</v>
      </c>
      <c r="BB28" s="203">
        <v>0</v>
      </c>
      <c r="BC28" s="203">
        <v>0</v>
      </c>
      <c r="BD28" s="208">
        <v>0</v>
      </c>
      <c r="BE28" s="207">
        <v>0</v>
      </c>
      <c r="BF28" s="202">
        <v>0</v>
      </c>
      <c r="BG28" s="203">
        <v>0</v>
      </c>
      <c r="BH28" s="208">
        <v>0</v>
      </c>
      <c r="BI28" s="205">
        <v>0</v>
      </c>
      <c r="BJ28" s="203">
        <v>0</v>
      </c>
      <c r="BK28" s="203">
        <v>0</v>
      </c>
      <c r="BL28" s="203">
        <v>1</v>
      </c>
      <c r="BM28" s="203">
        <v>2</v>
      </c>
      <c r="BN28" s="203">
        <v>0</v>
      </c>
      <c r="BO28" s="206">
        <v>3</v>
      </c>
      <c r="BP28" s="207">
        <v>3</v>
      </c>
      <c r="BQ28" s="202">
        <v>0</v>
      </c>
      <c r="BR28" s="203">
        <v>0</v>
      </c>
      <c r="BS28" s="208">
        <v>0</v>
      </c>
      <c r="BT28" s="205">
        <v>0</v>
      </c>
      <c r="BU28" s="203">
        <v>0</v>
      </c>
      <c r="BV28" s="203">
        <v>0</v>
      </c>
      <c r="BW28" s="203">
        <v>0</v>
      </c>
      <c r="BX28" s="203">
        <v>0</v>
      </c>
      <c r="BY28" s="203">
        <v>0</v>
      </c>
      <c r="BZ28" s="208">
        <v>0</v>
      </c>
      <c r="CA28" s="207">
        <v>0</v>
      </c>
      <c r="CB28" s="202">
        <v>0</v>
      </c>
      <c r="CC28" s="203">
        <v>0</v>
      </c>
      <c r="CD28" s="208">
        <v>0</v>
      </c>
      <c r="CE28" s="205">
        <v>0</v>
      </c>
      <c r="CF28" s="203">
        <v>0</v>
      </c>
      <c r="CG28" s="203">
        <v>0</v>
      </c>
      <c r="CH28" s="203">
        <v>0</v>
      </c>
      <c r="CI28" s="203">
        <v>0</v>
      </c>
      <c r="CJ28" s="203">
        <v>0</v>
      </c>
      <c r="CK28" s="208">
        <v>0</v>
      </c>
      <c r="CL28" s="207">
        <v>0</v>
      </c>
      <c r="CM28" s="202">
        <v>0</v>
      </c>
      <c r="CN28" s="203">
        <v>0</v>
      </c>
      <c r="CO28" s="208">
        <v>0</v>
      </c>
      <c r="CP28" s="205">
        <v>0</v>
      </c>
      <c r="CQ28" s="203">
        <v>0</v>
      </c>
      <c r="CR28" s="203">
        <v>0</v>
      </c>
      <c r="CS28" s="203">
        <v>0</v>
      </c>
      <c r="CT28" s="203">
        <v>0</v>
      </c>
      <c r="CU28" s="203">
        <v>0</v>
      </c>
      <c r="CV28" s="208">
        <v>0</v>
      </c>
      <c r="CW28" s="207">
        <v>0</v>
      </c>
    </row>
    <row r="29" spans="2:101" ht="21" customHeight="1" x14ac:dyDescent="0.2">
      <c r="B29" s="173" t="s">
        <v>27</v>
      </c>
      <c r="C29" s="202">
        <v>0</v>
      </c>
      <c r="D29" s="208">
        <v>0</v>
      </c>
      <c r="E29" s="218">
        <v>0</v>
      </c>
      <c r="F29" s="205">
        <v>0</v>
      </c>
      <c r="G29" s="203">
        <v>0</v>
      </c>
      <c r="H29" s="203">
        <v>0</v>
      </c>
      <c r="I29" s="203">
        <v>1</v>
      </c>
      <c r="J29" s="203">
        <v>0</v>
      </c>
      <c r="K29" s="203">
        <v>0</v>
      </c>
      <c r="L29" s="206">
        <v>1</v>
      </c>
      <c r="M29" s="207">
        <v>1</v>
      </c>
      <c r="N29" s="202">
        <v>0</v>
      </c>
      <c r="O29" s="203">
        <v>0</v>
      </c>
      <c r="P29" s="208">
        <v>0</v>
      </c>
      <c r="Q29" s="205">
        <v>0</v>
      </c>
      <c r="R29" s="203">
        <v>0</v>
      </c>
      <c r="S29" s="203">
        <v>0</v>
      </c>
      <c r="T29" s="203">
        <v>0</v>
      </c>
      <c r="U29" s="203">
        <v>0</v>
      </c>
      <c r="V29" s="203">
        <v>0</v>
      </c>
      <c r="W29" s="208">
        <v>0</v>
      </c>
      <c r="X29" s="207">
        <v>0</v>
      </c>
      <c r="Y29" s="202">
        <v>0</v>
      </c>
      <c r="Z29" s="203">
        <v>0</v>
      </c>
      <c r="AA29" s="208">
        <v>0</v>
      </c>
      <c r="AB29" s="205">
        <v>0</v>
      </c>
      <c r="AC29" s="203">
        <v>0</v>
      </c>
      <c r="AD29" s="203">
        <v>1</v>
      </c>
      <c r="AE29" s="203">
        <v>0</v>
      </c>
      <c r="AF29" s="203">
        <v>0</v>
      </c>
      <c r="AG29" s="203">
        <v>0</v>
      </c>
      <c r="AH29" s="208">
        <v>1</v>
      </c>
      <c r="AI29" s="207">
        <v>1</v>
      </c>
      <c r="AJ29" s="202">
        <v>0</v>
      </c>
      <c r="AK29" s="203">
        <v>0</v>
      </c>
      <c r="AL29" s="208">
        <v>0</v>
      </c>
      <c r="AM29" s="205">
        <v>0</v>
      </c>
      <c r="AN29" s="203">
        <v>0</v>
      </c>
      <c r="AO29" s="203">
        <v>0</v>
      </c>
      <c r="AP29" s="203">
        <v>0</v>
      </c>
      <c r="AQ29" s="203">
        <v>1</v>
      </c>
      <c r="AR29" s="203">
        <v>0</v>
      </c>
      <c r="AS29" s="208">
        <v>1</v>
      </c>
      <c r="AT29" s="207">
        <v>1</v>
      </c>
      <c r="AU29" s="202">
        <v>0</v>
      </c>
      <c r="AV29" s="203">
        <v>0</v>
      </c>
      <c r="AW29" s="208">
        <v>0</v>
      </c>
      <c r="AX29" s="205">
        <v>0</v>
      </c>
      <c r="AY29" s="203">
        <v>1</v>
      </c>
      <c r="AZ29" s="203">
        <v>0</v>
      </c>
      <c r="BA29" s="203">
        <v>0</v>
      </c>
      <c r="BB29" s="203">
        <v>0</v>
      </c>
      <c r="BC29" s="203">
        <v>0</v>
      </c>
      <c r="BD29" s="208">
        <v>1</v>
      </c>
      <c r="BE29" s="207">
        <v>1</v>
      </c>
      <c r="BF29" s="202">
        <v>0</v>
      </c>
      <c r="BG29" s="203">
        <v>0</v>
      </c>
      <c r="BH29" s="208">
        <v>0</v>
      </c>
      <c r="BI29" s="205">
        <v>0</v>
      </c>
      <c r="BJ29" s="203">
        <v>0</v>
      </c>
      <c r="BK29" s="203">
        <v>0</v>
      </c>
      <c r="BL29" s="203">
        <v>2</v>
      </c>
      <c r="BM29" s="203">
        <v>0</v>
      </c>
      <c r="BN29" s="203">
        <v>0</v>
      </c>
      <c r="BO29" s="206">
        <v>2</v>
      </c>
      <c r="BP29" s="207">
        <v>2</v>
      </c>
      <c r="BQ29" s="202">
        <v>0</v>
      </c>
      <c r="BR29" s="203">
        <v>0</v>
      </c>
      <c r="BS29" s="208">
        <v>0</v>
      </c>
      <c r="BT29" s="205">
        <v>0</v>
      </c>
      <c r="BU29" s="203">
        <v>0</v>
      </c>
      <c r="BV29" s="203">
        <v>0</v>
      </c>
      <c r="BW29" s="203">
        <v>0</v>
      </c>
      <c r="BX29" s="203">
        <v>0</v>
      </c>
      <c r="BY29" s="203">
        <v>0</v>
      </c>
      <c r="BZ29" s="208">
        <v>0</v>
      </c>
      <c r="CA29" s="207">
        <v>0</v>
      </c>
      <c r="CB29" s="202">
        <v>0</v>
      </c>
      <c r="CC29" s="203">
        <v>0</v>
      </c>
      <c r="CD29" s="208">
        <v>0</v>
      </c>
      <c r="CE29" s="205">
        <v>0</v>
      </c>
      <c r="CF29" s="203">
        <v>0</v>
      </c>
      <c r="CG29" s="203">
        <v>0</v>
      </c>
      <c r="CH29" s="203">
        <v>1</v>
      </c>
      <c r="CI29" s="203">
        <v>0</v>
      </c>
      <c r="CJ29" s="203">
        <v>0</v>
      </c>
      <c r="CK29" s="208">
        <v>1</v>
      </c>
      <c r="CL29" s="207">
        <v>1</v>
      </c>
      <c r="CM29" s="202">
        <v>0</v>
      </c>
      <c r="CN29" s="203">
        <v>0</v>
      </c>
      <c r="CO29" s="208">
        <v>0</v>
      </c>
      <c r="CP29" s="205">
        <v>0</v>
      </c>
      <c r="CQ29" s="203">
        <v>0</v>
      </c>
      <c r="CR29" s="203">
        <v>0</v>
      </c>
      <c r="CS29" s="203">
        <v>0</v>
      </c>
      <c r="CT29" s="203">
        <v>0</v>
      </c>
      <c r="CU29" s="203">
        <v>0</v>
      </c>
      <c r="CV29" s="208">
        <v>0</v>
      </c>
      <c r="CW29" s="207">
        <v>0</v>
      </c>
    </row>
    <row r="30" spans="2:101" ht="21" customHeight="1" x14ac:dyDescent="0.2">
      <c r="B30" s="173" t="s">
        <v>28</v>
      </c>
      <c r="C30" s="202">
        <v>0</v>
      </c>
      <c r="D30" s="208">
        <v>0</v>
      </c>
      <c r="E30" s="218">
        <v>0</v>
      </c>
      <c r="F30" s="205">
        <v>0</v>
      </c>
      <c r="G30" s="203">
        <v>0</v>
      </c>
      <c r="H30" s="203">
        <v>0</v>
      </c>
      <c r="I30" s="203">
        <v>0</v>
      </c>
      <c r="J30" s="203">
        <v>0</v>
      </c>
      <c r="K30" s="203">
        <v>0</v>
      </c>
      <c r="L30" s="206">
        <v>0</v>
      </c>
      <c r="M30" s="207">
        <v>0</v>
      </c>
      <c r="N30" s="202">
        <v>0</v>
      </c>
      <c r="O30" s="203">
        <v>0</v>
      </c>
      <c r="P30" s="208">
        <v>0</v>
      </c>
      <c r="Q30" s="205">
        <v>0</v>
      </c>
      <c r="R30" s="203">
        <v>0</v>
      </c>
      <c r="S30" s="203">
        <v>0</v>
      </c>
      <c r="T30" s="203">
        <v>0</v>
      </c>
      <c r="U30" s="203">
        <v>0</v>
      </c>
      <c r="V30" s="203">
        <v>0</v>
      </c>
      <c r="W30" s="208">
        <v>0</v>
      </c>
      <c r="X30" s="207">
        <v>0</v>
      </c>
      <c r="Y30" s="202">
        <v>0</v>
      </c>
      <c r="Z30" s="203">
        <v>0</v>
      </c>
      <c r="AA30" s="208">
        <v>0</v>
      </c>
      <c r="AB30" s="205">
        <v>0</v>
      </c>
      <c r="AC30" s="203">
        <v>5</v>
      </c>
      <c r="AD30" s="203">
        <v>0</v>
      </c>
      <c r="AE30" s="203">
        <v>0</v>
      </c>
      <c r="AF30" s="203">
        <v>0</v>
      </c>
      <c r="AG30" s="203">
        <v>0</v>
      </c>
      <c r="AH30" s="208">
        <v>5</v>
      </c>
      <c r="AI30" s="207">
        <v>5</v>
      </c>
      <c r="AJ30" s="202">
        <v>0</v>
      </c>
      <c r="AK30" s="203">
        <v>0</v>
      </c>
      <c r="AL30" s="208">
        <v>0</v>
      </c>
      <c r="AM30" s="205">
        <v>0</v>
      </c>
      <c r="AN30" s="203">
        <v>0</v>
      </c>
      <c r="AO30" s="203">
        <v>0</v>
      </c>
      <c r="AP30" s="203">
        <v>0</v>
      </c>
      <c r="AQ30" s="203">
        <v>0</v>
      </c>
      <c r="AR30" s="203">
        <v>0</v>
      </c>
      <c r="AS30" s="208">
        <v>0</v>
      </c>
      <c r="AT30" s="207">
        <v>0</v>
      </c>
      <c r="AU30" s="202">
        <v>0</v>
      </c>
      <c r="AV30" s="203">
        <v>0</v>
      </c>
      <c r="AW30" s="208">
        <v>0</v>
      </c>
      <c r="AX30" s="205">
        <v>0</v>
      </c>
      <c r="AY30" s="203">
        <v>0</v>
      </c>
      <c r="AZ30" s="203">
        <v>0</v>
      </c>
      <c r="BA30" s="203">
        <v>0</v>
      </c>
      <c r="BB30" s="203">
        <v>0</v>
      </c>
      <c r="BC30" s="203">
        <v>0</v>
      </c>
      <c r="BD30" s="208">
        <v>0</v>
      </c>
      <c r="BE30" s="207">
        <v>0</v>
      </c>
      <c r="BF30" s="202">
        <v>0</v>
      </c>
      <c r="BG30" s="203">
        <v>0</v>
      </c>
      <c r="BH30" s="208">
        <v>0</v>
      </c>
      <c r="BI30" s="205">
        <v>0</v>
      </c>
      <c r="BJ30" s="203">
        <v>0</v>
      </c>
      <c r="BK30" s="203">
        <v>0</v>
      </c>
      <c r="BL30" s="203">
        <v>0</v>
      </c>
      <c r="BM30" s="203">
        <v>0</v>
      </c>
      <c r="BN30" s="203">
        <v>1</v>
      </c>
      <c r="BO30" s="206">
        <v>1</v>
      </c>
      <c r="BP30" s="207">
        <v>1</v>
      </c>
      <c r="BQ30" s="202">
        <v>0</v>
      </c>
      <c r="BR30" s="203">
        <v>0</v>
      </c>
      <c r="BS30" s="208">
        <v>0</v>
      </c>
      <c r="BT30" s="205">
        <v>0</v>
      </c>
      <c r="BU30" s="203">
        <v>0</v>
      </c>
      <c r="BV30" s="203">
        <v>0</v>
      </c>
      <c r="BW30" s="203">
        <v>0</v>
      </c>
      <c r="BX30" s="203">
        <v>0</v>
      </c>
      <c r="BY30" s="203">
        <v>0</v>
      </c>
      <c r="BZ30" s="208">
        <v>0</v>
      </c>
      <c r="CA30" s="207">
        <v>0</v>
      </c>
      <c r="CB30" s="202">
        <v>0</v>
      </c>
      <c r="CC30" s="203">
        <v>0</v>
      </c>
      <c r="CD30" s="208">
        <v>0</v>
      </c>
      <c r="CE30" s="205">
        <v>0</v>
      </c>
      <c r="CF30" s="203">
        <v>0</v>
      </c>
      <c r="CG30" s="203">
        <v>0</v>
      </c>
      <c r="CH30" s="203">
        <v>0</v>
      </c>
      <c r="CI30" s="203">
        <v>0</v>
      </c>
      <c r="CJ30" s="203">
        <v>0</v>
      </c>
      <c r="CK30" s="208">
        <v>0</v>
      </c>
      <c r="CL30" s="207">
        <v>0</v>
      </c>
      <c r="CM30" s="202">
        <v>0</v>
      </c>
      <c r="CN30" s="203">
        <v>0</v>
      </c>
      <c r="CO30" s="208">
        <v>0</v>
      </c>
      <c r="CP30" s="205">
        <v>0</v>
      </c>
      <c r="CQ30" s="203">
        <v>0</v>
      </c>
      <c r="CR30" s="203">
        <v>0</v>
      </c>
      <c r="CS30" s="203">
        <v>0</v>
      </c>
      <c r="CT30" s="203">
        <v>0</v>
      </c>
      <c r="CU30" s="203">
        <v>0</v>
      </c>
      <c r="CV30" s="208">
        <v>0</v>
      </c>
      <c r="CW30" s="207">
        <v>0</v>
      </c>
    </row>
    <row r="31" spans="2:101" ht="21" customHeight="1" x14ac:dyDescent="0.2">
      <c r="B31" s="173" t="s">
        <v>29</v>
      </c>
      <c r="C31" s="202">
        <v>0</v>
      </c>
      <c r="D31" s="208">
        <v>0</v>
      </c>
      <c r="E31" s="218">
        <v>0</v>
      </c>
      <c r="F31" s="205">
        <v>0</v>
      </c>
      <c r="G31" s="203">
        <v>0</v>
      </c>
      <c r="H31" s="203">
        <v>0</v>
      </c>
      <c r="I31" s="203">
        <v>1</v>
      </c>
      <c r="J31" s="203">
        <v>0</v>
      </c>
      <c r="K31" s="203">
        <v>0</v>
      </c>
      <c r="L31" s="206">
        <v>1</v>
      </c>
      <c r="M31" s="207">
        <v>1</v>
      </c>
      <c r="N31" s="202">
        <v>0</v>
      </c>
      <c r="O31" s="203">
        <v>0</v>
      </c>
      <c r="P31" s="208">
        <v>0</v>
      </c>
      <c r="Q31" s="205">
        <v>0</v>
      </c>
      <c r="R31" s="203">
        <v>0</v>
      </c>
      <c r="S31" s="203">
        <v>0</v>
      </c>
      <c r="T31" s="203">
        <v>0</v>
      </c>
      <c r="U31" s="203">
        <v>0</v>
      </c>
      <c r="V31" s="203">
        <v>0</v>
      </c>
      <c r="W31" s="208">
        <v>0</v>
      </c>
      <c r="X31" s="207">
        <v>0</v>
      </c>
      <c r="Y31" s="202">
        <v>0</v>
      </c>
      <c r="Z31" s="203">
        <v>0</v>
      </c>
      <c r="AA31" s="208">
        <v>0</v>
      </c>
      <c r="AB31" s="205">
        <v>0</v>
      </c>
      <c r="AC31" s="203">
        <v>0</v>
      </c>
      <c r="AD31" s="203">
        <v>2</v>
      </c>
      <c r="AE31" s="203">
        <v>1</v>
      </c>
      <c r="AF31" s="203">
        <v>0</v>
      </c>
      <c r="AG31" s="203">
        <v>0</v>
      </c>
      <c r="AH31" s="208">
        <v>3</v>
      </c>
      <c r="AI31" s="207">
        <v>3</v>
      </c>
      <c r="AJ31" s="202">
        <v>0</v>
      </c>
      <c r="AK31" s="203">
        <v>0</v>
      </c>
      <c r="AL31" s="208">
        <v>0</v>
      </c>
      <c r="AM31" s="205">
        <v>0</v>
      </c>
      <c r="AN31" s="203">
        <v>0</v>
      </c>
      <c r="AO31" s="203">
        <v>0</v>
      </c>
      <c r="AP31" s="203">
        <v>0</v>
      </c>
      <c r="AQ31" s="203">
        <v>0</v>
      </c>
      <c r="AR31" s="203">
        <v>0</v>
      </c>
      <c r="AS31" s="208">
        <v>0</v>
      </c>
      <c r="AT31" s="207">
        <v>0</v>
      </c>
      <c r="AU31" s="202">
        <v>0</v>
      </c>
      <c r="AV31" s="203">
        <v>0</v>
      </c>
      <c r="AW31" s="208">
        <v>0</v>
      </c>
      <c r="AX31" s="205">
        <v>0</v>
      </c>
      <c r="AY31" s="203">
        <v>0</v>
      </c>
      <c r="AZ31" s="203">
        <v>0</v>
      </c>
      <c r="BA31" s="203">
        <v>0</v>
      </c>
      <c r="BB31" s="203">
        <v>0</v>
      </c>
      <c r="BC31" s="203">
        <v>0</v>
      </c>
      <c r="BD31" s="208">
        <v>0</v>
      </c>
      <c r="BE31" s="207">
        <v>0</v>
      </c>
      <c r="BF31" s="202">
        <v>0</v>
      </c>
      <c r="BG31" s="203">
        <v>0</v>
      </c>
      <c r="BH31" s="208">
        <v>0</v>
      </c>
      <c r="BI31" s="205">
        <v>0</v>
      </c>
      <c r="BJ31" s="203">
        <v>0</v>
      </c>
      <c r="BK31" s="203">
        <v>0</v>
      </c>
      <c r="BL31" s="203">
        <v>0</v>
      </c>
      <c r="BM31" s="203">
        <v>0</v>
      </c>
      <c r="BN31" s="203">
        <v>0</v>
      </c>
      <c r="BO31" s="206">
        <v>0</v>
      </c>
      <c r="BP31" s="207">
        <v>0</v>
      </c>
      <c r="BQ31" s="202">
        <v>0</v>
      </c>
      <c r="BR31" s="203">
        <v>0</v>
      </c>
      <c r="BS31" s="208">
        <v>0</v>
      </c>
      <c r="BT31" s="205">
        <v>0</v>
      </c>
      <c r="BU31" s="203">
        <v>0</v>
      </c>
      <c r="BV31" s="203">
        <v>0</v>
      </c>
      <c r="BW31" s="203">
        <v>0</v>
      </c>
      <c r="BX31" s="203">
        <v>0</v>
      </c>
      <c r="BY31" s="203">
        <v>0</v>
      </c>
      <c r="BZ31" s="208">
        <v>0</v>
      </c>
      <c r="CA31" s="207">
        <v>0</v>
      </c>
      <c r="CB31" s="202">
        <v>0</v>
      </c>
      <c r="CC31" s="203">
        <v>0</v>
      </c>
      <c r="CD31" s="208">
        <v>0</v>
      </c>
      <c r="CE31" s="205">
        <v>0</v>
      </c>
      <c r="CF31" s="203">
        <v>0</v>
      </c>
      <c r="CG31" s="203">
        <v>0</v>
      </c>
      <c r="CH31" s="203">
        <v>2</v>
      </c>
      <c r="CI31" s="203">
        <v>1</v>
      </c>
      <c r="CJ31" s="203">
        <v>0</v>
      </c>
      <c r="CK31" s="208">
        <v>3</v>
      </c>
      <c r="CL31" s="207">
        <v>3</v>
      </c>
      <c r="CM31" s="202">
        <v>0</v>
      </c>
      <c r="CN31" s="203">
        <v>0</v>
      </c>
      <c r="CO31" s="208">
        <v>0</v>
      </c>
      <c r="CP31" s="205">
        <v>0</v>
      </c>
      <c r="CQ31" s="203">
        <v>0</v>
      </c>
      <c r="CR31" s="203">
        <v>0</v>
      </c>
      <c r="CS31" s="203">
        <v>0</v>
      </c>
      <c r="CT31" s="203">
        <v>0</v>
      </c>
      <c r="CU31" s="203">
        <v>0</v>
      </c>
      <c r="CV31" s="208">
        <v>0</v>
      </c>
      <c r="CW31" s="207">
        <v>0</v>
      </c>
    </row>
    <row r="32" spans="2:101" ht="21" customHeight="1" x14ac:dyDescent="0.2">
      <c r="B32" s="173" t="s">
        <v>30</v>
      </c>
      <c r="C32" s="202">
        <v>0</v>
      </c>
      <c r="D32" s="208">
        <v>0</v>
      </c>
      <c r="E32" s="218">
        <v>0</v>
      </c>
      <c r="F32" s="205">
        <v>0</v>
      </c>
      <c r="G32" s="203">
        <v>0</v>
      </c>
      <c r="H32" s="203">
        <v>0</v>
      </c>
      <c r="I32" s="203">
        <v>0</v>
      </c>
      <c r="J32" s="203">
        <v>0</v>
      </c>
      <c r="K32" s="203">
        <v>0</v>
      </c>
      <c r="L32" s="206">
        <v>0</v>
      </c>
      <c r="M32" s="207">
        <v>0</v>
      </c>
      <c r="N32" s="202">
        <v>0</v>
      </c>
      <c r="O32" s="203">
        <v>0</v>
      </c>
      <c r="P32" s="208">
        <v>0</v>
      </c>
      <c r="Q32" s="205">
        <v>0</v>
      </c>
      <c r="R32" s="203">
        <v>0</v>
      </c>
      <c r="S32" s="203">
        <v>0</v>
      </c>
      <c r="T32" s="203">
        <v>0</v>
      </c>
      <c r="U32" s="203">
        <v>0</v>
      </c>
      <c r="V32" s="203">
        <v>0</v>
      </c>
      <c r="W32" s="208">
        <v>0</v>
      </c>
      <c r="X32" s="207">
        <v>0</v>
      </c>
      <c r="Y32" s="202">
        <v>0</v>
      </c>
      <c r="Z32" s="203">
        <v>0</v>
      </c>
      <c r="AA32" s="208">
        <v>0</v>
      </c>
      <c r="AB32" s="205">
        <v>0</v>
      </c>
      <c r="AC32" s="203">
        <v>1</v>
      </c>
      <c r="AD32" s="203">
        <v>0</v>
      </c>
      <c r="AE32" s="203">
        <v>1</v>
      </c>
      <c r="AF32" s="203">
        <v>0</v>
      </c>
      <c r="AG32" s="203">
        <v>0</v>
      </c>
      <c r="AH32" s="208">
        <v>2</v>
      </c>
      <c r="AI32" s="207">
        <v>2</v>
      </c>
      <c r="AJ32" s="202">
        <v>0</v>
      </c>
      <c r="AK32" s="203">
        <v>0</v>
      </c>
      <c r="AL32" s="208">
        <v>0</v>
      </c>
      <c r="AM32" s="205">
        <v>0</v>
      </c>
      <c r="AN32" s="203">
        <v>0</v>
      </c>
      <c r="AO32" s="203">
        <v>0</v>
      </c>
      <c r="AP32" s="203">
        <v>0</v>
      </c>
      <c r="AQ32" s="203">
        <v>0</v>
      </c>
      <c r="AR32" s="203">
        <v>0</v>
      </c>
      <c r="AS32" s="208">
        <v>0</v>
      </c>
      <c r="AT32" s="207">
        <v>0</v>
      </c>
      <c r="AU32" s="202">
        <v>0</v>
      </c>
      <c r="AV32" s="203">
        <v>0</v>
      </c>
      <c r="AW32" s="208">
        <v>0</v>
      </c>
      <c r="AX32" s="205">
        <v>0</v>
      </c>
      <c r="AY32" s="203">
        <v>0</v>
      </c>
      <c r="AZ32" s="203">
        <v>0</v>
      </c>
      <c r="BA32" s="203">
        <v>0</v>
      </c>
      <c r="BB32" s="203">
        <v>0</v>
      </c>
      <c r="BC32" s="203">
        <v>0</v>
      </c>
      <c r="BD32" s="208">
        <v>0</v>
      </c>
      <c r="BE32" s="207">
        <v>0</v>
      </c>
      <c r="BF32" s="202">
        <v>0</v>
      </c>
      <c r="BG32" s="203">
        <v>0</v>
      </c>
      <c r="BH32" s="208">
        <v>0</v>
      </c>
      <c r="BI32" s="205">
        <v>0</v>
      </c>
      <c r="BJ32" s="203">
        <v>0</v>
      </c>
      <c r="BK32" s="203">
        <v>0</v>
      </c>
      <c r="BL32" s="203">
        <v>0</v>
      </c>
      <c r="BM32" s="203">
        <v>1</v>
      </c>
      <c r="BN32" s="203">
        <v>0</v>
      </c>
      <c r="BO32" s="206">
        <v>1</v>
      </c>
      <c r="BP32" s="207">
        <v>1</v>
      </c>
      <c r="BQ32" s="202">
        <v>0</v>
      </c>
      <c r="BR32" s="203">
        <v>0</v>
      </c>
      <c r="BS32" s="208">
        <v>0</v>
      </c>
      <c r="BT32" s="205">
        <v>0</v>
      </c>
      <c r="BU32" s="203">
        <v>0</v>
      </c>
      <c r="BV32" s="203">
        <v>0</v>
      </c>
      <c r="BW32" s="203">
        <v>0</v>
      </c>
      <c r="BX32" s="203">
        <v>0</v>
      </c>
      <c r="BY32" s="203">
        <v>0</v>
      </c>
      <c r="BZ32" s="208">
        <v>0</v>
      </c>
      <c r="CA32" s="207">
        <v>0</v>
      </c>
      <c r="CB32" s="202">
        <v>0</v>
      </c>
      <c r="CC32" s="203">
        <v>0</v>
      </c>
      <c r="CD32" s="208">
        <v>0</v>
      </c>
      <c r="CE32" s="205">
        <v>0</v>
      </c>
      <c r="CF32" s="203">
        <v>0</v>
      </c>
      <c r="CG32" s="203">
        <v>0</v>
      </c>
      <c r="CH32" s="203">
        <v>0</v>
      </c>
      <c r="CI32" s="203">
        <v>0</v>
      </c>
      <c r="CJ32" s="203">
        <v>0</v>
      </c>
      <c r="CK32" s="208">
        <v>0</v>
      </c>
      <c r="CL32" s="207">
        <v>0</v>
      </c>
      <c r="CM32" s="202">
        <v>0</v>
      </c>
      <c r="CN32" s="203">
        <v>0</v>
      </c>
      <c r="CO32" s="208">
        <v>0</v>
      </c>
      <c r="CP32" s="205">
        <v>0</v>
      </c>
      <c r="CQ32" s="203">
        <v>0</v>
      </c>
      <c r="CR32" s="203">
        <v>0</v>
      </c>
      <c r="CS32" s="203">
        <v>0</v>
      </c>
      <c r="CT32" s="203">
        <v>0</v>
      </c>
      <c r="CU32" s="203">
        <v>0</v>
      </c>
      <c r="CV32" s="208">
        <v>0</v>
      </c>
      <c r="CW32" s="207">
        <v>0</v>
      </c>
    </row>
    <row r="33" spans="2:101" ht="21" customHeight="1" x14ac:dyDescent="0.2">
      <c r="B33" s="173" t="s">
        <v>31</v>
      </c>
      <c r="C33" s="202">
        <v>0</v>
      </c>
      <c r="D33" s="208">
        <v>0</v>
      </c>
      <c r="E33" s="218">
        <v>0</v>
      </c>
      <c r="F33" s="205">
        <v>0</v>
      </c>
      <c r="G33" s="203">
        <v>0</v>
      </c>
      <c r="H33" s="203">
        <v>0</v>
      </c>
      <c r="I33" s="203">
        <v>0</v>
      </c>
      <c r="J33" s="203">
        <v>0</v>
      </c>
      <c r="K33" s="203">
        <v>0</v>
      </c>
      <c r="L33" s="206">
        <v>0</v>
      </c>
      <c r="M33" s="207">
        <v>0</v>
      </c>
      <c r="N33" s="202">
        <v>0</v>
      </c>
      <c r="O33" s="203">
        <v>0</v>
      </c>
      <c r="P33" s="208">
        <v>0</v>
      </c>
      <c r="Q33" s="205">
        <v>0</v>
      </c>
      <c r="R33" s="203">
        <v>0</v>
      </c>
      <c r="S33" s="203">
        <v>0</v>
      </c>
      <c r="T33" s="203">
        <v>0</v>
      </c>
      <c r="U33" s="203">
        <v>0</v>
      </c>
      <c r="V33" s="203">
        <v>0</v>
      </c>
      <c r="W33" s="208">
        <v>0</v>
      </c>
      <c r="X33" s="207">
        <v>0</v>
      </c>
      <c r="Y33" s="202">
        <v>0</v>
      </c>
      <c r="Z33" s="203">
        <v>0</v>
      </c>
      <c r="AA33" s="208">
        <v>0</v>
      </c>
      <c r="AB33" s="205">
        <v>0</v>
      </c>
      <c r="AC33" s="203">
        <v>0</v>
      </c>
      <c r="AD33" s="203">
        <v>1</v>
      </c>
      <c r="AE33" s="203">
        <v>1</v>
      </c>
      <c r="AF33" s="203">
        <v>0</v>
      </c>
      <c r="AG33" s="203">
        <v>0</v>
      </c>
      <c r="AH33" s="208">
        <v>2</v>
      </c>
      <c r="AI33" s="207">
        <v>2</v>
      </c>
      <c r="AJ33" s="202">
        <v>0</v>
      </c>
      <c r="AK33" s="203">
        <v>0</v>
      </c>
      <c r="AL33" s="208">
        <v>0</v>
      </c>
      <c r="AM33" s="205">
        <v>0</v>
      </c>
      <c r="AN33" s="203">
        <v>0</v>
      </c>
      <c r="AO33" s="203">
        <v>0</v>
      </c>
      <c r="AP33" s="203">
        <v>0</v>
      </c>
      <c r="AQ33" s="203">
        <v>1</v>
      </c>
      <c r="AR33" s="203">
        <v>0</v>
      </c>
      <c r="AS33" s="208">
        <v>1</v>
      </c>
      <c r="AT33" s="207">
        <v>1</v>
      </c>
      <c r="AU33" s="202">
        <v>0</v>
      </c>
      <c r="AV33" s="203">
        <v>0</v>
      </c>
      <c r="AW33" s="208">
        <v>0</v>
      </c>
      <c r="AX33" s="205">
        <v>0</v>
      </c>
      <c r="AY33" s="203">
        <v>1</v>
      </c>
      <c r="AZ33" s="203">
        <v>0</v>
      </c>
      <c r="BA33" s="203">
        <v>0</v>
      </c>
      <c r="BB33" s="203">
        <v>0</v>
      </c>
      <c r="BC33" s="203">
        <v>0</v>
      </c>
      <c r="BD33" s="208">
        <v>1</v>
      </c>
      <c r="BE33" s="207">
        <v>1</v>
      </c>
      <c r="BF33" s="202">
        <v>0</v>
      </c>
      <c r="BG33" s="203">
        <v>0</v>
      </c>
      <c r="BH33" s="208">
        <v>0</v>
      </c>
      <c r="BI33" s="205">
        <v>0</v>
      </c>
      <c r="BJ33" s="203">
        <v>0</v>
      </c>
      <c r="BK33" s="203">
        <v>1</v>
      </c>
      <c r="BL33" s="203">
        <v>0</v>
      </c>
      <c r="BM33" s="203">
        <v>1</v>
      </c>
      <c r="BN33" s="203">
        <v>1</v>
      </c>
      <c r="BO33" s="206">
        <v>3</v>
      </c>
      <c r="BP33" s="207">
        <v>3</v>
      </c>
      <c r="BQ33" s="202">
        <v>0</v>
      </c>
      <c r="BR33" s="203">
        <v>0</v>
      </c>
      <c r="BS33" s="208">
        <v>0</v>
      </c>
      <c r="BT33" s="205">
        <v>0</v>
      </c>
      <c r="BU33" s="203">
        <v>0</v>
      </c>
      <c r="BV33" s="203">
        <v>0</v>
      </c>
      <c r="BW33" s="203">
        <v>0</v>
      </c>
      <c r="BX33" s="203">
        <v>0</v>
      </c>
      <c r="BY33" s="203">
        <v>0</v>
      </c>
      <c r="BZ33" s="208">
        <v>0</v>
      </c>
      <c r="CA33" s="207">
        <v>0</v>
      </c>
      <c r="CB33" s="202">
        <v>0</v>
      </c>
      <c r="CC33" s="203">
        <v>0</v>
      </c>
      <c r="CD33" s="208">
        <v>0</v>
      </c>
      <c r="CE33" s="205">
        <v>0</v>
      </c>
      <c r="CF33" s="203">
        <v>0</v>
      </c>
      <c r="CG33" s="203">
        <v>0</v>
      </c>
      <c r="CH33" s="203">
        <v>0</v>
      </c>
      <c r="CI33" s="203">
        <v>0</v>
      </c>
      <c r="CJ33" s="203">
        <v>0</v>
      </c>
      <c r="CK33" s="208">
        <v>0</v>
      </c>
      <c r="CL33" s="207">
        <v>0</v>
      </c>
      <c r="CM33" s="202">
        <v>0</v>
      </c>
      <c r="CN33" s="203">
        <v>0</v>
      </c>
      <c r="CO33" s="208">
        <v>0</v>
      </c>
      <c r="CP33" s="205">
        <v>0</v>
      </c>
      <c r="CQ33" s="203">
        <v>0</v>
      </c>
      <c r="CR33" s="203">
        <v>0</v>
      </c>
      <c r="CS33" s="203">
        <v>0</v>
      </c>
      <c r="CT33" s="203">
        <v>0</v>
      </c>
      <c r="CU33" s="203">
        <v>0</v>
      </c>
      <c r="CV33" s="208">
        <v>0</v>
      </c>
      <c r="CW33" s="207">
        <v>0</v>
      </c>
    </row>
    <row r="34" spans="2:101" ht="21" customHeight="1" x14ac:dyDescent="0.2">
      <c r="B34" s="173" t="s">
        <v>32</v>
      </c>
      <c r="C34" s="202">
        <v>0</v>
      </c>
      <c r="D34" s="208">
        <v>0</v>
      </c>
      <c r="E34" s="218">
        <v>0</v>
      </c>
      <c r="F34" s="205">
        <v>0</v>
      </c>
      <c r="G34" s="203">
        <v>0</v>
      </c>
      <c r="H34" s="203">
        <v>1</v>
      </c>
      <c r="I34" s="203">
        <v>0</v>
      </c>
      <c r="J34" s="203">
        <v>0</v>
      </c>
      <c r="K34" s="203">
        <v>0</v>
      </c>
      <c r="L34" s="206">
        <v>1</v>
      </c>
      <c r="M34" s="207">
        <v>1</v>
      </c>
      <c r="N34" s="202">
        <v>0</v>
      </c>
      <c r="O34" s="203">
        <v>0</v>
      </c>
      <c r="P34" s="208">
        <v>0</v>
      </c>
      <c r="Q34" s="205">
        <v>0</v>
      </c>
      <c r="R34" s="203">
        <v>0</v>
      </c>
      <c r="S34" s="203">
        <v>0</v>
      </c>
      <c r="T34" s="203">
        <v>0</v>
      </c>
      <c r="U34" s="203">
        <v>0</v>
      </c>
      <c r="V34" s="203">
        <v>0</v>
      </c>
      <c r="W34" s="208">
        <v>0</v>
      </c>
      <c r="X34" s="207">
        <v>0</v>
      </c>
      <c r="Y34" s="202">
        <v>0</v>
      </c>
      <c r="Z34" s="203">
        <v>0</v>
      </c>
      <c r="AA34" s="208">
        <v>0</v>
      </c>
      <c r="AB34" s="205">
        <v>0</v>
      </c>
      <c r="AC34" s="203">
        <v>2</v>
      </c>
      <c r="AD34" s="203">
        <v>6</v>
      </c>
      <c r="AE34" s="203">
        <v>0</v>
      </c>
      <c r="AF34" s="203">
        <v>0</v>
      </c>
      <c r="AG34" s="203">
        <v>1</v>
      </c>
      <c r="AH34" s="208">
        <v>9</v>
      </c>
      <c r="AI34" s="207">
        <v>9</v>
      </c>
      <c r="AJ34" s="202">
        <v>0</v>
      </c>
      <c r="AK34" s="203">
        <v>0</v>
      </c>
      <c r="AL34" s="208">
        <v>0</v>
      </c>
      <c r="AM34" s="205">
        <v>0</v>
      </c>
      <c r="AN34" s="203">
        <v>0</v>
      </c>
      <c r="AO34" s="203">
        <v>0</v>
      </c>
      <c r="AP34" s="203">
        <v>0</v>
      </c>
      <c r="AQ34" s="203">
        <v>0</v>
      </c>
      <c r="AR34" s="203">
        <v>0</v>
      </c>
      <c r="AS34" s="208">
        <v>0</v>
      </c>
      <c r="AT34" s="207">
        <v>0</v>
      </c>
      <c r="AU34" s="202">
        <v>0</v>
      </c>
      <c r="AV34" s="203">
        <v>0</v>
      </c>
      <c r="AW34" s="208">
        <v>0</v>
      </c>
      <c r="AX34" s="205">
        <v>0</v>
      </c>
      <c r="AY34" s="203">
        <v>0</v>
      </c>
      <c r="AZ34" s="203">
        <v>0</v>
      </c>
      <c r="BA34" s="203">
        <v>0</v>
      </c>
      <c r="BB34" s="203">
        <v>0</v>
      </c>
      <c r="BC34" s="203">
        <v>0</v>
      </c>
      <c r="BD34" s="208">
        <v>0</v>
      </c>
      <c r="BE34" s="207">
        <v>0</v>
      </c>
      <c r="BF34" s="202">
        <v>0</v>
      </c>
      <c r="BG34" s="203">
        <v>0</v>
      </c>
      <c r="BH34" s="208">
        <v>0</v>
      </c>
      <c r="BI34" s="205">
        <v>0</v>
      </c>
      <c r="BJ34" s="203">
        <v>0</v>
      </c>
      <c r="BK34" s="203">
        <v>0</v>
      </c>
      <c r="BL34" s="203">
        <v>1</v>
      </c>
      <c r="BM34" s="203">
        <v>0</v>
      </c>
      <c r="BN34" s="203">
        <v>0</v>
      </c>
      <c r="BO34" s="206">
        <v>1</v>
      </c>
      <c r="BP34" s="207">
        <v>1</v>
      </c>
      <c r="BQ34" s="202">
        <v>0</v>
      </c>
      <c r="BR34" s="203">
        <v>0</v>
      </c>
      <c r="BS34" s="208">
        <v>0</v>
      </c>
      <c r="BT34" s="205">
        <v>0</v>
      </c>
      <c r="BU34" s="203">
        <v>0</v>
      </c>
      <c r="BV34" s="203">
        <v>0</v>
      </c>
      <c r="BW34" s="203">
        <v>0</v>
      </c>
      <c r="BX34" s="203">
        <v>0</v>
      </c>
      <c r="BY34" s="203">
        <v>0</v>
      </c>
      <c r="BZ34" s="208">
        <v>0</v>
      </c>
      <c r="CA34" s="207">
        <v>0</v>
      </c>
      <c r="CB34" s="202">
        <v>0</v>
      </c>
      <c r="CC34" s="203">
        <v>0</v>
      </c>
      <c r="CD34" s="208">
        <v>0</v>
      </c>
      <c r="CE34" s="205">
        <v>0</v>
      </c>
      <c r="CF34" s="203">
        <v>0</v>
      </c>
      <c r="CG34" s="203">
        <v>0</v>
      </c>
      <c r="CH34" s="203">
        <v>1</v>
      </c>
      <c r="CI34" s="203">
        <v>1</v>
      </c>
      <c r="CJ34" s="203">
        <v>0</v>
      </c>
      <c r="CK34" s="208">
        <v>2</v>
      </c>
      <c r="CL34" s="207">
        <v>2</v>
      </c>
      <c r="CM34" s="202">
        <v>0</v>
      </c>
      <c r="CN34" s="203">
        <v>0</v>
      </c>
      <c r="CO34" s="208">
        <v>0</v>
      </c>
      <c r="CP34" s="205">
        <v>0</v>
      </c>
      <c r="CQ34" s="203">
        <v>0</v>
      </c>
      <c r="CR34" s="203">
        <v>0</v>
      </c>
      <c r="CS34" s="203">
        <v>0</v>
      </c>
      <c r="CT34" s="203">
        <v>0</v>
      </c>
      <c r="CU34" s="203">
        <v>0</v>
      </c>
      <c r="CV34" s="208">
        <v>0</v>
      </c>
      <c r="CW34" s="207">
        <v>0</v>
      </c>
    </row>
    <row r="35" spans="2:101" ht="21" customHeight="1" x14ac:dyDescent="0.2">
      <c r="B35" s="173" t="s">
        <v>33</v>
      </c>
      <c r="C35" s="202">
        <v>0</v>
      </c>
      <c r="D35" s="208">
        <v>0</v>
      </c>
      <c r="E35" s="218">
        <v>0</v>
      </c>
      <c r="F35" s="205">
        <v>0</v>
      </c>
      <c r="G35" s="203">
        <v>0</v>
      </c>
      <c r="H35" s="203">
        <v>0</v>
      </c>
      <c r="I35" s="203">
        <v>0</v>
      </c>
      <c r="J35" s="203">
        <v>0</v>
      </c>
      <c r="K35" s="203">
        <v>0</v>
      </c>
      <c r="L35" s="206">
        <v>0</v>
      </c>
      <c r="M35" s="207">
        <v>0</v>
      </c>
      <c r="N35" s="202">
        <v>0</v>
      </c>
      <c r="O35" s="203">
        <v>0</v>
      </c>
      <c r="P35" s="208">
        <v>0</v>
      </c>
      <c r="Q35" s="205">
        <v>0</v>
      </c>
      <c r="R35" s="203">
        <v>0</v>
      </c>
      <c r="S35" s="203">
        <v>0</v>
      </c>
      <c r="T35" s="203">
        <v>0</v>
      </c>
      <c r="U35" s="203">
        <v>0</v>
      </c>
      <c r="V35" s="203">
        <v>0</v>
      </c>
      <c r="W35" s="208">
        <v>0</v>
      </c>
      <c r="X35" s="207">
        <v>0</v>
      </c>
      <c r="Y35" s="202">
        <v>0</v>
      </c>
      <c r="Z35" s="203">
        <v>0</v>
      </c>
      <c r="AA35" s="208">
        <v>0</v>
      </c>
      <c r="AB35" s="205">
        <v>0</v>
      </c>
      <c r="AC35" s="203">
        <v>1</v>
      </c>
      <c r="AD35" s="203">
        <v>0</v>
      </c>
      <c r="AE35" s="203">
        <v>0</v>
      </c>
      <c r="AF35" s="203">
        <v>0</v>
      </c>
      <c r="AG35" s="203">
        <v>0</v>
      </c>
      <c r="AH35" s="208">
        <v>1</v>
      </c>
      <c r="AI35" s="207">
        <v>1</v>
      </c>
      <c r="AJ35" s="202">
        <v>0</v>
      </c>
      <c r="AK35" s="203">
        <v>0</v>
      </c>
      <c r="AL35" s="208">
        <v>0</v>
      </c>
      <c r="AM35" s="205">
        <v>0</v>
      </c>
      <c r="AN35" s="203">
        <v>0</v>
      </c>
      <c r="AO35" s="203">
        <v>0</v>
      </c>
      <c r="AP35" s="203">
        <v>0</v>
      </c>
      <c r="AQ35" s="203">
        <v>0</v>
      </c>
      <c r="AR35" s="203">
        <v>0</v>
      </c>
      <c r="AS35" s="208">
        <v>0</v>
      </c>
      <c r="AT35" s="207">
        <v>0</v>
      </c>
      <c r="AU35" s="202">
        <v>0</v>
      </c>
      <c r="AV35" s="203">
        <v>0</v>
      </c>
      <c r="AW35" s="208">
        <v>0</v>
      </c>
      <c r="AX35" s="205">
        <v>0</v>
      </c>
      <c r="AY35" s="203">
        <v>0</v>
      </c>
      <c r="AZ35" s="203">
        <v>0</v>
      </c>
      <c r="BA35" s="203">
        <v>0</v>
      </c>
      <c r="BB35" s="203">
        <v>0</v>
      </c>
      <c r="BC35" s="203">
        <v>0</v>
      </c>
      <c r="BD35" s="208">
        <v>0</v>
      </c>
      <c r="BE35" s="207">
        <v>0</v>
      </c>
      <c r="BF35" s="202">
        <v>0</v>
      </c>
      <c r="BG35" s="203">
        <v>0</v>
      </c>
      <c r="BH35" s="208">
        <v>0</v>
      </c>
      <c r="BI35" s="205">
        <v>0</v>
      </c>
      <c r="BJ35" s="203">
        <v>0</v>
      </c>
      <c r="BK35" s="203">
        <v>0</v>
      </c>
      <c r="BL35" s="203">
        <v>0</v>
      </c>
      <c r="BM35" s="203">
        <v>0</v>
      </c>
      <c r="BN35" s="203">
        <v>0</v>
      </c>
      <c r="BO35" s="206">
        <v>0</v>
      </c>
      <c r="BP35" s="207">
        <v>0</v>
      </c>
      <c r="BQ35" s="202">
        <v>0</v>
      </c>
      <c r="BR35" s="203">
        <v>0</v>
      </c>
      <c r="BS35" s="208">
        <v>0</v>
      </c>
      <c r="BT35" s="205">
        <v>0</v>
      </c>
      <c r="BU35" s="203">
        <v>0</v>
      </c>
      <c r="BV35" s="203">
        <v>0</v>
      </c>
      <c r="BW35" s="203">
        <v>0</v>
      </c>
      <c r="BX35" s="203">
        <v>0</v>
      </c>
      <c r="BY35" s="203">
        <v>0</v>
      </c>
      <c r="BZ35" s="208">
        <v>0</v>
      </c>
      <c r="CA35" s="207">
        <v>0</v>
      </c>
      <c r="CB35" s="202">
        <v>0</v>
      </c>
      <c r="CC35" s="203">
        <v>0</v>
      </c>
      <c r="CD35" s="208">
        <v>0</v>
      </c>
      <c r="CE35" s="205">
        <v>0</v>
      </c>
      <c r="CF35" s="203">
        <v>0</v>
      </c>
      <c r="CG35" s="203">
        <v>0</v>
      </c>
      <c r="CH35" s="203">
        <v>0</v>
      </c>
      <c r="CI35" s="203">
        <v>0</v>
      </c>
      <c r="CJ35" s="203">
        <v>0</v>
      </c>
      <c r="CK35" s="208">
        <v>0</v>
      </c>
      <c r="CL35" s="207">
        <v>0</v>
      </c>
      <c r="CM35" s="202">
        <v>0</v>
      </c>
      <c r="CN35" s="203">
        <v>0</v>
      </c>
      <c r="CO35" s="208">
        <v>0</v>
      </c>
      <c r="CP35" s="205">
        <v>0</v>
      </c>
      <c r="CQ35" s="203">
        <v>1</v>
      </c>
      <c r="CR35" s="203">
        <v>0</v>
      </c>
      <c r="CS35" s="203">
        <v>1</v>
      </c>
      <c r="CT35" s="203">
        <v>0</v>
      </c>
      <c r="CU35" s="203">
        <v>0</v>
      </c>
      <c r="CV35" s="208">
        <v>2</v>
      </c>
      <c r="CW35" s="207">
        <v>2</v>
      </c>
    </row>
    <row r="36" spans="2:101" ht="21" customHeight="1" x14ac:dyDescent="0.2">
      <c r="B36" s="173" t="s">
        <v>34</v>
      </c>
      <c r="C36" s="202">
        <v>0</v>
      </c>
      <c r="D36" s="208">
        <v>0</v>
      </c>
      <c r="E36" s="218">
        <v>0</v>
      </c>
      <c r="F36" s="205">
        <v>0</v>
      </c>
      <c r="G36" s="203">
        <v>0</v>
      </c>
      <c r="H36" s="203">
        <v>0</v>
      </c>
      <c r="I36" s="203">
        <v>0</v>
      </c>
      <c r="J36" s="203">
        <v>0</v>
      </c>
      <c r="K36" s="203">
        <v>0</v>
      </c>
      <c r="L36" s="206">
        <v>0</v>
      </c>
      <c r="M36" s="207">
        <v>0</v>
      </c>
      <c r="N36" s="202">
        <v>0</v>
      </c>
      <c r="O36" s="203">
        <v>0</v>
      </c>
      <c r="P36" s="208">
        <v>0</v>
      </c>
      <c r="Q36" s="205">
        <v>0</v>
      </c>
      <c r="R36" s="203">
        <v>0</v>
      </c>
      <c r="S36" s="203">
        <v>0</v>
      </c>
      <c r="T36" s="203">
        <v>0</v>
      </c>
      <c r="U36" s="203">
        <v>0</v>
      </c>
      <c r="V36" s="203">
        <v>0</v>
      </c>
      <c r="W36" s="208">
        <v>0</v>
      </c>
      <c r="X36" s="207">
        <v>0</v>
      </c>
      <c r="Y36" s="202">
        <v>0</v>
      </c>
      <c r="Z36" s="203">
        <v>0</v>
      </c>
      <c r="AA36" s="208">
        <v>0</v>
      </c>
      <c r="AB36" s="205">
        <v>0</v>
      </c>
      <c r="AC36" s="203">
        <v>1</v>
      </c>
      <c r="AD36" s="203">
        <v>1</v>
      </c>
      <c r="AE36" s="203">
        <v>0</v>
      </c>
      <c r="AF36" s="203">
        <v>0</v>
      </c>
      <c r="AG36" s="203">
        <v>0</v>
      </c>
      <c r="AH36" s="208">
        <v>2</v>
      </c>
      <c r="AI36" s="207">
        <v>2</v>
      </c>
      <c r="AJ36" s="202">
        <v>0</v>
      </c>
      <c r="AK36" s="203">
        <v>0</v>
      </c>
      <c r="AL36" s="208">
        <v>0</v>
      </c>
      <c r="AM36" s="205">
        <v>0</v>
      </c>
      <c r="AN36" s="203">
        <v>0</v>
      </c>
      <c r="AO36" s="203">
        <v>0</v>
      </c>
      <c r="AP36" s="203">
        <v>0</v>
      </c>
      <c r="AQ36" s="203">
        <v>0</v>
      </c>
      <c r="AR36" s="203">
        <v>0</v>
      </c>
      <c r="AS36" s="208">
        <v>0</v>
      </c>
      <c r="AT36" s="207">
        <v>0</v>
      </c>
      <c r="AU36" s="202">
        <v>0</v>
      </c>
      <c r="AV36" s="203">
        <v>0</v>
      </c>
      <c r="AW36" s="208">
        <v>0</v>
      </c>
      <c r="AX36" s="205">
        <v>0</v>
      </c>
      <c r="AY36" s="203">
        <v>0</v>
      </c>
      <c r="AZ36" s="203">
        <v>1</v>
      </c>
      <c r="BA36" s="203">
        <v>1</v>
      </c>
      <c r="BB36" s="203">
        <v>0</v>
      </c>
      <c r="BC36" s="203">
        <v>0</v>
      </c>
      <c r="BD36" s="208">
        <v>2</v>
      </c>
      <c r="BE36" s="207">
        <v>2</v>
      </c>
      <c r="BF36" s="202">
        <v>0</v>
      </c>
      <c r="BG36" s="203">
        <v>0</v>
      </c>
      <c r="BH36" s="208">
        <v>0</v>
      </c>
      <c r="BI36" s="205">
        <v>0</v>
      </c>
      <c r="BJ36" s="203">
        <v>0</v>
      </c>
      <c r="BK36" s="203">
        <v>0</v>
      </c>
      <c r="BL36" s="203">
        <v>0</v>
      </c>
      <c r="BM36" s="203">
        <v>0</v>
      </c>
      <c r="BN36" s="203">
        <v>0</v>
      </c>
      <c r="BO36" s="206">
        <v>0</v>
      </c>
      <c r="BP36" s="207">
        <v>0</v>
      </c>
      <c r="BQ36" s="202">
        <v>0</v>
      </c>
      <c r="BR36" s="203">
        <v>0</v>
      </c>
      <c r="BS36" s="208">
        <v>0</v>
      </c>
      <c r="BT36" s="205">
        <v>0</v>
      </c>
      <c r="BU36" s="203">
        <v>0</v>
      </c>
      <c r="BV36" s="203">
        <v>0</v>
      </c>
      <c r="BW36" s="203">
        <v>0</v>
      </c>
      <c r="BX36" s="203">
        <v>0</v>
      </c>
      <c r="BY36" s="203">
        <v>0</v>
      </c>
      <c r="BZ36" s="208">
        <v>0</v>
      </c>
      <c r="CA36" s="207">
        <v>0</v>
      </c>
      <c r="CB36" s="202">
        <v>0</v>
      </c>
      <c r="CC36" s="203">
        <v>0</v>
      </c>
      <c r="CD36" s="208">
        <v>0</v>
      </c>
      <c r="CE36" s="205">
        <v>0</v>
      </c>
      <c r="CF36" s="203">
        <v>0</v>
      </c>
      <c r="CG36" s="203">
        <v>0</v>
      </c>
      <c r="CH36" s="203">
        <v>0</v>
      </c>
      <c r="CI36" s="203">
        <v>0</v>
      </c>
      <c r="CJ36" s="203">
        <v>0</v>
      </c>
      <c r="CK36" s="208">
        <v>0</v>
      </c>
      <c r="CL36" s="207">
        <v>0</v>
      </c>
      <c r="CM36" s="202">
        <v>0</v>
      </c>
      <c r="CN36" s="203">
        <v>0</v>
      </c>
      <c r="CO36" s="208">
        <v>0</v>
      </c>
      <c r="CP36" s="205">
        <v>0</v>
      </c>
      <c r="CQ36" s="203">
        <v>0</v>
      </c>
      <c r="CR36" s="203">
        <v>1</v>
      </c>
      <c r="CS36" s="203">
        <v>1</v>
      </c>
      <c r="CT36" s="203">
        <v>0</v>
      </c>
      <c r="CU36" s="203">
        <v>0</v>
      </c>
      <c r="CV36" s="208">
        <v>2</v>
      </c>
      <c r="CW36" s="207">
        <v>2</v>
      </c>
    </row>
    <row r="37" spans="2:101" ht="21" customHeight="1" x14ac:dyDescent="0.2">
      <c r="B37" s="173" t="s">
        <v>35</v>
      </c>
      <c r="C37" s="202">
        <v>0</v>
      </c>
      <c r="D37" s="208">
        <v>0</v>
      </c>
      <c r="E37" s="218">
        <v>0</v>
      </c>
      <c r="F37" s="205">
        <v>0</v>
      </c>
      <c r="G37" s="203">
        <v>0</v>
      </c>
      <c r="H37" s="203">
        <v>0</v>
      </c>
      <c r="I37" s="203">
        <v>1</v>
      </c>
      <c r="J37" s="203">
        <v>0</v>
      </c>
      <c r="K37" s="203">
        <v>0</v>
      </c>
      <c r="L37" s="206">
        <v>1</v>
      </c>
      <c r="M37" s="207">
        <v>1</v>
      </c>
      <c r="N37" s="202">
        <v>0</v>
      </c>
      <c r="O37" s="203">
        <v>0</v>
      </c>
      <c r="P37" s="208">
        <v>0</v>
      </c>
      <c r="Q37" s="205">
        <v>0</v>
      </c>
      <c r="R37" s="203">
        <v>0</v>
      </c>
      <c r="S37" s="203">
        <v>0</v>
      </c>
      <c r="T37" s="203">
        <v>0</v>
      </c>
      <c r="U37" s="203">
        <v>0</v>
      </c>
      <c r="V37" s="203">
        <v>0</v>
      </c>
      <c r="W37" s="208">
        <v>0</v>
      </c>
      <c r="X37" s="207">
        <v>0</v>
      </c>
      <c r="Y37" s="202">
        <v>0</v>
      </c>
      <c r="Z37" s="203">
        <v>0</v>
      </c>
      <c r="AA37" s="208">
        <v>0</v>
      </c>
      <c r="AB37" s="205">
        <v>0</v>
      </c>
      <c r="AC37" s="203">
        <v>0</v>
      </c>
      <c r="AD37" s="203">
        <v>1</v>
      </c>
      <c r="AE37" s="203">
        <v>0</v>
      </c>
      <c r="AF37" s="203">
        <v>0</v>
      </c>
      <c r="AG37" s="203">
        <v>0</v>
      </c>
      <c r="AH37" s="208">
        <v>1</v>
      </c>
      <c r="AI37" s="207">
        <v>1</v>
      </c>
      <c r="AJ37" s="202">
        <v>0</v>
      </c>
      <c r="AK37" s="203">
        <v>0</v>
      </c>
      <c r="AL37" s="208">
        <v>0</v>
      </c>
      <c r="AM37" s="205">
        <v>0</v>
      </c>
      <c r="AN37" s="203">
        <v>0</v>
      </c>
      <c r="AO37" s="203">
        <v>0</v>
      </c>
      <c r="AP37" s="203">
        <v>0</v>
      </c>
      <c r="AQ37" s="203">
        <v>0</v>
      </c>
      <c r="AR37" s="203">
        <v>0</v>
      </c>
      <c r="AS37" s="208">
        <v>0</v>
      </c>
      <c r="AT37" s="207">
        <v>0</v>
      </c>
      <c r="AU37" s="202">
        <v>0</v>
      </c>
      <c r="AV37" s="203">
        <v>0</v>
      </c>
      <c r="AW37" s="208">
        <v>0</v>
      </c>
      <c r="AX37" s="205">
        <v>0</v>
      </c>
      <c r="AY37" s="203">
        <v>0</v>
      </c>
      <c r="AZ37" s="203">
        <v>2</v>
      </c>
      <c r="BA37" s="203">
        <v>0</v>
      </c>
      <c r="BB37" s="203">
        <v>0</v>
      </c>
      <c r="BC37" s="203">
        <v>0</v>
      </c>
      <c r="BD37" s="208">
        <v>2</v>
      </c>
      <c r="BE37" s="207">
        <v>2</v>
      </c>
      <c r="BF37" s="202">
        <v>0</v>
      </c>
      <c r="BG37" s="203">
        <v>0</v>
      </c>
      <c r="BH37" s="208">
        <v>0</v>
      </c>
      <c r="BI37" s="205">
        <v>0</v>
      </c>
      <c r="BJ37" s="203">
        <v>0</v>
      </c>
      <c r="BK37" s="203">
        <v>1</v>
      </c>
      <c r="BL37" s="203">
        <v>0</v>
      </c>
      <c r="BM37" s="203">
        <v>0</v>
      </c>
      <c r="BN37" s="203">
        <v>0</v>
      </c>
      <c r="BO37" s="206">
        <v>1</v>
      </c>
      <c r="BP37" s="207">
        <v>1</v>
      </c>
      <c r="BQ37" s="202">
        <v>0</v>
      </c>
      <c r="BR37" s="203">
        <v>0</v>
      </c>
      <c r="BS37" s="208">
        <v>0</v>
      </c>
      <c r="BT37" s="205">
        <v>0</v>
      </c>
      <c r="BU37" s="203">
        <v>0</v>
      </c>
      <c r="BV37" s="203">
        <v>0</v>
      </c>
      <c r="BW37" s="203">
        <v>0</v>
      </c>
      <c r="BX37" s="203">
        <v>0</v>
      </c>
      <c r="BY37" s="203">
        <v>0</v>
      </c>
      <c r="BZ37" s="208">
        <v>0</v>
      </c>
      <c r="CA37" s="207">
        <v>0</v>
      </c>
      <c r="CB37" s="202">
        <v>0</v>
      </c>
      <c r="CC37" s="203">
        <v>0</v>
      </c>
      <c r="CD37" s="208">
        <v>0</v>
      </c>
      <c r="CE37" s="205">
        <v>0</v>
      </c>
      <c r="CF37" s="203">
        <v>0</v>
      </c>
      <c r="CG37" s="203">
        <v>0</v>
      </c>
      <c r="CH37" s="203">
        <v>0</v>
      </c>
      <c r="CI37" s="203">
        <v>0</v>
      </c>
      <c r="CJ37" s="203">
        <v>0</v>
      </c>
      <c r="CK37" s="208">
        <v>0</v>
      </c>
      <c r="CL37" s="207">
        <v>0</v>
      </c>
      <c r="CM37" s="202">
        <v>0</v>
      </c>
      <c r="CN37" s="203">
        <v>0</v>
      </c>
      <c r="CO37" s="208">
        <v>0</v>
      </c>
      <c r="CP37" s="205">
        <v>0</v>
      </c>
      <c r="CQ37" s="203">
        <v>0</v>
      </c>
      <c r="CR37" s="203">
        <v>0</v>
      </c>
      <c r="CS37" s="203">
        <v>0</v>
      </c>
      <c r="CT37" s="203">
        <v>0</v>
      </c>
      <c r="CU37" s="203">
        <v>0</v>
      </c>
      <c r="CV37" s="208">
        <v>0</v>
      </c>
      <c r="CW37" s="207">
        <v>0</v>
      </c>
    </row>
    <row r="38" spans="2:101" ht="21" customHeight="1" x14ac:dyDescent="0.2">
      <c r="B38" s="173" t="s">
        <v>36</v>
      </c>
      <c r="C38" s="202">
        <v>0</v>
      </c>
      <c r="D38" s="208">
        <v>0</v>
      </c>
      <c r="E38" s="218">
        <v>0</v>
      </c>
      <c r="F38" s="205">
        <v>0</v>
      </c>
      <c r="G38" s="203">
        <v>0</v>
      </c>
      <c r="H38" s="203">
        <v>0</v>
      </c>
      <c r="I38" s="203">
        <v>0</v>
      </c>
      <c r="J38" s="203">
        <v>0</v>
      </c>
      <c r="K38" s="203">
        <v>0</v>
      </c>
      <c r="L38" s="206">
        <v>0</v>
      </c>
      <c r="M38" s="207">
        <v>0</v>
      </c>
      <c r="N38" s="202">
        <v>0</v>
      </c>
      <c r="O38" s="203">
        <v>0</v>
      </c>
      <c r="P38" s="208">
        <v>0</v>
      </c>
      <c r="Q38" s="205">
        <v>0</v>
      </c>
      <c r="R38" s="203">
        <v>0</v>
      </c>
      <c r="S38" s="203">
        <v>0</v>
      </c>
      <c r="T38" s="203">
        <v>0</v>
      </c>
      <c r="U38" s="203">
        <v>0</v>
      </c>
      <c r="V38" s="203">
        <v>0</v>
      </c>
      <c r="W38" s="208">
        <v>0</v>
      </c>
      <c r="X38" s="207">
        <v>0</v>
      </c>
      <c r="Y38" s="202">
        <v>0</v>
      </c>
      <c r="Z38" s="203">
        <v>0</v>
      </c>
      <c r="AA38" s="208">
        <v>0</v>
      </c>
      <c r="AB38" s="205">
        <v>0</v>
      </c>
      <c r="AC38" s="203">
        <v>2</v>
      </c>
      <c r="AD38" s="203">
        <v>1</v>
      </c>
      <c r="AE38" s="203">
        <v>0</v>
      </c>
      <c r="AF38" s="203">
        <v>1</v>
      </c>
      <c r="AG38" s="203">
        <v>0</v>
      </c>
      <c r="AH38" s="208">
        <v>4</v>
      </c>
      <c r="AI38" s="207">
        <v>4</v>
      </c>
      <c r="AJ38" s="202">
        <v>0</v>
      </c>
      <c r="AK38" s="203">
        <v>0</v>
      </c>
      <c r="AL38" s="208">
        <v>0</v>
      </c>
      <c r="AM38" s="205">
        <v>0</v>
      </c>
      <c r="AN38" s="203">
        <v>0</v>
      </c>
      <c r="AO38" s="203">
        <v>0</v>
      </c>
      <c r="AP38" s="203">
        <v>0</v>
      </c>
      <c r="AQ38" s="203">
        <v>0</v>
      </c>
      <c r="AR38" s="203">
        <v>0</v>
      </c>
      <c r="AS38" s="208">
        <v>0</v>
      </c>
      <c r="AT38" s="207">
        <v>0</v>
      </c>
      <c r="AU38" s="202">
        <v>0</v>
      </c>
      <c r="AV38" s="203">
        <v>0</v>
      </c>
      <c r="AW38" s="208">
        <v>0</v>
      </c>
      <c r="AX38" s="205">
        <v>0</v>
      </c>
      <c r="AY38" s="203">
        <v>0</v>
      </c>
      <c r="AZ38" s="203">
        <v>1</v>
      </c>
      <c r="BA38" s="203">
        <v>0</v>
      </c>
      <c r="BB38" s="203">
        <v>0</v>
      </c>
      <c r="BC38" s="203">
        <v>0</v>
      </c>
      <c r="BD38" s="208">
        <v>1</v>
      </c>
      <c r="BE38" s="207">
        <v>1</v>
      </c>
      <c r="BF38" s="202">
        <v>0</v>
      </c>
      <c r="BG38" s="203">
        <v>0</v>
      </c>
      <c r="BH38" s="208">
        <v>0</v>
      </c>
      <c r="BI38" s="205">
        <v>0</v>
      </c>
      <c r="BJ38" s="203">
        <v>0</v>
      </c>
      <c r="BK38" s="203">
        <v>0</v>
      </c>
      <c r="BL38" s="203">
        <v>0</v>
      </c>
      <c r="BM38" s="203">
        <v>1</v>
      </c>
      <c r="BN38" s="203">
        <v>0</v>
      </c>
      <c r="BO38" s="206">
        <v>1</v>
      </c>
      <c r="BP38" s="207">
        <v>1</v>
      </c>
      <c r="BQ38" s="202">
        <v>0</v>
      </c>
      <c r="BR38" s="203">
        <v>0</v>
      </c>
      <c r="BS38" s="208">
        <v>0</v>
      </c>
      <c r="BT38" s="205">
        <v>0</v>
      </c>
      <c r="BU38" s="203">
        <v>0</v>
      </c>
      <c r="BV38" s="203">
        <v>0</v>
      </c>
      <c r="BW38" s="203">
        <v>0</v>
      </c>
      <c r="BX38" s="203">
        <v>0</v>
      </c>
      <c r="BY38" s="203">
        <v>0</v>
      </c>
      <c r="BZ38" s="208">
        <v>0</v>
      </c>
      <c r="CA38" s="207">
        <v>0</v>
      </c>
      <c r="CB38" s="202">
        <v>0</v>
      </c>
      <c r="CC38" s="203">
        <v>0</v>
      </c>
      <c r="CD38" s="208">
        <v>0</v>
      </c>
      <c r="CE38" s="205">
        <v>0</v>
      </c>
      <c r="CF38" s="203">
        <v>0</v>
      </c>
      <c r="CG38" s="203">
        <v>0</v>
      </c>
      <c r="CH38" s="203">
        <v>0</v>
      </c>
      <c r="CI38" s="203">
        <v>0</v>
      </c>
      <c r="CJ38" s="203">
        <v>0</v>
      </c>
      <c r="CK38" s="208">
        <v>0</v>
      </c>
      <c r="CL38" s="207">
        <v>0</v>
      </c>
      <c r="CM38" s="202">
        <v>0</v>
      </c>
      <c r="CN38" s="203">
        <v>0</v>
      </c>
      <c r="CO38" s="208">
        <v>0</v>
      </c>
      <c r="CP38" s="205">
        <v>0</v>
      </c>
      <c r="CQ38" s="203">
        <v>0</v>
      </c>
      <c r="CR38" s="203">
        <v>0</v>
      </c>
      <c r="CS38" s="203">
        <v>0</v>
      </c>
      <c r="CT38" s="203">
        <v>0</v>
      </c>
      <c r="CU38" s="203">
        <v>0</v>
      </c>
      <c r="CV38" s="208">
        <v>0</v>
      </c>
      <c r="CW38" s="207">
        <v>0</v>
      </c>
    </row>
    <row r="39" spans="2:101" ht="21" customHeight="1" thickBot="1" x14ac:dyDescent="0.25">
      <c r="B39" s="175" t="s">
        <v>37</v>
      </c>
      <c r="C39" s="209">
        <v>0</v>
      </c>
      <c r="D39" s="215">
        <v>0</v>
      </c>
      <c r="E39" s="219">
        <v>0</v>
      </c>
      <c r="F39" s="212">
        <v>0</v>
      </c>
      <c r="G39" s="210">
        <v>0</v>
      </c>
      <c r="H39" s="210">
        <v>0</v>
      </c>
      <c r="I39" s="210">
        <v>0</v>
      </c>
      <c r="J39" s="210">
        <v>0</v>
      </c>
      <c r="K39" s="210">
        <v>0</v>
      </c>
      <c r="L39" s="213">
        <v>0</v>
      </c>
      <c r="M39" s="214">
        <v>0</v>
      </c>
      <c r="N39" s="209">
        <v>0</v>
      </c>
      <c r="O39" s="210">
        <v>0</v>
      </c>
      <c r="P39" s="215">
        <v>0</v>
      </c>
      <c r="Q39" s="212">
        <v>0</v>
      </c>
      <c r="R39" s="210">
        <v>0</v>
      </c>
      <c r="S39" s="210">
        <v>0</v>
      </c>
      <c r="T39" s="210">
        <v>0</v>
      </c>
      <c r="U39" s="210">
        <v>0</v>
      </c>
      <c r="V39" s="210">
        <v>0</v>
      </c>
      <c r="W39" s="215">
        <v>0</v>
      </c>
      <c r="X39" s="214">
        <v>0</v>
      </c>
      <c r="Y39" s="209">
        <v>0</v>
      </c>
      <c r="Z39" s="210">
        <v>0</v>
      </c>
      <c r="AA39" s="215">
        <v>0</v>
      </c>
      <c r="AB39" s="212">
        <v>0</v>
      </c>
      <c r="AC39" s="210">
        <v>0</v>
      </c>
      <c r="AD39" s="210">
        <v>0</v>
      </c>
      <c r="AE39" s="210">
        <v>0</v>
      </c>
      <c r="AF39" s="210">
        <v>0</v>
      </c>
      <c r="AG39" s="210">
        <v>0</v>
      </c>
      <c r="AH39" s="215">
        <v>0</v>
      </c>
      <c r="AI39" s="214">
        <v>0</v>
      </c>
      <c r="AJ39" s="209">
        <v>0</v>
      </c>
      <c r="AK39" s="210">
        <v>0</v>
      </c>
      <c r="AL39" s="215">
        <v>0</v>
      </c>
      <c r="AM39" s="212">
        <v>0</v>
      </c>
      <c r="AN39" s="210">
        <v>0</v>
      </c>
      <c r="AO39" s="210">
        <v>0</v>
      </c>
      <c r="AP39" s="210">
        <v>0</v>
      </c>
      <c r="AQ39" s="210">
        <v>0</v>
      </c>
      <c r="AR39" s="210">
        <v>0</v>
      </c>
      <c r="AS39" s="215">
        <v>0</v>
      </c>
      <c r="AT39" s="214">
        <v>0</v>
      </c>
      <c r="AU39" s="209">
        <v>0</v>
      </c>
      <c r="AV39" s="210">
        <v>0</v>
      </c>
      <c r="AW39" s="215">
        <v>0</v>
      </c>
      <c r="AX39" s="212">
        <v>0</v>
      </c>
      <c r="AY39" s="210">
        <v>0</v>
      </c>
      <c r="AZ39" s="210">
        <v>0</v>
      </c>
      <c r="BA39" s="210">
        <v>0</v>
      </c>
      <c r="BB39" s="210">
        <v>0</v>
      </c>
      <c r="BC39" s="210">
        <v>0</v>
      </c>
      <c r="BD39" s="215">
        <v>0</v>
      </c>
      <c r="BE39" s="214">
        <v>0</v>
      </c>
      <c r="BF39" s="209">
        <v>0</v>
      </c>
      <c r="BG39" s="210">
        <v>0</v>
      </c>
      <c r="BH39" s="215">
        <v>0</v>
      </c>
      <c r="BI39" s="212">
        <v>0</v>
      </c>
      <c r="BJ39" s="210">
        <v>0</v>
      </c>
      <c r="BK39" s="210">
        <v>0</v>
      </c>
      <c r="BL39" s="210">
        <v>0</v>
      </c>
      <c r="BM39" s="210">
        <v>0</v>
      </c>
      <c r="BN39" s="210">
        <v>0</v>
      </c>
      <c r="BO39" s="213">
        <v>0</v>
      </c>
      <c r="BP39" s="214">
        <v>0</v>
      </c>
      <c r="BQ39" s="209">
        <v>0</v>
      </c>
      <c r="BR39" s="210">
        <v>0</v>
      </c>
      <c r="BS39" s="215">
        <v>0</v>
      </c>
      <c r="BT39" s="212">
        <v>0</v>
      </c>
      <c r="BU39" s="210">
        <v>0</v>
      </c>
      <c r="BV39" s="210">
        <v>0</v>
      </c>
      <c r="BW39" s="210">
        <v>0</v>
      </c>
      <c r="BX39" s="210">
        <v>0</v>
      </c>
      <c r="BY39" s="210">
        <v>0</v>
      </c>
      <c r="BZ39" s="215">
        <v>0</v>
      </c>
      <c r="CA39" s="214">
        <v>0</v>
      </c>
      <c r="CB39" s="209">
        <v>0</v>
      </c>
      <c r="CC39" s="210">
        <v>0</v>
      </c>
      <c r="CD39" s="215">
        <v>0</v>
      </c>
      <c r="CE39" s="212">
        <v>0</v>
      </c>
      <c r="CF39" s="210">
        <v>0</v>
      </c>
      <c r="CG39" s="210">
        <v>0</v>
      </c>
      <c r="CH39" s="210">
        <v>0</v>
      </c>
      <c r="CI39" s="210">
        <v>0</v>
      </c>
      <c r="CJ39" s="210">
        <v>0</v>
      </c>
      <c r="CK39" s="215">
        <v>0</v>
      </c>
      <c r="CL39" s="214">
        <v>0</v>
      </c>
      <c r="CM39" s="209">
        <v>0</v>
      </c>
      <c r="CN39" s="210">
        <v>0</v>
      </c>
      <c r="CO39" s="215">
        <v>0</v>
      </c>
      <c r="CP39" s="212">
        <v>0</v>
      </c>
      <c r="CQ39" s="210">
        <v>0</v>
      </c>
      <c r="CR39" s="210">
        <v>0</v>
      </c>
      <c r="CS39" s="210">
        <v>0</v>
      </c>
      <c r="CT39" s="210">
        <v>0</v>
      </c>
      <c r="CU39" s="210">
        <v>0</v>
      </c>
      <c r="CV39" s="215">
        <v>0</v>
      </c>
      <c r="CW39" s="214">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38" customWidth="1"/>
    <col min="2" max="2" width="9.77734375" style="187" customWidth="1"/>
    <col min="3" max="4" width="9" style="187"/>
    <col min="5" max="5" width="10.33203125" style="187" customWidth="1"/>
    <col min="6" max="6" width="7.6640625" style="187" customWidth="1"/>
    <col min="7" max="7" width="8.44140625" style="187" customWidth="1"/>
    <col min="8" max="8" width="8.77734375" style="187" customWidth="1"/>
    <col min="9" max="16" width="9" style="187"/>
    <col min="17" max="17" width="7.21875" style="187" customWidth="1"/>
    <col min="18" max="27" width="9" style="187"/>
    <col min="28" max="28" width="7.6640625" style="187" customWidth="1"/>
    <col min="29" max="38" width="9" style="187"/>
    <col min="39" max="39" width="7.6640625" style="187" customWidth="1"/>
    <col min="40" max="49" width="9" style="187"/>
    <col min="50" max="50" width="7.6640625" style="187" customWidth="1"/>
    <col min="51" max="60" width="9" style="187"/>
    <col min="61" max="61" width="7.21875" style="187" customWidth="1"/>
    <col min="62" max="71" width="9" style="187"/>
    <col min="72" max="72" width="7.21875" style="187" customWidth="1"/>
    <col min="73" max="82" width="9" style="187"/>
    <col min="83" max="83" width="7.33203125" style="187" customWidth="1"/>
    <col min="84" max="93" width="9" style="187"/>
    <col min="94" max="94" width="7.44140625" style="187" customWidth="1"/>
    <col min="95" max="16384" width="9" style="187"/>
  </cols>
  <sheetData>
    <row r="1" spans="2:101" ht="24" customHeight="1" x14ac:dyDescent="0.2">
      <c r="B1" s="186" t="s">
        <v>122</v>
      </c>
      <c r="I1" s="464">
        <f>第１表!F2</f>
        <v>6</v>
      </c>
      <c r="J1" s="464"/>
      <c r="K1" s="43">
        <f>第１表!G2</f>
        <v>4</v>
      </c>
      <c r="L1" s="503">
        <f>IF(K1&lt;3,K1+12-2,K1-2)</f>
        <v>2</v>
      </c>
      <c r="M1" s="503"/>
    </row>
    <row r="2" spans="2:101" s="138" customFormat="1" ht="24" customHeight="1" thickBot="1" x14ac:dyDescent="0.25">
      <c r="B2" s="186" t="s">
        <v>152</v>
      </c>
    </row>
    <row r="3" spans="2:101" ht="21" customHeight="1" thickBot="1" x14ac:dyDescent="0.25">
      <c r="B3" s="516"/>
      <c r="C3" s="519" t="s">
        <v>94</v>
      </c>
      <c r="D3" s="520"/>
      <c r="E3" s="520"/>
      <c r="F3" s="520"/>
      <c r="G3" s="520"/>
      <c r="H3" s="520"/>
      <c r="I3" s="520"/>
      <c r="J3" s="520"/>
      <c r="K3" s="520"/>
      <c r="L3" s="520"/>
      <c r="M3" s="521"/>
      <c r="N3" s="519" t="s">
        <v>88</v>
      </c>
      <c r="O3" s="520"/>
      <c r="P3" s="520"/>
      <c r="Q3" s="520"/>
      <c r="R3" s="520"/>
      <c r="S3" s="520"/>
      <c r="T3" s="520"/>
      <c r="U3" s="520"/>
      <c r="V3" s="520"/>
      <c r="W3" s="520"/>
      <c r="X3" s="521"/>
      <c r="Y3" s="519" t="s">
        <v>139</v>
      </c>
      <c r="Z3" s="520"/>
      <c r="AA3" s="520"/>
      <c r="AB3" s="520"/>
      <c r="AC3" s="520"/>
      <c r="AD3" s="520"/>
      <c r="AE3" s="520"/>
      <c r="AF3" s="520"/>
      <c r="AG3" s="520"/>
      <c r="AH3" s="520"/>
      <c r="AI3" s="521"/>
      <c r="AJ3" s="519" t="s">
        <v>90</v>
      </c>
      <c r="AK3" s="520"/>
      <c r="AL3" s="520"/>
      <c r="AM3" s="520"/>
      <c r="AN3" s="520"/>
      <c r="AO3" s="520"/>
      <c r="AP3" s="520"/>
      <c r="AQ3" s="520"/>
      <c r="AR3" s="520"/>
      <c r="AS3" s="520"/>
      <c r="AT3" s="521"/>
      <c r="AU3" s="494" t="s">
        <v>89</v>
      </c>
      <c r="AV3" s="495"/>
      <c r="AW3" s="495"/>
      <c r="AX3" s="495"/>
      <c r="AY3" s="495"/>
      <c r="AZ3" s="495"/>
      <c r="BA3" s="495"/>
      <c r="BB3" s="495"/>
      <c r="BC3" s="495"/>
      <c r="BD3" s="495"/>
      <c r="BE3" s="496"/>
      <c r="BF3" s="494" t="s">
        <v>91</v>
      </c>
      <c r="BG3" s="495"/>
      <c r="BH3" s="495"/>
      <c r="BI3" s="495"/>
      <c r="BJ3" s="495"/>
      <c r="BK3" s="495"/>
      <c r="BL3" s="495"/>
      <c r="BM3" s="495"/>
      <c r="BN3" s="495"/>
      <c r="BO3" s="495"/>
      <c r="BP3" s="496"/>
      <c r="BQ3" s="494" t="s">
        <v>92</v>
      </c>
      <c r="BR3" s="495"/>
      <c r="BS3" s="495"/>
      <c r="BT3" s="495"/>
      <c r="BU3" s="495"/>
      <c r="BV3" s="495"/>
      <c r="BW3" s="495"/>
      <c r="BX3" s="495"/>
      <c r="BY3" s="495"/>
      <c r="BZ3" s="495"/>
      <c r="CA3" s="496"/>
      <c r="CB3" s="494" t="s">
        <v>93</v>
      </c>
      <c r="CC3" s="495"/>
      <c r="CD3" s="495"/>
      <c r="CE3" s="495"/>
      <c r="CF3" s="495"/>
      <c r="CG3" s="495"/>
      <c r="CH3" s="495"/>
      <c r="CI3" s="495"/>
      <c r="CJ3" s="495"/>
      <c r="CK3" s="495"/>
      <c r="CL3" s="496"/>
      <c r="CM3" s="495" t="s">
        <v>138</v>
      </c>
      <c r="CN3" s="495"/>
      <c r="CO3" s="495"/>
      <c r="CP3" s="495"/>
      <c r="CQ3" s="495"/>
      <c r="CR3" s="495"/>
      <c r="CS3" s="495"/>
      <c r="CT3" s="495"/>
      <c r="CU3" s="495"/>
      <c r="CV3" s="495"/>
      <c r="CW3" s="496"/>
    </row>
    <row r="4" spans="2:101" ht="21" customHeight="1" x14ac:dyDescent="0.2">
      <c r="B4" s="517"/>
      <c r="C4" s="497" t="s">
        <v>61</v>
      </c>
      <c r="D4" s="498"/>
      <c r="E4" s="499"/>
      <c r="F4" s="500" t="s">
        <v>62</v>
      </c>
      <c r="G4" s="498"/>
      <c r="H4" s="498"/>
      <c r="I4" s="498"/>
      <c r="J4" s="498"/>
      <c r="K4" s="498"/>
      <c r="L4" s="510"/>
      <c r="M4" s="501" t="s">
        <v>52</v>
      </c>
      <c r="N4" s="497" t="s">
        <v>61</v>
      </c>
      <c r="O4" s="498"/>
      <c r="P4" s="499"/>
      <c r="Q4" s="500" t="s">
        <v>62</v>
      </c>
      <c r="R4" s="498"/>
      <c r="S4" s="498"/>
      <c r="T4" s="498"/>
      <c r="U4" s="498"/>
      <c r="V4" s="498"/>
      <c r="W4" s="499"/>
      <c r="X4" s="501" t="s">
        <v>52</v>
      </c>
      <c r="Y4" s="497" t="s">
        <v>61</v>
      </c>
      <c r="Z4" s="498"/>
      <c r="AA4" s="499"/>
      <c r="AB4" s="500" t="s">
        <v>62</v>
      </c>
      <c r="AC4" s="498"/>
      <c r="AD4" s="498"/>
      <c r="AE4" s="498"/>
      <c r="AF4" s="498"/>
      <c r="AG4" s="498"/>
      <c r="AH4" s="499"/>
      <c r="AI4" s="501" t="s">
        <v>52</v>
      </c>
      <c r="AJ4" s="497" t="s">
        <v>61</v>
      </c>
      <c r="AK4" s="498"/>
      <c r="AL4" s="499"/>
      <c r="AM4" s="500" t="s">
        <v>62</v>
      </c>
      <c r="AN4" s="498"/>
      <c r="AO4" s="498"/>
      <c r="AP4" s="498"/>
      <c r="AQ4" s="498"/>
      <c r="AR4" s="498"/>
      <c r="AS4" s="499"/>
      <c r="AT4" s="501" t="s">
        <v>52</v>
      </c>
      <c r="AU4" s="525" t="s">
        <v>61</v>
      </c>
      <c r="AV4" s="523"/>
      <c r="AW4" s="524"/>
      <c r="AX4" s="522" t="s">
        <v>62</v>
      </c>
      <c r="AY4" s="523"/>
      <c r="AZ4" s="523"/>
      <c r="BA4" s="523"/>
      <c r="BB4" s="523"/>
      <c r="BC4" s="523"/>
      <c r="BD4" s="524"/>
      <c r="BE4" s="514" t="s">
        <v>52</v>
      </c>
      <c r="BF4" s="525" t="s">
        <v>61</v>
      </c>
      <c r="BG4" s="523"/>
      <c r="BH4" s="524"/>
      <c r="BI4" s="522" t="s">
        <v>62</v>
      </c>
      <c r="BJ4" s="523"/>
      <c r="BK4" s="523"/>
      <c r="BL4" s="523"/>
      <c r="BM4" s="523"/>
      <c r="BN4" s="523"/>
      <c r="BO4" s="524"/>
      <c r="BP4" s="514" t="s">
        <v>52</v>
      </c>
      <c r="BQ4" s="525" t="s">
        <v>61</v>
      </c>
      <c r="BR4" s="523"/>
      <c r="BS4" s="524"/>
      <c r="BT4" s="522" t="s">
        <v>62</v>
      </c>
      <c r="BU4" s="523"/>
      <c r="BV4" s="523"/>
      <c r="BW4" s="523"/>
      <c r="BX4" s="523"/>
      <c r="BY4" s="523"/>
      <c r="BZ4" s="524"/>
      <c r="CA4" s="514" t="s">
        <v>52</v>
      </c>
      <c r="CB4" s="525" t="s">
        <v>61</v>
      </c>
      <c r="CC4" s="523"/>
      <c r="CD4" s="524"/>
      <c r="CE4" s="522" t="s">
        <v>62</v>
      </c>
      <c r="CF4" s="523"/>
      <c r="CG4" s="523"/>
      <c r="CH4" s="523"/>
      <c r="CI4" s="523"/>
      <c r="CJ4" s="523"/>
      <c r="CK4" s="524"/>
      <c r="CL4" s="514" t="s">
        <v>52</v>
      </c>
      <c r="CM4" s="525" t="s">
        <v>61</v>
      </c>
      <c r="CN4" s="523"/>
      <c r="CO4" s="524"/>
      <c r="CP4" s="522" t="s">
        <v>62</v>
      </c>
      <c r="CQ4" s="523"/>
      <c r="CR4" s="523"/>
      <c r="CS4" s="523"/>
      <c r="CT4" s="523"/>
      <c r="CU4" s="523"/>
      <c r="CV4" s="524"/>
      <c r="CW4" s="514" t="s">
        <v>52</v>
      </c>
    </row>
    <row r="5" spans="2:101" ht="30" customHeight="1" thickBot="1" x14ac:dyDescent="0.25">
      <c r="B5" s="518"/>
      <c r="C5" s="194" t="s">
        <v>43</v>
      </c>
      <c r="D5" s="193" t="s">
        <v>44</v>
      </c>
      <c r="E5" s="216" t="s">
        <v>45</v>
      </c>
      <c r="F5" s="191" t="s">
        <v>83</v>
      </c>
      <c r="G5" s="189" t="s">
        <v>47</v>
      </c>
      <c r="H5" s="189" t="s">
        <v>48</v>
      </c>
      <c r="I5" s="189" t="s">
        <v>49</v>
      </c>
      <c r="J5" s="189" t="s">
        <v>50</v>
      </c>
      <c r="K5" s="189" t="s">
        <v>51</v>
      </c>
      <c r="L5" s="192" t="s">
        <v>45</v>
      </c>
      <c r="M5" s="502"/>
      <c r="N5" s="194" t="s">
        <v>43</v>
      </c>
      <c r="O5" s="189" t="s">
        <v>44</v>
      </c>
      <c r="P5" s="193" t="s">
        <v>45</v>
      </c>
      <c r="Q5" s="191" t="s">
        <v>83</v>
      </c>
      <c r="R5" s="189" t="s">
        <v>47</v>
      </c>
      <c r="S5" s="189" t="s">
        <v>48</v>
      </c>
      <c r="T5" s="189" t="s">
        <v>49</v>
      </c>
      <c r="U5" s="189" t="s">
        <v>50</v>
      </c>
      <c r="V5" s="189" t="s">
        <v>51</v>
      </c>
      <c r="W5" s="193" t="s">
        <v>45</v>
      </c>
      <c r="X5" s="502"/>
      <c r="Y5" s="194" t="s">
        <v>43</v>
      </c>
      <c r="Z5" s="189" t="s">
        <v>44</v>
      </c>
      <c r="AA5" s="193" t="s">
        <v>45</v>
      </c>
      <c r="AB5" s="191" t="s">
        <v>83</v>
      </c>
      <c r="AC5" s="189" t="s">
        <v>47</v>
      </c>
      <c r="AD5" s="189" t="s">
        <v>48</v>
      </c>
      <c r="AE5" s="189" t="s">
        <v>49</v>
      </c>
      <c r="AF5" s="189" t="s">
        <v>50</v>
      </c>
      <c r="AG5" s="189" t="s">
        <v>51</v>
      </c>
      <c r="AH5" s="193" t="s">
        <v>45</v>
      </c>
      <c r="AI5" s="502"/>
      <c r="AJ5" s="194" t="s">
        <v>43</v>
      </c>
      <c r="AK5" s="189" t="s">
        <v>44</v>
      </c>
      <c r="AL5" s="193" t="s">
        <v>45</v>
      </c>
      <c r="AM5" s="191" t="s">
        <v>83</v>
      </c>
      <c r="AN5" s="189" t="s">
        <v>47</v>
      </c>
      <c r="AO5" s="189" t="s">
        <v>48</v>
      </c>
      <c r="AP5" s="189" t="s">
        <v>49</v>
      </c>
      <c r="AQ5" s="189" t="s">
        <v>50</v>
      </c>
      <c r="AR5" s="189" t="s">
        <v>51</v>
      </c>
      <c r="AS5" s="193" t="s">
        <v>45</v>
      </c>
      <c r="AT5" s="502"/>
      <c r="AU5" s="194" t="s">
        <v>43</v>
      </c>
      <c r="AV5" s="189" t="s">
        <v>44</v>
      </c>
      <c r="AW5" s="193" t="s">
        <v>45</v>
      </c>
      <c r="AX5" s="191" t="s">
        <v>83</v>
      </c>
      <c r="AY5" s="189" t="s">
        <v>47</v>
      </c>
      <c r="AZ5" s="189" t="s">
        <v>48</v>
      </c>
      <c r="BA5" s="189" t="s">
        <v>49</v>
      </c>
      <c r="BB5" s="189" t="s">
        <v>50</v>
      </c>
      <c r="BC5" s="189" t="s">
        <v>51</v>
      </c>
      <c r="BD5" s="193" t="s">
        <v>45</v>
      </c>
      <c r="BE5" s="515"/>
      <c r="BF5" s="194" t="s">
        <v>43</v>
      </c>
      <c r="BG5" s="189" t="s">
        <v>44</v>
      </c>
      <c r="BH5" s="193" t="s">
        <v>45</v>
      </c>
      <c r="BI5" s="191" t="s">
        <v>83</v>
      </c>
      <c r="BJ5" s="189" t="s">
        <v>47</v>
      </c>
      <c r="BK5" s="189" t="s">
        <v>48</v>
      </c>
      <c r="BL5" s="189" t="s">
        <v>49</v>
      </c>
      <c r="BM5" s="189" t="s">
        <v>50</v>
      </c>
      <c r="BN5" s="189" t="s">
        <v>51</v>
      </c>
      <c r="BO5" s="193" t="s">
        <v>45</v>
      </c>
      <c r="BP5" s="515"/>
      <c r="BQ5" s="194" t="s">
        <v>43</v>
      </c>
      <c r="BR5" s="189" t="s">
        <v>44</v>
      </c>
      <c r="BS5" s="193" t="s">
        <v>45</v>
      </c>
      <c r="BT5" s="191" t="s">
        <v>83</v>
      </c>
      <c r="BU5" s="189" t="s">
        <v>47</v>
      </c>
      <c r="BV5" s="189" t="s">
        <v>48</v>
      </c>
      <c r="BW5" s="189" t="s">
        <v>49</v>
      </c>
      <c r="BX5" s="189" t="s">
        <v>50</v>
      </c>
      <c r="BY5" s="189" t="s">
        <v>51</v>
      </c>
      <c r="BZ5" s="193" t="s">
        <v>45</v>
      </c>
      <c r="CA5" s="515"/>
      <c r="CB5" s="194" t="s">
        <v>43</v>
      </c>
      <c r="CC5" s="189" t="s">
        <v>44</v>
      </c>
      <c r="CD5" s="193" t="s">
        <v>45</v>
      </c>
      <c r="CE5" s="191" t="s">
        <v>83</v>
      </c>
      <c r="CF5" s="189" t="s">
        <v>47</v>
      </c>
      <c r="CG5" s="189" t="s">
        <v>48</v>
      </c>
      <c r="CH5" s="189" t="s">
        <v>49</v>
      </c>
      <c r="CI5" s="189" t="s">
        <v>50</v>
      </c>
      <c r="CJ5" s="189" t="s">
        <v>51</v>
      </c>
      <c r="CK5" s="193" t="s">
        <v>45</v>
      </c>
      <c r="CL5" s="515"/>
      <c r="CM5" s="194" t="s">
        <v>43</v>
      </c>
      <c r="CN5" s="189" t="s">
        <v>44</v>
      </c>
      <c r="CO5" s="193" t="s">
        <v>45</v>
      </c>
      <c r="CP5" s="191" t="s">
        <v>83</v>
      </c>
      <c r="CQ5" s="189" t="s">
        <v>47</v>
      </c>
      <c r="CR5" s="189" t="s">
        <v>48</v>
      </c>
      <c r="CS5" s="189" t="s">
        <v>49</v>
      </c>
      <c r="CT5" s="189" t="s">
        <v>50</v>
      </c>
      <c r="CU5" s="189" t="s">
        <v>51</v>
      </c>
      <c r="CV5" s="193" t="s">
        <v>45</v>
      </c>
      <c r="CW5" s="515"/>
    </row>
    <row r="6" spans="2:101" ht="21" customHeight="1" x14ac:dyDescent="0.2">
      <c r="B6" s="151" t="s">
        <v>4</v>
      </c>
      <c r="C6" s="195">
        <v>0</v>
      </c>
      <c r="D6" s="201">
        <v>0</v>
      </c>
      <c r="E6" s="217">
        <v>0</v>
      </c>
      <c r="F6" s="198">
        <v>0</v>
      </c>
      <c r="G6" s="196">
        <v>19</v>
      </c>
      <c r="H6" s="196">
        <v>33</v>
      </c>
      <c r="I6" s="196">
        <v>24</v>
      </c>
      <c r="J6" s="196">
        <v>25</v>
      </c>
      <c r="K6" s="196">
        <v>21</v>
      </c>
      <c r="L6" s="199">
        <v>122</v>
      </c>
      <c r="M6" s="200">
        <v>122</v>
      </c>
      <c r="N6" s="195">
        <v>0</v>
      </c>
      <c r="O6" s="196">
        <v>0</v>
      </c>
      <c r="P6" s="201">
        <v>0</v>
      </c>
      <c r="Q6" s="198">
        <v>0</v>
      </c>
      <c r="R6" s="196">
        <v>11</v>
      </c>
      <c r="S6" s="196">
        <v>35</v>
      </c>
      <c r="T6" s="196">
        <v>26</v>
      </c>
      <c r="U6" s="196">
        <v>23</v>
      </c>
      <c r="V6" s="196">
        <v>19</v>
      </c>
      <c r="W6" s="201">
        <v>114</v>
      </c>
      <c r="X6" s="200">
        <v>114</v>
      </c>
      <c r="Y6" s="195">
        <v>0</v>
      </c>
      <c r="Z6" s="196">
        <v>0</v>
      </c>
      <c r="AA6" s="201">
        <v>0</v>
      </c>
      <c r="AB6" s="198">
        <v>0</v>
      </c>
      <c r="AC6" s="196">
        <v>853</v>
      </c>
      <c r="AD6" s="196">
        <v>728</v>
      </c>
      <c r="AE6" s="196">
        <v>301</v>
      </c>
      <c r="AF6" s="196">
        <v>124</v>
      </c>
      <c r="AG6" s="196">
        <v>49</v>
      </c>
      <c r="AH6" s="201">
        <v>2055</v>
      </c>
      <c r="AI6" s="200">
        <v>2055</v>
      </c>
      <c r="AJ6" s="195">
        <v>1</v>
      </c>
      <c r="AK6" s="196">
        <v>0</v>
      </c>
      <c r="AL6" s="201">
        <v>1</v>
      </c>
      <c r="AM6" s="198">
        <v>0</v>
      </c>
      <c r="AN6" s="196">
        <v>42</v>
      </c>
      <c r="AO6" s="196">
        <v>58</v>
      </c>
      <c r="AP6" s="196">
        <v>67</v>
      </c>
      <c r="AQ6" s="196">
        <v>21</v>
      </c>
      <c r="AR6" s="196">
        <v>20</v>
      </c>
      <c r="AS6" s="201">
        <v>208</v>
      </c>
      <c r="AT6" s="200">
        <v>209</v>
      </c>
      <c r="AU6" s="195">
        <v>11</v>
      </c>
      <c r="AV6" s="196">
        <v>23</v>
      </c>
      <c r="AW6" s="201">
        <v>34</v>
      </c>
      <c r="AX6" s="198">
        <v>0</v>
      </c>
      <c r="AY6" s="196">
        <v>70</v>
      </c>
      <c r="AZ6" s="196">
        <v>55</v>
      </c>
      <c r="BA6" s="196">
        <v>64</v>
      </c>
      <c r="BB6" s="196">
        <v>43</v>
      </c>
      <c r="BC6" s="196">
        <v>19</v>
      </c>
      <c r="BD6" s="201">
        <v>251</v>
      </c>
      <c r="BE6" s="200">
        <v>285</v>
      </c>
      <c r="BF6" s="195">
        <v>0</v>
      </c>
      <c r="BG6" s="196">
        <v>0</v>
      </c>
      <c r="BH6" s="201">
        <v>0</v>
      </c>
      <c r="BI6" s="198">
        <v>0</v>
      </c>
      <c r="BJ6" s="196">
        <v>70</v>
      </c>
      <c r="BK6" s="196">
        <v>103</v>
      </c>
      <c r="BL6" s="196">
        <v>133</v>
      </c>
      <c r="BM6" s="196">
        <v>89</v>
      </c>
      <c r="BN6" s="196">
        <v>76</v>
      </c>
      <c r="BO6" s="199">
        <v>471</v>
      </c>
      <c r="BP6" s="200">
        <v>471</v>
      </c>
      <c r="BQ6" s="195">
        <v>0</v>
      </c>
      <c r="BR6" s="196">
        <v>0</v>
      </c>
      <c r="BS6" s="201">
        <v>0</v>
      </c>
      <c r="BT6" s="198">
        <v>0</v>
      </c>
      <c r="BU6" s="196">
        <v>1</v>
      </c>
      <c r="BV6" s="196">
        <v>4</v>
      </c>
      <c r="BW6" s="196">
        <v>7</v>
      </c>
      <c r="BX6" s="196">
        <v>4</v>
      </c>
      <c r="BY6" s="196">
        <v>5</v>
      </c>
      <c r="BZ6" s="201">
        <v>21</v>
      </c>
      <c r="CA6" s="200">
        <v>21</v>
      </c>
      <c r="CB6" s="195">
        <v>0</v>
      </c>
      <c r="CC6" s="196">
        <v>0</v>
      </c>
      <c r="CD6" s="201">
        <v>0</v>
      </c>
      <c r="CE6" s="198">
        <v>0</v>
      </c>
      <c r="CF6" s="196">
        <v>0</v>
      </c>
      <c r="CG6" s="196">
        <v>3</v>
      </c>
      <c r="CH6" s="196">
        <v>6</v>
      </c>
      <c r="CI6" s="196">
        <v>20</v>
      </c>
      <c r="CJ6" s="196">
        <v>8</v>
      </c>
      <c r="CK6" s="201">
        <v>37</v>
      </c>
      <c r="CL6" s="200">
        <v>37</v>
      </c>
      <c r="CM6" s="195">
        <v>0</v>
      </c>
      <c r="CN6" s="196">
        <v>0</v>
      </c>
      <c r="CO6" s="201">
        <v>0</v>
      </c>
      <c r="CP6" s="198">
        <v>0</v>
      </c>
      <c r="CQ6" s="196">
        <v>6</v>
      </c>
      <c r="CR6" s="196">
        <v>18</v>
      </c>
      <c r="CS6" s="196">
        <v>16</v>
      </c>
      <c r="CT6" s="196">
        <v>16</v>
      </c>
      <c r="CU6" s="196">
        <v>34</v>
      </c>
      <c r="CV6" s="201">
        <v>90</v>
      </c>
      <c r="CW6" s="200">
        <v>90</v>
      </c>
    </row>
    <row r="7" spans="2:101" ht="21" customHeight="1" x14ac:dyDescent="0.2">
      <c r="B7" s="162" t="s">
        <v>5</v>
      </c>
      <c r="C7" s="202">
        <v>0</v>
      </c>
      <c r="D7" s="208">
        <v>0</v>
      </c>
      <c r="E7" s="218">
        <v>0</v>
      </c>
      <c r="F7" s="205">
        <v>0</v>
      </c>
      <c r="G7" s="203">
        <v>7</v>
      </c>
      <c r="H7" s="203">
        <v>12</v>
      </c>
      <c r="I7" s="203">
        <v>15</v>
      </c>
      <c r="J7" s="203">
        <v>8</v>
      </c>
      <c r="K7" s="203">
        <v>9</v>
      </c>
      <c r="L7" s="206">
        <v>51</v>
      </c>
      <c r="M7" s="207">
        <v>51</v>
      </c>
      <c r="N7" s="202">
        <v>0</v>
      </c>
      <c r="O7" s="203">
        <v>0</v>
      </c>
      <c r="P7" s="208">
        <v>0</v>
      </c>
      <c r="Q7" s="205">
        <v>0</v>
      </c>
      <c r="R7" s="203">
        <v>6</v>
      </c>
      <c r="S7" s="203">
        <v>22</v>
      </c>
      <c r="T7" s="203">
        <v>21</v>
      </c>
      <c r="U7" s="203">
        <v>14</v>
      </c>
      <c r="V7" s="203">
        <v>14</v>
      </c>
      <c r="W7" s="208">
        <v>77</v>
      </c>
      <c r="X7" s="207">
        <v>77</v>
      </c>
      <c r="Y7" s="202">
        <v>0</v>
      </c>
      <c r="Z7" s="203">
        <v>0</v>
      </c>
      <c r="AA7" s="208">
        <v>0</v>
      </c>
      <c r="AB7" s="205">
        <v>0</v>
      </c>
      <c r="AC7" s="203">
        <v>332</v>
      </c>
      <c r="AD7" s="203">
        <v>403</v>
      </c>
      <c r="AE7" s="203">
        <v>154</v>
      </c>
      <c r="AF7" s="203">
        <v>55</v>
      </c>
      <c r="AG7" s="203">
        <v>19</v>
      </c>
      <c r="AH7" s="208">
        <v>963</v>
      </c>
      <c r="AI7" s="207">
        <v>963</v>
      </c>
      <c r="AJ7" s="202">
        <v>1</v>
      </c>
      <c r="AK7" s="203">
        <v>0</v>
      </c>
      <c r="AL7" s="208">
        <v>1</v>
      </c>
      <c r="AM7" s="205">
        <v>0</v>
      </c>
      <c r="AN7" s="203">
        <v>21</v>
      </c>
      <c r="AO7" s="203">
        <v>32</v>
      </c>
      <c r="AP7" s="203">
        <v>34</v>
      </c>
      <c r="AQ7" s="203">
        <v>11</v>
      </c>
      <c r="AR7" s="203">
        <v>15</v>
      </c>
      <c r="AS7" s="208">
        <v>113</v>
      </c>
      <c r="AT7" s="207">
        <v>114</v>
      </c>
      <c r="AU7" s="202">
        <v>7</v>
      </c>
      <c r="AV7" s="203">
        <v>11</v>
      </c>
      <c r="AW7" s="208">
        <v>18</v>
      </c>
      <c r="AX7" s="205">
        <v>0</v>
      </c>
      <c r="AY7" s="203">
        <v>30</v>
      </c>
      <c r="AZ7" s="203">
        <v>21</v>
      </c>
      <c r="BA7" s="203">
        <v>28</v>
      </c>
      <c r="BB7" s="203">
        <v>26</v>
      </c>
      <c r="BC7" s="203">
        <v>7</v>
      </c>
      <c r="BD7" s="208">
        <v>112</v>
      </c>
      <c r="BE7" s="207">
        <v>130</v>
      </c>
      <c r="BF7" s="202">
        <v>0</v>
      </c>
      <c r="BG7" s="203">
        <v>0</v>
      </c>
      <c r="BH7" s="208">
        <v>0</v>
      </c>
      <c r="BI7" s="205">
        <v>0</v>
      </c>
      <c r="BJ7" s="203">
        <v>32</v>
      </c>
      <c r="BK7" s="203">
        <v>35</v>
      </c>
      <c r="BL7" s="203">
        <v>47</v>
      </c>
      <c r="BM7" s="203">
        <v>44</v>
      </c>
      <c r="BN7" s="203">
        <v>31</v>
      </c>
      <c r="BO7" s="206">
        <v>189</v>
      </c>
      <c r="BP7" s="207">
        <v>189</v>
      </c>
      <c r="BQ7" s="202">
        <v>0</v>
      </c>
      <c r="BR7" s="203">
        <v>0</v>
      </c>
      <c r="BS7" s="208">
        <v>0</v>
      </c>
      <c r="BT7" s="205">
        <v>0</v>
      </c>
      <c r="BU7" s="203">
        <v>0</v>
      </c>
      <c r="BV7" s="203">
        <v>0</v>
      </c>
      <c r="BW7" s="203">
        <v>0</v>
      </c>
      <c r="BX7" s="203">
        <v>0</v>
      </c>
      <c r="BY7" s="203">
        <v>0</v>
      </c>
      <c r="BZ7" s="208">
        <v>0</v>
      </c>
      <c r="CA7" s="207">
        <v>0</v>
      </c>
      <c r="CB7" s="202">
        <v>0</v>
      </c>
      <c r="CC7" s="203">
        <v>0</v>
      </c>
      <c r="CD7" s="208">
        <v>0</v>
      </c>
      <c r="CE7" s="205">
        <v>0</v>
      </c>
      <c r="CF7" s="203">
        <v>0</v>
      </c>
      <c r="CG7" s="203">
        <v>1</v>
      </c>
      <c r="CH7" s="203">
        <v>0</v>
      </c>
      <c r="CI7" s="203">
        <v>1</v>
      </c>
      <c r="CJ7" s="203">
        <v>1</v>
      </c>
      <c r="CK7" s="208">
        <v>3</v>
      </c>
      <c r="CL7" s="207">
        <v>3</v>
      </c>
      <c r="CM7" s="202">
        <v>0</v>
      </c>
      <c r="CN7" s="203">
        <v>0</v>
      </c>
      <c r="CO7" s="208">
        <v>0</v>
      </c>
      <c r="CP7" s="205">
        <v>0</v>
      </c>
      <c r="CQ7" s="203">
        <v>0</v>
      </c>
      <c r="CR7" s="203">
        <v>5</v>
      </c>
      <c r="CS7" s="203">
        <v>2</v>
      </c>
      <c r="CT7" s="203">
        <v>6</v>
      </c>
      <c r="CU7" s="203">
        <v>14</v>
      </c>
      <c r="CV7" s="208">
        <v>27</v>
      </c>
      <c r="CW7" s="207">
        <v>27</v>
      </c>
    </row>
    <row r="8" spans="2:101" ht="21" customHeight="1" x14ac:dyDescent="0.2">
      <c r="B8" s="173" t="s">
        <v>6</v>
      </c>
      <c r="C8" s="202">
        <v>0</v>
      </c>
      <c r="D8" s="208">
        <v>0</v>
      </c>
      <c r="E8" s="218">
        <v>0</v>
      </c>
      <c r="F8" s="205">
        <v>0</v>
      </c>
      <c r="G8" s="203">
        <v>5</v>
      </c>
      <c r="H8" s="203">
        <v>6</v>
      </c>
      <c r="I8" s="203">
        <v>6</v>
      </c>
      <c r="J8" s="203">
        <v>7</v>
      </c>
      <c r="K8" s="203">
        <v>6</v>
      </c>
      <c r="L8" s="206">
        <v>30</v>
      </c>
      <c r="M8" s="207">
        <v>30</v>
      </c>
      <c r="N8" s="202">
        <v>0</v>
      </c>
      <c r="O8" s="203">
        <v>0</v>
      </c>
      <c r="P8" s="208">
        <v>0</v>
      </c>
      <c r="Q8" s="205">
        <v>0</v>
      </c>
      <c r="R8" s="203">
        <v>4</v>
      </c>
      <c r="S8" s="203">
        <v>13</v>
      </c>
      <c r="T8" s="203">
        <v>5</v>
      </c>
      <c r="U8" s="203">
        <v>5</v>
      </c>
      <c r="V8" s="203">
        <v>5</v>
      </c>
      <c r="W8" s="208">
        <v>32</v>
      </c>
      <c r="X8" s="207">
        <v>32</v>
      </c>
      <c r="Y8" s="202">
        <v>0</v>
      </c>
      <c r="Z8" s="203">
        <v>0</v>
      </c>
      <c r="AA8" s="208">
        <v>0</v>
      </c>
      <c r="AB8" s="205">
        <v>0</v>
      </c>
      <c r="AC8" s="203">
        <v>145</v>
      </c>
      <c r="AD8" s="203">
        <v>85</v>
      </c>
      <c r="AE8" s="203">
        <v>40</v>
      </c>
      <c r="AF8" s="203">
        <v>18</v>
      </c>
      <c r="AG8" s="203">
        <v>9</v>
      </c>
      <c r="AH8" s="208">
        <v>297</v>
      </c>
      <c r="AI8" s="207">
        <v>297</v>
      </c>
      <c r="AJ8" s="202">
        <v>0</v>
      </c>
      <c r="AK8" s="203">
        <v>0</v>
      </c>
      <c r="AL8" s="208">
        <v>0</v>
      </c>
      <c r="AM8" s="205">
        <v>0</v>
      </c>
      <c r="AN8" s="203">
        <v>8</v>
      </c>
      <c r="AO8" s="203">
        <v>15</v>
      </c>
      <c r="AP8" s="203">
        <v>24</v>
      </c>
      <c r="AQ8" s="203">
        <v>4</v>
      </c>
      <c r="AR8" s="203">
        <v>3</v>
      </c>
      <c r="AS8" s="208">
        <v>54</v>
      </c>
      <c r="AT8" s="207">
        <v>54</v>
      </c>
      <c r="AU8" s="202">
        <v>1</v>
      </c>
      <c r="AV8" s="203">
        <v>6</v>
      </c>
      <c r="AW8" s="208">
        <v>7</v>
      </c>
      <c r="AX8" s="205">
        <v>0</v>
      </c>
      <c r="AY8" s="203">
        <v>10</v>
      </c>
      <c r="AZ8" s="203">
        <v>12</v>
      </c>
      <c r="BA8" s="203">
        <v>12</v>
      </c>
      <c r="BB8" s="203">
        <v>4</v>
      </c>
      <c r="BC8" s="203">
        <v>3</v>
      </c>
      <c r="BD8" s="208">
        <v>41</v>
      </c>
      <c r="BE8" s="207">
        <v>48</v>
      </c>
      <c r="BF8" s="202">
        <v>0</v>
      </c>
      <c r="BG8" s="203">
        <v>0</v>
      </c>
      <c r="BH8" s="208">
        <v>0</v>
      </c>
      <c r="BI8" s="205">
        <v>0</v>
      </c>
      <c r="BJ8" s="203">
        <v>19</v>
      </c>
      <c r="BK8" s="203">
        <v>24</v>
      </c>
      <c r="BL8" s="203">
        <v>30</v>
      </c>
      <c r="BM8" s="203">
        <v>14</v>
      </c>
      <c r="BN8" s="203">
        <v>20</v>
      </c>
      <c r="BO8" s="206">
        <v>107</v>
      </c>
      <c r="BP8" s="207">
        <v>107</v>
      </c>
      <c r="BQ8" s="202">
        <v>0</v>
      </c>
      <c r="BR8" s="203">
        <v>0</v>
      </c>
      <c r="BS8" s="208">
        <v>0</v>
      </c>
      <c r="BT8" s="205">
        <v>0</v>
      </c>
      <c r="BU8" s="203">
        <v>0</v>
      </c>
      <c r="BV8" s="203">
        <v>0</v>
      </c>
      <c r="BW8" s="203">
        <v>0</v>
      </c>
      <c r="BX8" s="203">
        <v>0</v>
      </c>
      <c r="BY8" s="203">
        <v>0</v>
      </c>
      <c r="BZ8" s="208">
        <v>0</v>
      </c>
      <c r="CA8" s="207">
        <v>0</v>
      </c>
      <c r="CB8" s="202">
        <v>0</v>
      </c>
      <c r="CC8" s="203">
        <v>0</v>
      </c>
      <c r="CD8" s="208">
        <v>0</v>
      </c>
      <c r="CE8" s="205">
        <v>0</v>
      </c>
      <c r="CF8" s="203">
        <v>0</v>
      </c>
      <c r="CG8" s="203">
        <v>1</v>
      </c>
      <c r="CH8" s="203">
        <v>5</v>
      </c>
      <c r="CI8" s="203">
        <v>7</v>
      </c>
      <c r="CJ8" s="203">
        <v>3</v>
      </c>
      <c r="CK8" s="208">
        <v>16</v>
      </c>
      <c r="CL8" s="207">
        <v>16</v>
      </c>
      <c r="CM8" s="202">
        <v>0</v>
      </c>
      <c r="CN8" s="203">
        <v>0</v>
      </c>
      <c r="CO8" s="208">
        <v>0</v>
      </c>
      <c r="CP8" s="205">
        <v>0</v>
      </c>
      <c r="CQ8" s="203">
        <v>4</v>
      </c>
      <c r="CR8" s="203">
        <v>6</v>
      </c>
      <c r="CS8" s="203">
        <v>8</v>
      </c>
      <c r="CT8" s="203">
        <v>5</v>
      </c>
      <c r="CU8" s="203">
        <v>7</v>
      </c>
      <c r="CV8" s="208">
        <v>30</v>
      </c>
      <c r="CW8" s="207">
        <v>30</v>
      </c>
    </row>
    <row r="9" spans="2:101" ht="21" customHeight="1" x14ac:dyDescent="0.2">
      <c r="B9" s="173" t="s">
        <v>14</v>
      </c>
      <c r="C9" s="202">
        <v>0</v>
      </c>
      <c r="D9" s="208">
        <v>0</v>
      </c>
      <c r="E9" s="218">
        <v>0</v>
      </c>
      <c r="F9" s="205">
        <v>0</v>
      </c>
      <c r="G9" s="203">
        <v>1</v>
      </c>
      <c r="H9" s="203">
        <v>4</v>
      </c>
      <c r="I9" s="203">
        <v>0</v>
      </c>
      <c r="J9" s="203">
        <v>1</v>
      </c>
      <c r="K9" s="203">
        <v>1</v>
      </c>
      <c r="L9" s="206">
        <v>7</v>
      </c>
      <c r="M9" s="207">
        <v>7</v>
      </c>
      <c r="N9" s="202">
        <v>0</v>
      </c>
      <c r="O9" s="203">
        <v>0</v>
      </c>
      <c r="P9" s="208">
        <v>0</v>
      </c>
      <c r="Q9" s="205">
        <v>0</v>
      </c>
      <c r="R9" s="203">
        <v>0</v>
      </c>
      <c r="S9" s="203">
        <v>0</v>
      </c>
      <c r="T9" s="203">
        <v>0</v>
      </c>
      <c r="U9" s="203">
        <v>0</v>
      </c>
      <c r="V9" s="203">
        <v>0</v>
      </c>
      <c r="W9" s="208">
        <v>0</v>
      </c>
      <c r="X9" s="207">
        <v>0</v>
      </c>
      <c r="Y9" s="202">
        <v>0</v>
      </c>
      <c r="Z9" s="203">
        <v>0</v>
      </c>
      <c r="AA9" s="208">
        <v>0</v>
      </c>
      <c r="AB9" s="205">
        <v>0</v>
      </c>
      <c r="AC9" s="203">
        <v>34</v>
      </c>
      <c r="AD9" s="203">
        <v>54</v>
      </c>
      <c r="AE9" s="203">
        <v>17</v>
      </c>
      <c r="AF9" s="203">
        <v>10</v>
      </c>
      <c r="AG9" s="203">
        <v>4</v>
      </c>
      <c r="AH9" s="208">
        <v>119</v>
      </c>
      <c r="AI9" s="207">
        <v>119</v>
      </c>
      <c r="AJ9" s="202">
        <v>0</v>
      </c>
      <c r="AK9" s="203">
        <v>0</v>
      </c>
      <c r="AL9" s="208">
        <v>0</v>
      </c>
      <c r="AM9" s="205">
        <v>0</v>
      </c>
      <c r="AN9" s="203">
        <v>1</v>
      </c>
      <c r="AO9" s="203">
        <v>1</v>
      </c>
      <c r="AP9" s="203">
        <v>1</v>
      </c>
      <c r="AQ9" s="203">
        <v>1</v>
      </c>
      <c r="AR9" s="203">
        <v>0</v>
      </c>
      <c r="AS9" s="208">
        <v>4</v>
      </c>
      <c r="AT9" s="207">
        <v>4</v>
      </c>
      <c r="AU9" s="202">
        <v>2</v>
      </c>
      <c r="AV9" s="203">
        <v>0</v>
      </c>
      <c r="AW9" s="208">
        <v>2</v>
      </c>
      <c r="AX9" s="205">
        <v>0</v>
      </c>
      <c r="AY9" s="203">
        <v>5</v>
      </c>
      <c r="AZ9" s="203">
        <v>6</v>
      </c>
      <c r="BA9" s="203">
        <v>4</v>
      </c>
      <c r="BB9" s="203">
        <v>1</v>
      </c>
      <c r="BC9" s="203">
        <v>2</v>
      </c>
      <c r="BD9" s="208">
        <v>18</v>
      </c>
      <c r="BE9" s="207">
        <v>20</v>
      </c>
      <c r="BF9" s="202">
        <v>0</v>
      </c>
      <c r="BG9" s="203">
        <v>0</v>
      </c>
      <c r="BH9" s="208">
        <v>0</v>
      </c>
      <c r="BI9" s="205">
        <v>0</v>
      </c>
      <c r="BJ9" s="203">
        <v>4</v>
      </c>
      <c r="BK9" s="203">
        <v>6</v>
      </c>
      <c r="BL9" s="203">
        <v>15</v>
      </c>
      <c r="BM9" s="203">
        <v>9</v>
      </c>
      <c r="BN9" s="203">
        <v>6</v>
      </c>
      <c r="BO9" s="206">
        <v>40</v>
      </c>
      <c r="BP9" s="207">
        <v>40</v>
      </c>
      <c r="BQ9" s="202">
        <v>0</v>
      </c>
      <c r="BR9" s="203">
        <v>0</v>
      </c>
      <c r="BS9" s="208">
        <v>0</v>
      </c>
      <c r="BT9" s="205">
        <v>0</v>
      </c>
      <c r="BU9" s="203">
        <v>0</v>
      </c>
      <c r="BV9" s="203">
        <v>0</v>
      </c>
      <c r="BW9" s="203">
        <v>0</v>
      </c>
      <c r="BX9" s="203">
        <v>0</v>
      </c>
      <c r="BY9" s="203">
        <v>0</v>
      </c>
      <c r="BZ9" s="208">
        <v>0</v>
      </c>
      <c r="CA9" s="207">
        <v>0</v>
      </c>
      <c r="CB9" s="202">
        <v>0</v>
      </c>
      <c r="CC9" s="203">
        <v>0</v>
      </c>
      <c r="CD9" s="208">
        <v>0</v>
      </c>
      <c r="CE9" s="205">
        <v>0</v>
      </c>
      <c r="CF9" s="203">
        <v>0</v>
      </c>
      <c r="CG9" s="203">
        <v>1</v>
      </c>
      <c r="CH9" s="203">
        <v>0</v>
      </c>
      <c r="CI9" s="203">
        <v>2</v>
      </c>
      <c r="CJ9" s="203">
        <v>0</v>
      </c>
      <c r="CK9" s="208">
        <v>3</v>
      </c>
      <c r="CL9" s="207">
        <v>3</v>
      </c>
      <c r="CM9" s="202">
        <v>0</v>
      </c>
      <c r="CN9" s="203">
        <v>0</v>
      </c>
      <c r="CO9" s="208">
        <v>0</v>
      </c>
      <c r="CP9" s="205">
        <v>0</v>
      </c>
      <c r="CQ9" s="203">
        <v>0</v>
      </c>
      <c r="CR9" s="203">
        <v>2</v>
      </c>
      <c r="CS9" s="203">
        <v>2</v>
      </c>
      <c r="CT9" s="203">
        <v>2</v>
      </c>
      <c r="CU9" s="203">
        <v>1</v>
      </c>
      <c r="CV9" s="208">
        <v>7</v>
      </c>
      <c r="CW9" s="207">
        <v>7</v>
      </c>
    </row>
    <row r="10" spans="2:101" ht="21" customHeight="1" x14ac:dyDescent="0.2">
      <c r="B10" s="173" t="s">
        <v>7</v>
      </c>
      <c r="C10" s="202">
        <v>0</v>
      </c>
      <c r="D10" s="208">
        <v>0</v>
      </c>
      <c r="E10" s="218">
        <v>0</v>
      </c>
      <c r="F10" s="205">
        <v>0</v>
      </c>
      <c r="G10" s="203">
        <v>1</v>
      </c>
      <c r="H10" s="203">
        <v>1</v>
      </c>
      <c r="I10" s="203">
        <v>0</v>
      </c>
      <c r="J10" s="203">
        <v>0</v>
      </c>
      <c r="K10" s="203">
        <v>0</v>
      </c>
      <c r="L10" s="206">
        <v>2</v>
      </c>
      <c r="M10" s="207">
        <v>2</v>
      </c>
      <c r="N10" s="202">
        <v>0</v>
      </c>
      <c r="O10" s="203">
        <v>0</v>
      </c>
      <c r="P10" s="208">
        <v>0</v>
      </c>
      <c r="Q10" s="205">
        <v>0</v>
      </c>
      <c r="R10" s="203">
        <v>0</v>
      </c>
      <c r="S10" s="203">
        <v>0</v>
      </c>
      <c r="T10" s="203">
        <v>0</v>
      </c>
      <c r="U10" s="203">
        <v>0</v>
      </c>
      <c r="V10" s="203">
        <v>0</v>
      </c>
      <c r="W10" s="208">
        <v>0</v>
      </c>
      <c r="X10" s="207">
        <v>0</v>
      </c>
      <c r="Y10" s="202">
        <v>0</v>
      </c>
      <c r="Z10" s="203">
        <v>0</v>
      </c>
      <c r="AA10" s="208">
        <v>0</v>
      </c>
      <c r="AB10" s="205">
        <v>0</v>
      </c>
      <c r="AC10" s="203">
        <v>38</v>
      </c>
      <c r="AD10" s="203">
        <v>18</v>
      </c>
      <c r="AE10" s="203">
        <v>7</v>
      </c>
      <c r="AF10" s="203">
        <v>3</v>
      </c>
      <c r="AG10" s="203">
        <v>2</v>
      </c>
      <c r="AH10" s="208">
        <v>68</v>
      </c>
      <c r="AI10" s="207">
        <v>68</v>
      </c>
      <c r="AJ10" s="202">
        <v>0</v>
      </c>
      <c r="AK10" s="203">
        <v>0</v>
      </c>
      <c r="AL10" s="208">
        <v>0</v>
      </c>
      <c r="AM10" s="205">
        <v>0</v>
      </c>
      <c r="AN10" s="203">
        <v>3</v>
      </c>
      <c r="AO10" s="203">
        <v>4</v>
      </c>
      <c r="AP10" s="203">
        <v>3</v>
      </c>
      <c r="AQ10" s="203">
        <v>1</v>
      </c>
      <c r="AR10" s="203">
        <v>0</v>
      </c>
      <c r="AS10" s="208">
        <v>11</v>
      </c>
      <c r="AT10" s="207">
        <v>11</v>
      </c>
      <c r="AU10" s="202">
        <v>0</v>
      </c>
      <c r="AV10" s="203">
        <v>0</v>
      </c>
      <c r="AW10" s="208">
        <v>0</v>
      </c>
      <c r="AX10" s="205">
        <v>0</v>
      </c>
      <c r="AY10" s="203">
        <v>1</v>
      </c>
      <c r="AZ10" s="203">
        <v>0</v>
      </c>
      <c r="BA10" s="203">
        <v>1</v>
      </c>
      <c r="BB10" s="203">
        <v>1</v>
      </c>
      <c r="BC10" s="203">
        <v>1</v>
      </c>
      <c r="BD10" s="208">
        <v>4</v>
      </c>
      <c r="BE10" s="207">
        <v>4</v>
      </c>
      <c r="BF10" s="202">
        <v>0</v>
      </c>
      <c r="BG10" s="203">
        <v>0</v>
      </c>
      <c r="BH10" s="208">
        <v>0</v>
      </c>
      <c r="BI10" s="205">
        <v>0</v>
      </c>
      <c r="BJ10" s="203">
        <v>1</v>
      </c>
      <c r="BK10" s="203">
        <v>3</v>
      </c>
      <c r="BL10" s="203">
        <v>4</v>
      </c>
      <c r="BM10" s="203">
        <v>4</v>
      </c>
      <c r="BN10" s="203">
        <v>2</v>
      </c>
      <c r="BO10" s="206">
        <v>14</v>
      </c>
      <c r="BP10" s="207">
        <v>14</v>
      </c>
      <c r="BQ10" s="202">
        <v>0</v>
      </c>
      <c r="BR10" s="203">
        <v>0</v>
      </c>
      <c r="BS10" s="208">
        <v>0</v>
      </c>
      <c r="BT10" s="205">
        <v>0</v>
      </c>
      <c r="BU10" s="203">
        <v>0</v>
      </c>
      <c r="BV10" s="203">
        <v>0</v>
      </c>
      <c r="BW10" s="203">
        <v>0</v>
      </c>
      <c r="BX10" s="203">
        <v>0</v>
      </c>
      <c r="BY10" s="203">
        <v>0</v>
      </c>
      <c r="BZ10" s="208">
        <v>0</v>
      </c>
      <c r="CA10" s="207">
        <v>0</v>
      </c>
      <c r="CB10" s="202">
        <v>0</v>
      </c>
      <c r="CC10" s="203">
        <v>0</v>
      </c>
      <c r="CD10" s="208">
        <v>0</v>
      </c>
      <c r="CE10" s="205">
        <v>0</v>
      </c>
      <c r="CF10" s="203">
        <v>0</v>
      </c>
      <c r="CG10" s="203">
        <v>0</v>
      </c>
      <c r="CH10" s="203">
        <v>0</v>
      </c>
      <c r="CI10" s="203">
        <v>0</v>
      </c>
      <c r="CJ10" s="203">
        <v>0</v>
      </c>
      <c r="CK10" s="208">
        <v>0</v>
      </c>
      <c r="CL10" s="207">
        <v>0</v>
      </c>
      <c r="CM10" s="202">
        <v>0</v>
      </c>
      <c r="CN10" s="203">
        <v>0</v>
      </c>
      <c r="CO10" s="208">
        <v>0</v>
      </c>
      <c r="CP10" s="205">
        <v>0</v>
      </c>
      <c r="CQ10" s="203">
        <v>1</v>
      </c>
      <c r="CR10" s="203">
        <v>0</v>
      </c>
      <c r="CS10" s="203">
        <v>0</v>
      </c>
      <c r="CT10" s="203">
        <v>0</v>
      </c>
      <c r="CU10" s="203">
        <v>1</v>
      </c>
      <c r="CV10" s="208">
        <v>2</v>
      </c>
      <c r="CW10" s="207">
        <v>2</v>
      </c>
    </row>
    <row r="11" spans="2:101" ht="21" customHeight="1" x14ac:dyDescent="0.2">
      <c r="B11" s="173" t="s">
        <v>8</v>
      </c>
      <c r="C11" s="202">
        <v>0</v>
      </c>
      <c r="D11" s="208">
        <v>0</v>
      </c>
      <c r="E11" s="218">
        <v>0</v>
      </c>
      <c r="F11" s="205">
        <v>0</v>
      </c>
      <c r="G11" s="203">
        <v>0</v>
      </c>
      <c r="H11" s="203">
        <v>0</v>
      </c>
      <c r="I11" s="203">
        <v>0</v>
      </c>
      <c r="J11" s="203">
        <v>1</v>
      </c>
      <c r="K11" s="203">
        <v>0</v>
      </c>
      <c r="L11" s="206">
        <v>1</v>
      </c>
      <c r="M11" s="207">
        <v>1</v>
      </c>
      <c r="N11" s="202">
        <v>0</v>
      </c>
      <c r="O11" s="203">
        <v>0</v>
      </c>
      <c r="P11" s="208">
        <v>0</v>
      </c>
      <c r="Q11" s="205">
        <v>0</v>
      </c>
      <c r="R11" s="203">
        <v>0</v>
      </c>
      <c r="S11" s="203">
        <v>0</v>
      </c>
      <c r="T11" s="203">
        <v>0</v>
      </c>
      <c r="U11" s="203">
        <v>0</v>
      </c>
      <c r="V11" s="203">
        <v>0</v>
      </c>
      <c r="W11" s="208">
        <v>0</v>
      </c>
      <c r="X11" s="207">
        <v>0</v>
      </c>
      <c r="Y11" s="202">
        <v>0</v>
      </c>
      <c r="Z11" s="203">
        <v>0</v>
      </c>
      <c r="AA11" s="208">
        <v>0</v>
      </c>
      <c r="AB11" s="205">
        <v>0</v>
      </c>
      <c r="AC11" s="203">
        <v>44</v>
      </c>
      <c r="AD11" s="203">
        <v>18</v>
      </c>
      <c r="AE11" s="203">
        <v>7</v>
      </c>
      <c r="AF11" s="203">
        <v>3</v>
      </c>
      <c r="AG11" s="203">
        <v>2</v>
      </c>
      <c r="AH11" s="208">
        <v>74</v>
      </c>
      <c r="AI11" s="207">
        <v>74</v>
      </c>
      <c r="AJ11" s="202">
        <v>0</v>
      </c>
      <c r="AK11" s="203">
        <v>0</v>
      </c>
      <c r="AL11" s="208">
        <v>0</v>
      </c>
      <c r="AM11" s="205">
        <v>0</v>
      </c>
      <c r="AN11" s="203">
        <v>0</v>
      </c>
      <c r="AO11" s="203">
        <v>0</v>
      </c>
      <c r="AP11" s="203">
        <v>0</v>
      </c>
      <c r="AQ11" s="203">
        <v>0</v>
      </c>
      <c r="AR11" s="203">
        <v>0</v>
      </c>
      <c r="AS11" s="208">
        <v>0</v>
      </c>
      <c r="AT11" s="207">
        <v>0</v>
      </c>
      <c r="AU11" s="202">
        <v>0</v>
      </c>
      <c r="AV11" s="203">
        <v>0</v>
      </c>
      <c r="AW11" s="208">
        <v>0</v>
      </c>
      <c r="AX11" s="205">
        <v>0</v>
      </c>
      <c r="AY11" s="203">
        <v>1</v>
      </c>
      <c r="AZ11" s="203">
        <v>0</v>
      </c>
      <c r="BA11" s="203">
        <v>4</v>
      </c>
      <c r="BB11" s="203">
        <v>2</v>
      </c>
      <c r="BC11" s="203">
        <v>0</v>
      </c>
      <c r="BD11" s="208">
        <v>7</v>
      </c>
      <c r="BE11" s="207">
        <v>7</v>
      </c>
      <c r="BF11" s="202">
        <v>0</v>
      </c>
      <c r="BG11" s="203">
        <v>0</v>
      </c>
      <c r="BH11" s="208">
        <v>0</v>
      </c>
      <c r="BI11" s="205">
        <v>0</v>
      </c>
      <c r="BJ11" s="203">
        <v>0</v>
      </c>
      <c r="BK11" s="203">
        <v>4</v>
      </c>
      <c r="BL11" s="203">
        <v>2</v>
      </c>
      <c r="BM11" s="203">
        <v>2</v>
      </c>
      <c r="BN11" s="203">
        <v>0</v>
      </c>
      <c r="BO11" s="206">
        <v>8</v>
      </c>
      <c r="BP11" s="207">
        <v>8</v>
      </c>
      <c r="BQ11" s="202">
        <v>0</v>
      </c>
      <c r="BR11" s="203">
        <v>0</v>
      </c>
      <c r="BS11" s="208">
        <v>0</v>
      </c>
      <c r="BT11" s="205">
        <v>0</v>
      </c>
      <c r="BU11" s="203">
        <v>0</v>
      </c>
      <c r="BV11" s="203">
        <v>0</v>
      </c>
      <c r="BW11" s="203">
        <v>0</v>
      </c>
      <c r="BX11" s="203">
        <v>1</v>
      </c>
      <c r="BY11" s="203">
        <v>1</v>
      </c>
      <c r="BZ11" s="208">
        <v>2</v>
      </c>
      <c r="CA11" s="207">
        <v>2</v>
      </c>
      <c r="CB11" s="202">
        <v>0</v>
      </c>
      <c r="CC11" s="203">
        <v>0</v>
      </c>
      <c r="CD11" s="208">
        <v>0</v>
      </c>
      <c r="CE11" s="205">
        <v>0</v>
      </c>
      <c r="CF11" s="203">
        <v>0</v>
      </c>
      <c r="CG11" s="203">
        <v>0</v>
      </c>
      <c r="CH11" s="203">
        <v>0</v>
      </c>
      <c r="CI11" s="203">
        <v>2</v>
      </c>
      <c r="CJ11" s="203">
        <v>0</v>
      </c>
      <c r="CK11" s="208">
        <v>2</v>
      </c>
      <c r="CL11" s="207">
        <v>2</v>
      </c>
      <c r="CM11" s="202">
        <v>0</v>
      </c>
      <c r="CN11" s="203">
        <v>0</v>
      </c>
      <c r="CO11" s="208">
        <v>0</v>
      </c>
      <c r="CP11" s="205">
        <v>0</v>
      </c>
      <c r="CQ11" s="203">
        <v>1</v>
      </c>
      <c r="CR11" s="203">
        <v>0</v>
      </c>
      <c r="CS11" s="203">
        <v>0</v>
      </c>
      <c r="CT11" s="203">
        <v>0</v>
      </c>
      <c r="CU11" s="203">
        <v>0</v>
      </c>
      <c r="CV11" s="208">
        <v>1</v>
      </c>
      <c r="CW11" s="207">
        <v>1</v>
      </c>
    </row>
    <row r="12" spans="2:101" ht="21" customHeight="1" x14ac:dyDescent="0.2">
      <c r="B12" s="173" t="s">
        <v>9</v>
      </c>
      <c r="C12" s="202">
        <v>0</v>
      </c>
      <c r="D12" s="208">
        <v>0</v>
      </c>
      <c r="E12" s="218">
        <v>0</v>
      </c>
      <c r="F12" s="205">
        <v>0</v>
      </c>
      <c r="G12" s="203">
        <v>0</v>
      </c>
      <c r="H12" s="203">
        <v>1</v>
      </c>
      <c r="I12" s="203">
        <v>1</v>
      </c>
      <c r="J12" s="203">
        <v>1</v>
      </c>
      <c r="K12" s="203">
        <v>1</v>
      </c>
      <c r="L12" s="206">
        <v>4</v>
      </c>
      <c r="M12" s="207">
        <v>4</v>
      </c>
      <c r="N12" s="202">
        <v>0</v>
      </c>
      <c r="O12" s="203">
        <v>0</v>
      </c>
      <c r="P12" s="208">
        <v>0</v>
      </c>
      <c r="Q12" s="205">
        <v>0</v>
      </c>
      <c r="R12" s="203">
        <v>0</v>
      </c>
      <c r="S12" s="203">
        <v>0</v>
      </c>
      <c r="T12" s="203">
        <v>0</v>
      </c>
      <c r="U12" s="203">
        <v>0</v>
      </c>
      <c r="V12" s="203">
        <v>0</v>
      </c>
      <c r="W12" s="208">
        <v>0</v>
      </c>
      <c r="X12" s="207">
        <v>0</v>
      </c>
      <c r="Y12" s="202">
        <v>0</v>
      </c>
      <c r="Z12" s="203">
        <v>0</v>
      </c>
      <c r="AA12" s="208">
        <v>0</v>
      </c>
      <c r="AB12" s="205">
        <v>0</v>
      </c>
      <c r="AC12" s="203">
        <v>48</v>
      </c>
      <c r="AD12" s="203">
        <v>24</v>
      </c>
      <c r="AE12" s="203">
        <v>17</v>
      </c>
      <c r="AF12" s="203">
        <v>5</v>
      </c>
      <c r="AG12" s="203">
        <v>2</v>
      </c>
      <c r="AH12" s="208">
        <v>96</v>
      </c>
      <c r="AI12" s="207">
        <v>96</v>
      </c>
      <c r="AJ12" s="202">
        <v>0</v>
      </c>
      <c r="AK12" s="203">
        <v>0</v>
      </c>
      <c r="AL12" s="208">
        <v>0</v>
      </c>
      <c r="AM12" s="205">
        <v>0</v>
      </c>
      <c r="AN12" s="203">
        <v>0</v>
      </c>
      <c r="AO12" s="203">
        <v>1</v>
      </c>
      <c r="AP12" s="203">
        <v>0</v>
      </c>
      <c r="AQ12" s="203">
        <v>0</v>
      </c>
      <c r="AR12" s="203">
        <v>0</v>
      </c>
      <c r="AS12" s="208">
        <v>1</v>
      </c>
      <c r="AT12" s="207">
        <v>1</v>
      </c>
      <c r="AU12" s="202">
        <v>0</v>
      </c>
      <c r="AV12" s="203">
        <v>1</v>
      </c>
      <c r="AW12" s="208">
        <v>1</v>
      </c>
      <c r="AX12" s="205">
        <v>0</v>
      </c>
      <c r="AY12" s="203">
        <v>4</v>
      </c>
      <c r="AZ12" s="203">
        <v>0</v>
      </c>
      <c r="BA12" s="203">
        <v>2</v>
      </c>
      <c r="BB12" s="203">
        <v>0</v>
      </c>
      <c r="BC12" s="203">
        <v>2</v>
      </c>
      <c r="BD12" s="208">
        <v>8</v>
      </c>
      <c r="BE12" s="207">
        <v>9</v>
      </c>
      <c r="BF12" s="202">
        <v>0</v>
      </c>
      <c r="BG12" s="203">
        <v>0</v>
      </c>
      <c r="BH12" s="208">
        <v>0</v>
      </c>
      <c r="BI12" s="205">
        <v>0</v>
      </c>
      <c r="BJ12" s="203">
        <v>0</v>
      </c>
      <c r="BK12" s="203">
        <v>2</v>
      </c>
      <c r="BL12" s="203">
        <v>6</v>
      </c>
      <c r="BM12" s="203">
        <v>4</v>
      </c>
      <c r="BN12" s="203">
        <v>0</v>
      </c>
      <c r="BO12" s="206">
        <v>12</v>
      </c>
      <c r="BP12" s="207">
        <v>12</v>
      </c>
      <c r="BQ12" s="202">
        <v>0</v>
      </c>
      <c r="BR12" s="203">
        <v>0</v>
      </c>
      <c r="BS12" s="208">
        <v>0</v>
      </c>
      <c r="BT12" s="205">
        <v>0</v>
      </c>
      <c r="BU12" s="203">
        <v>0</v>
      </c>
      <c r="BV12" s="203">
        <v>1</v>
      </c>
      <c r="BW12" s="203">
        <v>1</v>
      </c>
      <c r="BX12" s="203">
        <v>0</v>
      </c>
      <c r="BY12" s="203">
        <v>1</v>
      </c>
      <c r="BZ12" s="208">
        <v>3</v>
      </c>
      <c r="CA12" s="207">
        <v>3</v>
      </c>
      <c r="CB12" s="202">
        <v>0</v>
      </c>
      <c r="CC12" s="203">
        <v>0</v>
      </c>
      <c r="CD12" s="208">
        <v>0</v>
      </c>
      <c r="CE12" s="205">
        <v>0</v>
      </c>
      <c r="CF12" s="203">
        <v>0</v>
      </c>
      <c r="CG12" s="203">
        <v>0</v>
      </c>
      <c r="CH12" s="203">
        <v>0</v>
      </c>
      <c r="CI12" s="203">
        <v>0</v>
      </c>
      <c r="CJ12" s="203">
        <v>0</v>
      </c>
      <c r="CK12" s="208">
        <v>0</v>
      </c>
      <c r="CL12" s="207">
        <v>0</v>
      </c>
      <c r="CM12" s="202">
        <v>0</v>
      </c>
      <c r="CN12" s="203">
        <v>0</v>
      </c>
      <c r="CO12" s="208">
        <v>0</v>
      </c>
      <c r="CP12" s="205">
        <v>0</v>
      </c>
      <c r="CQ12" s="203">
        <v>0</v>
      </c>
      <c r="CR12" s="203">
        <v>2</v>
      </c>
      <c r="CS12" s="203">
        <v>0</v>
      </c>
      <c r="CT12" s="203">
        <v>0</v>
      </c>
      <c r="CU12" s="203">
        <v>2</v>
      </c>
      <c r="CV12" s="208">
        <v>4</v>
      </c>
      <c r="CW12" s="207">
        <v>4</v>
      </c>
    </row>
    <row r="13" spans="2:101" ht="21" customHeight="1" x14ac:dyDescent="0.2">
      <c r="B13" s="173" t="s">
        <v>10</v>
      </c>
      <c r="C13" s="202">
        <v>0</v>
      </c>
      <c r="D13" s="208">
        <v>0</v>
      </c>
      <c r="E13" s="218">
        <v>0</v>
      </c>
      <c r="F13" s="205">
        <v>0</v>
      </c>
      <c r="G13" s="203">
        <v>2</v>
      </c>
      <c r="H13" s="203">
        <v>2</v>
      </c>
      <c r="I13" s="203">
        <v>1</v>
      </c>
      <c r="J13" s="203">
        <v>1</v>
      </c>
      <c r="K13" s="203">
        <v>0</v>
      </c>
      <c r="L13" s="206">
        <v>6</v>
      </c>
      <c r="M13" s="207">
        <v>6</v>
      </c>
      <c r="N13" s="202">
        <v>0</v>
      </c>
      <c r="O13" s="203">
        <v>0</v>
      </c>
      <c r="P13" s="208">
        <v>0</v>
      </c>
      <c r="Q13" s="205">
        <v>0</v>
      </c>
      <c r="R13" s="203">
        <v>0</v>
      </c>
      <c r="S13" s="203">
        <v>0</v>
      </c>
      <c r="T13" s="203">
        <v>0</v>
      </c>
      <c r="U13" s="203">
        <v>1</v>
      </c>
      <c r="V13" s="203">
        <v>0</v>
      </c>
      <c r="W13" s="208">
        <v>1</v>
      </c>
      <c r="X13" s="207">
        <v>1</v>
      </c>
      <c r="Y13" s="202">
        <v>0</v>
      </c>
      <c r="Z13" s="203">
        <v>0</v>
      </c>
      <c r="AA13" s="208">
        <v>0</v>
      </c>
      <c r="AB13" s="205">
        <v>0</v>
      </c>
      <c r="AC13" s="203">
        <v>35</v>
      </c>
      <c r="AD13" s="203">
        <v>15</v>
      </c>
      <c r="AE13" s="203">
        <v>5</v>
      </c>
      <c r="AF13" s="203">
        <v>5</v>
      </c>
      <c r="AG13" s="203">
        <v>0</v>
      </c>
      <c r="AH13" s="208">
        <v>60</v>
      </c>
      <c r="AI13" s="207">
        <v>60</v>
      </c>
      <c r="AJ13" s="202">
        <v>0</v>
      </c>
      <c r="AK13" s="203">
        <v>0</v>
      </c>
      <c r="AL13" s="208">
        <v>0</v>
      </c>
      <c r="AM13" s="205">
        <v>0</v>
      </c>
      <c r="AN13" s="203">
        <v>1</v>
      </c>
      <c r="AO13" s="203">
        <v>0</v>
      </c>
      <c r="AP13" s="203">
        <v>2</v>
      </c>
      <c r="AQ13" s="203">
        <v>2</v>
      </c>
      <c r="AR13" s="203">
        <v>0</v>
      </c>
      <c r="AS13" s="208">
        <v>5</v>
      </c>
      <c r="AT13" s="207">
        <v>5</v>
      </c>
      <c r="AU13" s="202">
        <v>1</v>
      </c>
      <c r="AV13" s="203">
        <v>1</v>
      </c>
      <c r="AW13" s="208">
        <v>2</v>
      </c>
      <c r="AX13" s="205">
        <v>0</v>
      </c>
      <c r="AY13" s="203">
        <v>3</v>
      </c>
      <c r="AZ13" s="203">
        <v>2</v>
      </c>
      <c r="BA13" s="203">
        <v>2</v>
      </c>
      <c r="BB13" s="203">
        <v>3</v>
      </c>
      <c r="BC13" s="203">
        <v>1</v>
      </c>
      <c r="BD13" s="208">
        <v>11</v>
      </c>
      <c r="BE13" s="207">
        <v>13</v>
      </c>
      <c r="BF13" s="202">
        <v>0</v>
      </c>
      <c r="BG13" s="203">
        <v>0</v>
      </c>
      <c r="BH13" s="208">
        <v>0</v>
      </c>
      <c r="BI13" s="205">
        <v>0</v>
      </c>
      <c r="BJ13" s="203">
        <v>4</v>
      </c>
      <c r="BK13" s="203">
        <v>7</v>
      </c>
      <c r="BL13" s="203">
        <v>5</v>
      </c>
      <c r="BM13" s="203">
        <v>5</v>
      </c>
      <c r="BN13" s="203">
        <v>7</v>
      </c>
      <c r="BO13" s="206">
        <v>28</v>
      </c>
      <c r="BP13" s="207">
        <v>28</v>
      </c>
      <c r="BQ13" s="202">
        <v>0</v>
      </c>
      <c r="BR13" s="203">
        <v>0</v>
      </c>
      <c r="BS13" s="208">
        <v>0</v>
      </c>
      <c r="BT13" s="205">
        <v>0</v>
      </c>
      <c r="BU13" s="203">
        <v>1</v>
      </c>
      <c r="BV13" s="203">
        <v>2</v>
      </c>
      <c r="BW13" s="203">
        <v>6</v>
      </c>
      <c r="BX13" s="203">
        <v>2</v>
      </c>
      <c r="BY13" s="203">
        <v>3</v>
      </c>
      <c r="BZ13" s="208">
        <v>14</v>
      </c>
      <c r="CA13" s="207">
        <v>14</v>
      </c>
      <c r="CB13" s="202">
        <v>0</v>
      </c>
      <c r="CC13" s="203">
        <v>0</v>
      </c>
      <c r="CD13" s="208">
        <v>0</v>
      </c>
      <c r="CE13" s="205">
        <v>0</v>
      </c>
      <c r="CF13" s="203">
        <v>0</v>
      </c>
      <c r="CG13" s="203">
        <v>0</v>
      </c>
      <c r="CH13" s="203">
        <v>0</v>
      </c>
      <c r="CI13" s="203">
        <v>2</v>
      </c>
      <c r="CJ13" s="203">
        <v>0</v>
      </c>
      <c r="CK13" s="208">
        <v>2</v>
      </c>
      <c r="CL13" s="207">
        <v>2</v>
      </c>
      <c r="CM13" s="202">
        <v>0</v>
      </c>
      <c r="CN13" s="203">
        <v>0</v>
      </c>
      <c r="CO13" s="208">
        <v>0</v>
      </c>
      <c r="CP13" s="205">
        <v>0</v>
      </c>
      <c r="CQ13" s="203">
        <v>0</v>
      </c>
      <c r="CR13" s="203">
        <v>1</v>
      </c>
      <c r="CS13" s="203">
        <v>1</v>
      </c>
      <c r="CT13" s="203">
        <v>0</v>
      </c>
      <c r="CU13" s="203">
        <v>0</v>
      </c>
      <c r="CV13" s="208">
        <v>2</v>
      </c>
      <c r="CW13" s="207">
        <v>2</v>
      </c>
    </row>
    <row r="14" spans="2:101" ht="21" customHeight="1" x14ac:dyDescent="0.2">
      <c r="B14" s="173" t="s">
        <v>11</v>
      </c>
      <c r="C14" s="202">
        <v>0</v>
      </c>
      <c r="D14" s="208">
        <v>0</v>
      </c>
      <c r="E14" s="218">
        <v>0</v>
      </c>
      <c r="F14" s="205">
        <v>0</v>
      </c>
      <c r="G14" s="203">
        <v>1</v>
      </c>
      <c r="H14" s="203">
        <v>1</v>
      </c>
      <c r="I14" s="203">
        <v>0</v>
      </c>
      <c r="J14" s="203">
        <v>0</v>
      </c>
      <c r="K14" s="203">
        <v>1</v>
      </c>
      <c r="L14" s="206">
        <v>3</v>
      </c>
      <c r="M14" s="207">
        <v>3</v>
      </c>
      <c r="N14" s="202">
        <v>0</v>
      </c>
      <c r="O14" s="203">
        <v>0</v>
      </c>
      <c r="P14" s="208">
        <v>0</v>
      </c>
      <c r="Q14" s="205">
        <v>0</v>
      </c>
      <c r="R14" s="203">
        <v>1</v>
      </c>
      <c r="S14" s="203">
        <v>0</v>
      </c>
      <c r="T14" s="203">
        <v>0</v>
      </c>
      <c r="U14" s="203">
        <v>1</v>
      </c>
      <c r="V14" s="203">
        <v>0</v>
      </c>
      <c r="W14" s="208">
        <v>2</v>
      </c>
      <c r="X14" s="207">
        <v>2</v>
      </c>
      <c r="Y14" s="202">
        <v>0</v>
      </c>
      <c r="Z14" s="203">
        <v>0</v>
      </c>
      <c r="AA14" s="208">
        <v>0</v>
      </c>
      <c r="AB14" s="205">
        <v>0</v>
      </c>
      <c r="AC14" s="203">
        <v>31</v>
      </c>
      <c r="AD14" s="203">
        <v>8</v>
      </c>
      <c r="AE14" s="203">
        <v>3</v>
      </c>
      <c r="AF14" s="203">
        <v>5</v>
      </c>
      <c r="AG14" s="203">
        <v>1</v>
      </c>
      <c r="AH14" s="208">
        <v>48</v>
      </c>
      <c r="AI14" s="207">
        <v>48</v>
      </c>
      <c r="AJ14" s="202">
        <v>0</v>
      </c>
      <c r="AK14" s="203">
        <v>0</v>
      </c>
      <c r="AL14" s="208">
        <v>0</v>
      </c>
      <c r="AM14" s="205">
        <v>0</v>
      </c>
      <c r="AN14" s="203">
        <v>1</v>
      </c>
      <c r="AO14" s="203">
        <v>0</v>
      </c>
      <c r="AP14" s="203">
        <v>0</v>
      </c>
      <c r="AQ14" s="203">
        <v>0</v>
      </c>
      <c r="AR14" s="203">
        <v>0</v>
      </c>
      <c r="AS14" s="208">
        <v>1</v>
      </c>
      <c r="AT14" s="207">
        <v>1</v>
      </c>
      <c r="AU14" s="202">
        <v>0</v>
      </c>
      <c r="AV14" s="203">
        <v>1</v>
      </c>
      <c r="AW14" s="208">
        <v>1</v>
      </c>
      <c r="AX14" s="205">
        <v>0</v>
      </c>
      <c r="AY14" s="203">
        <v>2</v>
      </c>
      <c r="AZ14" s="203">
        <v>2</v>
      </c>
      <c r="BA14" s="203">
        <v>0</v>
      </c>
      <c r="BB14" s="203">
        <v>2</v>
      </c>
      <c r="BC14" s="203">
        <v>0</v>
      </c>
      <c r="BD14" s="208">
        <v>6</v>
      </c>
      <c r="BE14" s="207">
        <v>7</v>
      </c>
      <c r="BF14" s="202">
        <v>0</v>
      </c>
      <c r="BG14" s="203">
        <v>0</v>
      </c>
      <c r="BH14" s="208">
        <v>0</v>
      </c>
      <c r="BI14" s="205">
        <v>0</v>
      </c>
      <c r="BJ14" s="203">
        <v>1</v>
      </c>
      <c r="BK14" s="203">
        <v>3</v>
      </c>
      <c r="BL14" s="203">
        <v>2</v>
      </c>
      <c r="BM14" s="203">
        <v>1</v>
      </c>
      <c r="BN14" s="203">
        <v>0</v>
      </c>
      <c r="BO14" s="206">
        <v>7</v>
      </c>
      <c r="BP14" s="207">
        <v>7</v>
      </c>
      <c r="BQ14" s="202">
        <v>0</v>
      </c>
      <c r="BR14" s="203">
        <v>0</v>
      </c>
      <c r="BS14" s="208">
        <v>0</v>
      </c>
      <c r="BT14" s="205">
        <v>0</v>
      </c>
      <c r="BU14" s="203">
        <v>0</v>
      </c>
      <c r="BV14" s="203">
        <v>0</v>
      </c>
      <c r="BW14" s="203">
        <v>0</v>
      </c>
      <c r="BX14" s="203">
        <v>0</v>
      </c>
      <c r="BY14" s="203">
        <v>0</v>
      </c>
      <c r="BZ14" s="208">
        <v>0</v>
      </c>
      <c r="CA14" s="207">
        <v>0</v>
      </c>
      <c r="CB14" s="202">
        <v>0</v>
      </c>
      <c r="CC14" s="203">
        <v>0</v>
      </c>
      <c r="CD14" s="208">
        <v>0</v>
      </c>
      <c r="CE14" s="205">
        <v>0</v>
      </c>
      <c r="CF14" s="203">
        <v>0</v>
      </c>
      <c r="CG14" s="203">
        <v>0</v>
      </c>
      <c r="CH14" s="203">
        <v>0</v>
      </c>
      <c r="CI14" s="203">
        <v>0</v>
      </c>
      <c r="CJ14" s="203">
        <v>0</v>
      </c>
      <c r="CK14" s="208">
        <v>0</v>
      </c>
      <c r="CL14" s="207">
        <v>0</v>
      </c>
      <c r="CM14" s="202">
        <v>0</v>
      </c>
      <c r="CN14" s="203">
        <v>0</v>
      </c>
      <c r="CO14" s="208">
        <v>0</v>
      </c>
      <c r="CP14" s="205">
        <v>0</v>
      </c>
      <c r="CQ14" s="203">
        <v>0</v>
      </c>
      <c r="CR14" s="203">
        <v>0</v>
      </c>
      <c r="CS14" s="203">
        <v>0</v>
      </c>
      <c r="CT14" s="203">
        <v>0</v>
      </c>
      <c r="CU14" s="203">
        <v>0</v>
      </c>
      <c r="CV14" s="208">
        <v>0</v>
      </c>
      <c r="CW14" s="207">
        <v>0</v>
      </c>
    </row>
    <row r="15" spans="2:101" ht="21" customHeight="1" x14ac:dyDescent="0.2">
      <c r="B15" s="173" t="s">
        <v>12</v>
      </c>
      <c r="C15" s="202">
        <v>0</v>
      </c>
      <c r="D15" s="208">
        <v>0</v>
      </c>
      <c r="E15" s="218">
        <v>0</v>
      </c>
      <c r="F15" s="205">
        <v>0</v>
      </c>
      <c r="G15" s="203">
        <v>0</v>
      </c>
      <c r="H15" s="203">
        <v>0</v>
      </c>
      <c r="I15" s="203">
        <v>0</v>
      </c>
      <c r="J15" s="203">
        <v>0</v>
      </c>
      <c r="K15" s="203">
        <v>0</v>
      </c>
      <c r="L15" s="206">
        <v>0</v>
      </c>
      <c r="M15" s="207">
        <v>0</v>
      </c>
      <c r="N15" s="202">
        <v>0</v>
      </c>
      <c r="O15" s="203">
        <v>0</v>
      </c>
      <c r="P15" s="208">
        <v>0</v>
      </c>
      <c r="Q15" s="205">
        <v>0</v>
      </c>
      <c r="R15" s="203">
        <v>0</v>
      </c>
      <c r="S15" s="203">
        <v>0</v>
      </c>
      <c r="T15" s="203">
        <v>0</v>
      </c>
      <c r="U15" s="203">
        <v>0</v>
      </c>
      <c r="V15" s="203">
        <v>0</v>
      </c>
      <c r="W15" s="208">
        <v>0</v>
      </c>
      <c r="X15" s="207">
        <v>0</v>
      </c>
      <c r="Y15" s="202">
        <v>0</v>
      </c>
      <c r="Z15" s="203">
        <v>0</v>
      </c>
      <c r="AA15" s="208">
        <v>0</v>
      </c>
      <c r="AB15" s="205">
        <v>0</v>
      </c>
      <c r="AC15" s="203">
        <v>15</v>
      </c>
      <c r="AD15" s="203">
        <v>15</v>
      </c>
      <c r="AE15" s="203">
        <v>5</v>
      </c>
      <c r="AF15" s="203">
        <v>3</v>
      </c>
      <c r="AG15" s="203">
        <v>3</v>
      </c>
      <c r="AH15" s="208">
        <v>41</v>
      </c>
      <c r="AI15" s="207">
        <v>41</v>
      </c>
      <c r="AJ15" s="202">
        <v>0</v>
      </c>
      <c r="AK15" s="203">
        <v>0</v>
      </c>
      <c r="AL15" s="208">
        <v>0</v>
      </c>
      <c r="AM15" s="205">
        <v>0</v>
      </c>
      <c r="AN15" s="203">
        <v>0</v>
      </c>
      <c r="AO15" s="203">
        <v>0</v>
      </c>
      <c r="AP15" s="203">
        <v>0</v>
      </c>
      <c r="AQ15" s="203">
        <v>0</v>
      </c>
      <c r="AR15" s="203">
        <v>0</v>
      </c>
      <c r="AS15" s="208">
        <v>0</v>
      </c>
      <c r="AT15" s="207">
        <v>0</v>
      </c>
      <c r="AU15" s="202">
        <v>0</v>
      </c>
      <c r="AV15" s="203">
        <v>0</v>
      </c>
      <c r="AW15" s="208">
        <v>0</v>
      </c>
      <c r="AX15" s="205">
        <v>0</v>
      </c>
      <c r="AY15" s="203">
        <v>1</v>
      </c>
      <c r="AZ15" s="203">
        <v>1</v>
      </c>
      <c r="BA15" s="203">
        <v>3</v>
      </c>
      <c r="BB15" s="203">
        <v>2</v>
      </c>
      <c r="BC15" s="203">
        <v>0</v>
      </c>
      <c r="BD15" s="208">
        <v>7</v>
      </c>
      <c r="BE15" s="207">
        <v>7</v>
      </c>
      <c r="BF15" s="202">
        <v>0</v>
      </c>
      <c r="BG15" s="203">
        <v>0</v>
      </c>
      <c r="BH15" s="208">
        <v>0</v>
      </c>
      <c r="BI15" s="205">
        <v>0</v>
      </c>
      <c r="BJ15" s="203">
        <v>1</v>
      </c>
      <c r="BK15" s="203">
        <v>2</v>
      </c>
      <c r="BL15" s="203">
        <v>0</v>
      </c>
      <c r="BM15" s="203">
        <v>0</v>
      </c>
      <c r="BN15" s="203">
        <v>1</v>
      </c>
      <c r="BO15" s="206">
        <v>4</v>
      </c>
      <c r="BP15" s="207">
        <v>4</v>
      </c>
      <c r="BQ15" s="202">
        <v>0</v>
      </c>
      <c r="BR15" s="203">
        <v>0</v>
      </c>
      <c r="BS15" s="208">
        <v>0</v>
      </c>
      <c r="BT15" s="205">
        <v>0</v>
      </c>
      <c r="BU15" s="203">
        <v>0</v>
      </c>
      <c r="BV15" s="203">
        <v>1</v>
      </c>
      <c r="BW15" s="203">
        <v>0</v>
      </c>
      <c r="BX15" s="203">
        <v>1</v>
      </c>
      <c r="BY15" s="203">
        <v>0</v>
      </c>
      <c r="BZ15" s="208">
        <v>2</v>
      </c>
      <c r="CA15" s="207">
        <v>2</v>
      </c>
      <c r="CB15" s="202">
        <v>0</v>
      </c>
      <c r="CC15" s="203">
        <v>0</v>
      </c>
      <c r="CD15" s="208">
        <v>0</v>
      </c>
      <c r="CE15" s="205">
        <v>0</v>
      </c>
      <c r="CF15" s="203">
        <v>0</v>
      </c>
      <c r="CG15" s="203">
        <v>0</v>
      </c>
      <c r="CH15" s="203">
        <v>0</v>
      </c>
      <c r="CI15" s="203">
        <v>0</v>
      </c>
      <c r="CJ15" s="203">
        <v>0</v>
      </c>
      <c r="CK15" s="208">
        <v>0</v>
      </c>
      <c r="CL15" s="207">
        <v>0</v>
      </c>
      <c r="CM15" s="202">
        <v>0</v>
      </c>
      <c r="CN15" s="203">
        <v>0</v>
      </c>
      <c r="CO15" s="208">
        <v>0</v>
      </c>
      <c r="CP15" s="205">
        <v>0</v>
      </c>
      <c r="CQ15" s="203">
        <v>0</v>
      </c>
      <c r="CR15" s="203">
        <v>1</v>
      </c>
      <c r="CS15" s="203">
        <v>1</v>
      </c>
      <c r="CT15" s="203">
        <v>2</v>
      </c>
      <c r="CU15" s="203">
        <v>1</v>
      </c>
      <c r="CV15" s="208">
        <v>5</v>
      </c>
      <c r="CW15" s="207">
        <v>5</v>
      </c>
    </row>
    <row r="16" spans="2:101" ht="21" customHeight="1" x14ac:dyDescent="0.2">
      <c r="B16" s="173" t="s">
        <v>13</v>
      </c>
      <c r="C16" s="202">
        <v>0</v>
      </c>
      <c r="D16" s="208">
        <v>0</v>
      </c>
      <c r="E16" s="218">
        <v>0</v>
      </c>
      <c r="F16" s="205">
        <v>0</v>
      </c>
      <c r="G16" s="203">
        <v>0</v>
      </c>
      <c r="H16" s="203">
        <v>0</v>
      </c>
      <c r="I16" s="203">
        <v>0</v>
      </c>
      <c r="J16" s="203">
        <v>0</v>
      </c>
      <c r="K16" s="203">
        <v>0</v>
      </c>
      <c r="L16" s="206">
        <v>0</v>
      </c>
      <c r="M16" s="207">
        <v>0</v>
      </c>
      <c r="N16" s="202">
        <v>0</v>
      </c>
      <c r="O16" s="203">
        <v>0</v>
      </c>
      <c r="P16" s="208">
        <v>0</v>
      </c>
      <c r="Q16" s="205">
        <v>0</v>
      </c>
      <c r="R16" s="203">
        <v>0</v>
      </c>
      <c r="S16" s="203">
        <v>0</v>
      </c>
      <c r="T16" s="203">
        <v>0</v>
      </c>
      <c r="U16" s="203">
        <v>0</v>
      </c>
      <c r="V16" s="203">
        <v>0</v>
      </c>
      <c r="W16" s="208">
        <v>0</v>
      </c>
      <c r="X16" s="207">
        <v>0</v>
      </c>
      <c r="Y16" s="202">
        <v>0</v>
      </c>
      <c r="Z16" s="203">
        <v>0</v>
      </c>
      <c r="AA16" s="208">
        <v>0</v>
      </c>
      <c r="AB16" s="205">
        <v>0</v>
      </c>
      <c r="AC16" s="203">
        <v>10</v>
      </c>
      <c r="AD16" s="203">
        <v>11</v>
      </c>
      <c r="AE16" s="203">
        <v>8</v>
      </c>
      <c r="AF16" s="203">
        <v>2</v>
      </c>
      <c r="AG16" s="203">
        <v>3</v>
      </c>
      <c r="AH16" s="208">
        <v>34</v>
      </c>
      <c r="AI16" s="207">
        <v>34</v>
      </c>
      <c r="AJ16" s="202">
        <v>0</v>
      </c>
      <c r="AK16" s="203">
        <v>0</v>
      </c>
      <c r="AL16" s="208">
        <v>0</v>
      </c>
      <c r="AM16" s="205">
        <v>0</v>
      </c>
      <c r="AN16" s="203">
        <v>1</v>
      </c>
      <c r="AO16" s="203">
        <v>0</v>
      </c>
      <c r="AP16" s="203">
        <v>0</v>
      </c>
      <c r="AQ16" s="203">
        <v>0</v>
      </c>
      <c r="AR16" s="203">
        <v>0</v>
      </c>
      <c r="AS16" s="208">
        <v>1</v>
      </c>
      <c r="AT16" s="207">
        <v>1</v>
      </c>
      <c r="AU16" s="202">
        <v>0</v>
      </c>
      <c r="AV16" s="203">
        <v>0</v>
      </c>
      <c r="AW16" s="208">
        <v>0</v>
      </c>
      <c r="AX16" s="205">
        <v>0</v>
      </c>
      <c r="AY16" s="203">
        <v>0</v>
      </c>
      <c r="AZ16" s="203">
        <v>0</v>
      </c>
      <c r="BA16" s="203">
        <v>1</v>
      </c>
      <c r="BB16" s="203">
        <v>0</v>
      </c>
      <c r="BC16" s="203">
        <v>0</v>
      </c>
      <c r="BD16" s="208">
        <v>1</v>
      </c>
      <c r="BE16" s="207">
        <v>1</v>
      </c>
      <c r="BF16" s="202">
        <v>0</v>
      </c>
      <c r="BG16" s="203">
        <v>0</v>
      </c>
      <c r="BH16" s="208">
        <v>0</v>
      </c>
      <c r="BI16" s="205">
        <v>0</v>
      </c>
      <c r="BJ16" s="203">
        <v>1</v>
      </c>
      <c r="BK16" s="203">
        <v>0</v>
      </c>
      <c r="BL16" s="203">
        <v>0</v>
      </c>
      <c r="BM16" s="203">
        <v>0</v>
      </c>
      <c r="BN16" s="203">
        <v>0</v>
      </c>
      <c r="BO16" s="206">
        <v>1</v>
      </c>
      <c r="BP16" s="207">
        <v>1</v>
      </c>
      <c r="BQ16" s="202">
        <v>0</v>
      </c>
      <c r="BR16" s="203">
        <v>0</v>
      </c>
      <c r="BS16" s="208">
        <v>0</v>
      </c>
      <c r="BT16" s="205">
        <v>0</v>
      </c>
      <c r="BU16" s="203">
        <v>0</v>
      </c>
      <c r="BV16" s="203">
        <v>0</v>
      </c>
      <c r="BW16" s="203">
        <v>0</v>
      </c>
      <c r="BX16" s="203">
        <v>0</v>
      </c>
      <c r="BY16" s="203">
        <v>0</v>
      </c>
      <c r="BZ16" s="208">
        <v>0</v>
      </c>
      <c r="CA16" s="207">
        <v>0</v>
      </c>
      <c r="CB16" s="202">
        <v>0</v>
      </c>
      <c r="CC16" s="203">
        <v>0</v>
      </c>
      <c r="CD16" s="208">
        <v>0</v>
      </c>
      <c r="CE16" s="205">
        <v>0</v>
      </c>
      <c r="CF16" s="203">
        <v>0</v>
      </c>
      <c r="CG16" s="203">
        <v>0</v>
      </c>
      <c r="CH16" s="203">
        <v>0</v>
      </c>
      <c r="CI16" s="203">
        <v>0</v>
      </c>
      <c r="CJ16" s="203">
        <v>0</v>
      </c>
      <c r="CK16" s="208">
        <v>0</v>
      </c>
      <c r="CL16" s="207">
        <v>0</v>
      </c>
      <c r="CM16" s="202">
        <v>0</v>
      </c>
      <c r="CN16" s="203">
        <v>0</v>
      </c>
      <c r="CO16" s="208">
        <v>0</v>
      </c>
      <c r="CP16" s="205">
        <v>0</v>
      </c>
      <c r="CQ16" s="203">
        <v>0</v>
      </c>
      <c r="CR16" s="203">
        <v>0</v>
      </c>
      <c r="CS16" s="203">
        <v>0</v>
      </c>
      <c r="CT16" s="203">
        <v>0</v>
      </c>
      <c r="CU16" s="203">
        <v>0</v>
      </c>
      <c r="CV16" s="208">
        <v>0</v>
      </c>
      <c r="CW16" s="207">
        <v>0</v>
      </c>
    </row>
    <row r="17" spans="2:101" ht="21" customHeight="1" x14ac:dyDescent="0.2">
      <c r="B17" s="173" t="s">
        <v>15</v>
      </c>
      <c r="C17" s="202">
        <v>0</v>
      </c>
      <c r="D17" s="208">
        <v>0</v>
      </c>
      <c r="E17" s="218">
        <v>0</v>
      </c>
      <c r="F17" s="205">
        <v>0</v>
      </c>
      <c r="G17" s="203">
        <v>0</v>
      </c>
      <c r="H17" s="203">
        <v>0</v>
      </c>
      <c r="I17" s="203">
        <v>0</v>
      </c>
      <c r="J17" s="203">
        <v>1</v>
      </c>
      <c r="K17" s="203">
        <v>0</v>
      </c>
      <c r="L17" s="206">
        <v>1</v>
      </c>
      <c r="M17" s="207">
        <v>1</v>
      </c>
      <c r="N17" s="202">
        <v>0</v>
      </c>
      <c r="O17" s="203">
        <v>0</v>
      </c>
      <c r="P17" s="208">
        <v>0</v>
      </c>
      <c r="Q17" s="205">
        <v>0</v>
      </c>
      <c r="R17" s="203">
        <v>0</v>
      </c>
      <c r="S17" s="203">
        <v>0</v>
      </c>
      <c r="T17" s="203">
        <v>0</v>
      </c>
      <c r="U17" s="203">
        <v>0</v>
      </c>
      <c r="V17" s="203">
        <v>0</v>
      </c>
      <c r="W17" s="208">
        <v>0</v>
      </c>
      <c r="X17" s="207">
        <v>0</v>
      </c>
      <c r="Y17" s="202">
        <v>0</v>
      </c>
      <c r="Z17" s="203">
        <v>0</v>
      </c>
      <c r="AA17" s="208">
        <v>0</v>
      </c>
      <c r="AB17" s="205">
        <v>0</v>
      </c>
      <c r="AC17" s="203">
        <v>5</v>
      </c>
      <c r="AD17" s="203">
        <v>9</v>
      </c>
      <c r="AE17" s="203">
        <v>1</v>
      </c>
      <c r="AF17" s="203">
        <v>2</v>
      </c>
      <c r="AG17" s="203">
        <v>1</v>
      </c>
      <c r="AH17" s="208">
        <v>18</v>
      </c>
      <c r="AI17" s="207">
        <v>18</v>
      </c>
      <c r="AJ17" s="202">
        <v>0</v>
      </c>
      <c r="AK17" s="203">
        <v>0</v>
      </c>
      <c r="AL17" s="208">
        <v>0</v>
      </c>
      <c r="AM17" s="205">
        <v>0</v>
      </c>
      <c r="AN17" s="203">
        <v>0</v>
      </c>
      <c r="AO17" s="203">
        <v>0</v>
      </c>
      <c r="AP17" s="203">
        <v>0</v>
      </c>
      <c r="AQ17" s="203">
        <v>0</v>
      </c>
      <c r="AR17" s="203">
        <v>0</v>
      </c>
      <c r="AS17" s="208">
        <v>0</v>
      </c>
      <c r="AT17" s="207">
        <v>0</v>
      </c>
      <c r="AU17" s="202">
        <v>0</v>
      </c>
      <c r="AV17" s="203">
        <v>0</v>
      </c>
      <c r="AW17" s="208">
        <v>0</v>
      </c>
      <c r="AX17" s="205">
        <v>0</v>
      </c>
      <c r="AY17" s="203">
        <v>0</v>
      </c>
      <c r="AZ17" s="203">
        <v>0</v>
      </c>
      <c r="BA17" s="203">
        <v>0</v>
      </c>
      <c r="BB17" s="203">
        <v>0</v>
      </c>
      <c r="BC17" s="203">
        <v>0</v>
      </c>
      <c r="BD17" s="208">
        <v>0</v>
      </c>
      <c r="BE17" s="207">
        <v>0</v>
      </c>
      <c r="BF17" s="202">
        <v>0</v>
      </c>
      <c r="BG17" s="203">
        <v>0</v>
      </c>
      <c r="BH17" s="208">
        <v>0</v>
      </c>
      <c r="BI17" s="205">
        <v>0</v>
      </c>
      <c r="BJ17" s="203">
        <v>0</v>
      </c>
      <c r="BK17" s="203">
        <v>0</v>
      </c>
      <c r="BL17" s="203">
        <v>0</v>
      </c>
      <c r="BM17" s="203">
        <v>1</v>
      </c>
      <c r="BN17" s="203">
        <v>0</v>
      </c>
      <c r="BO17" s="206">
        <v>1</v>
      </c>
      <c r="BP17" s="207">
        <v>1</v>
      </c>
      <c r="BQ17" s="202">
        <v>0</v>
      </c>
      <c r="BR17" s="203">
        <v>0</v>
      </c>
      <c r="BS17" s="208">
        <v>0</v>
      </c>
      <c r="BT17" s="205">
        <v>0</v>
      </c>
      <c r="BU17" s="203">
        <v>0</v>
      </c>
      <c r="BV17" s="203">
        <v>0</v>
      </c>
      <c r="BW17" s="203">
        <v>0</v>
      </c>
      <c r="BX17" s="203">
        <v>0</v>
      </c>
      <c r="BY17" s="203">
        <v>0</v>
      </c>
      <c r="BZ17" s="208">
        <v>0</v>
      </c>
      <c r="CA17" s="207">
        <v>0</v>
      </c>
      <c r="CB17" s="202">
        <v>0</v>
      </c>
      <c r="CC17" s="203">
        <v>0</v>
      </c>
      <c r="CD17" s="208">
        <v>0</v>
      </c>
      <c r="CE17" s="205">
        <v>0</v>
      </c>
      <c r="CF17" s="203">
        <v>0</v>
      </c>
      <c r="CG17" s="203">
        <v>0</v>
      </c>
      <c r="CH17" s="203">
        <v>0</v>
      </c>
      <c r="CI17" s="203">
        <v>0</v>
      </c>
      <c r="CJ17" s="203">
        <v>1</v>
      </c>
      <c r="CK17" s="208">
        <v>1</v>
      </c>
      <c r="CL17" s="207">
        <v>1</v>
      </c>
      <c r="CM17" s="202">
        <v>0</v>
      </c>
      <c r="CN17" s="203">
        <v>0</v>
      </c>
      <c r="CO17" s="208">
        <v>0</v>
      </c>
      <c r="CP17" s="205">
        <v>0</v>
      </c>
      <c r="CQ17" s="203">
        <v>0</v>
      </c>
      <c r="CR17" s="203">
        <v>0</v>
      </c>
      <c r="CS17" s="203">
        <v>0</v>
      </c>
      <c r="CT17" s="203">
        <v>0</v>
      </c>
      <c r="CU17" s="203">
        <v>0</v>
      </c>
      <c r="CV17" s="208">
        <v>0</v>
      </c>
      <c r="CW17" s="207">
        <v>0</v>
      </c>
    </row>
    <row r="18" spans="2:101" ht="21" customHeight="1" x14ac:dyDescent="0.2">
      <c r="B18" s="173" t="s">
        <v>16</v>
      </c>
      <c r="C18" s="202">
        <v>0</v>
      </c>
      <c r="D18" s="208">
        <v>0</v>
      </c>
      <c r="E18" s="218">
        <v>0</v>
      </c>
      <c r="F18" s="205">
        <v>0</v>
      </c>
      <c r="G18" s="203">
        <v>0</v>
      </c>
      <c r="H18" s="203">
        <v>0</v>
      </c>
      <c r="I18" s="203">
        <v>0</v>
      </c>
      <c r="J18" s="203">
        <v>1</v>
      </c>
      <c r="K18" s="203">
        <v>1</v>
      </c>
      <c r="L18" s="206">
        <v>2</v>
      </c>
      <c r="M18" s="207">
        <v>2</v>
      </c>
      <c r="N18" s="202">
        <v>0</v>
      </c>
      <c r="O18" s="203">
        <v>0</v>
      </c>
      <c r="P18" s="208">
        <v>0</v>
      </c>
      <c r="Q18" s="205">
        <v>0</v>
      </c>
      <c r="R18" s="203">
        <v>0</v>
      </c>
      <c r="S18" s="203">
        <v>0</v>
      </c>
      <c r="T18" s="203">
        <v>0</v>
      </c>
      <c r="U18" s="203">
        <v>1</v>
      </c>
      <c r="V18" s="203">
        <v>0</v>
      </c>
      <c r="W18" s="208">
        <v>1</v>
      </c>
      <c r="X18" s="207">
        <v>1</v>
      </c>
      <c r="Y18" s="202">
        <v>0</v>
      </c>
      <c r="Z18" s="203">
        <v>0</v>
      </c>
      <c r="AA18" s="208">
        <v>0</v>
      </c>
      <c r="AB18" s="205">
        <v>0</v>
      </c>
      <c r="AC18" s="203">
        <v>7</v>
      </c>
      <c r="AD18" s="203">
        <v>8</v>
      </c>
      <c r="AE18" s="203">
        <v>5</v>
      </c>
      <c r="AF18" s="203">
        <v>1</v>
      </c>
      <c r="AG18" s="203">
        <v>0</v>
      </c>
      <c r="AH18" s="208">
        <v>21</v>
      </c>
      <c r="AI18" s="207">
        <v>21</v>
      </c>
      <c r="AJ18" s="202">
        <v>0</v>
      </c>
      <c r="AK18" s="203">
        <v>0</v>
      </c>
      <c r="AL18" s="208">
        <v>0</v>
      </c>
      <c r="AM18" s="205">
        <v>0</v>
      </c>
      <c r="AN18" s="203">
        <v>2</v>
      </c>
      <c r="AO18" s="203">
        <v>1</v>
      </c>
      <c r="AP18" s="203">
        <v>1</v>
      </c>
      <c r="AQ18" s="203">
        <v>0</v>
      </c>
      <c r="AR18" s="203">
        <v>0</v>
      </c>
      <c r="AS18" s="208">
        <v>4</v>
      </c>
      <c r="AT18" s="207">
        <v>4</v>
      </c>
      <c r="AU18" s="202">
        <v>0</v>
      </c>
      <c r="AV18" s="203">
        <v>1</v>
      </c>
      <c r="AW18" s="208">
        <v>1</v>
      </c>
      <c r="AX18" s="205">
        <v>0</v>
      </c>
      <c r="AY18" s="203">
        <v>2</v>
      </c>
      <c r="AZ18" s="203">
        <v>1</v>
      </c>
      <c r="BA18" s="203">
        <v>0</v>
      </c>
      <c r="BB18" s="203">
        <v>0</v>
      </c>
      <c r="BC18" s="203">
        <v>1</v>
      </c>
      <c r="BD18" s="208">
        <v>4</v>
      </c>
      <c r="BE18" s="207">
        <v>5</v>
      </c>
      <c r="BF18" s="202">
        <v>0</v>
      </c>
      <c r="BG18" s="203">
        <v>0</v>
      </c>
      <c r="BH18" s="208">
        <v>0</v>
      </c>
      <c r="BI18" s="205">
        <v>0</v>
      </c>
      <c r="BJ18" s="203">
        <v>1</v>
      </c>
      <c r="BK18" s="203">
        <v>2</v>
      </c>
      <c r="BL18" s="203">
        <v>2</v>
      </c>
      <c r="BM18" s="203">
        <v>0</v>
      </c>
      <c r="BN18" s="203">
        <v>0</v>
      </c>
      <c r="BO18" s="206">
        <v>5</v>
      </c>
      <c r="BP18" s="207">
        <v>5</v>
      </c>
      <c r="BQ18" s="202">
        <v>0</v>
      </c>
      <c r="BR18" s="203">
        <v>0</v>
      </c>
      <c r="BS18" s="208">
        <v>0</v>
      </c>
      <c r="BT18" s="205">
        <v>0</v>
      </c>
      <c r="BU18" s="203">
        <v>0</v>
      </c>
      <c r="BV18" s="203">
        <v>0</v>
      </c>
      <c r="BW18" s="203">
        <v>0</v>
      </c>
      <c r="BX18" s="203">
        <v>0</v>
      </c>
      <c r="BY18" s="203">
        <v>0</v>
      </c>
      <c r="BZ18" s="208">
        <v>0</v>
      </c>
      <c r="CA18" s="207">
        <v>0</v>
      </c>
      <c r="CB18" s="202">
        <v>0</v>
      </c>
      <c r="CC18" s="203">
        <v>0</v>
      </c>
      <c r="CD18" s="208">
        <v>0</v>
      </c>
      <c r="CE18" s="205">
        <v>0</v>
      </c>
      <c r="CF18" s="203">
        <v>0</v>
      </c>
      <c r="CG18" s="203">
        <v>0</v>
      </c>
      <c r="CH18" s="203">
        <v>0</v>
      </c>
      <c r="CI18" s="203">
        <v>0</v>
      </c>
      <c r="CJ18" s="203">
        <v>0</v>
      </c>
      <c r="CK18" s="208">
        <v>0</v>
      </c>
      <c r="CL18" s="207">
        <v>0</v>
      </c>
      <c r="CM18" s="202">
        <v>0</v>
      </c>
      <c r="CN18" s="203">
        <v>0</v>
      </c>
      <c r="CO18" s="208">
        <v>0</v>
      </c>
      <c r="CP18" s="205">
        <v>0</v>
      </c>
      <c r="CQ18" s="203">
        <v>0</v>
      </c>
      <c r="CR18" s="203">
        <v>0</v>
      </c>
      <c r="CS18" s="203">
        <v>0</v>
      </c>
      <c r="CT18" s="203">
        <v>0</v>
      </c>
      <c r="CU18" s="203">
        <v>0</v>
      </c>
      <c r="CV18" s="208">
        <v>0</v>
      </c>
      <c r="CW18" s="207">
        <v>0</v>
      </c>
    </row>
    <row r="19" spans="2:101" ht="21" customHeight="1" x14ac:dyDescent="0.2">
      <c r="B19" s="173" t="s">
        <v>17</v>
      </c>
      <c r="C19" s="202">
        <v>0</v>
      </c>
      <c r="D19" s="208">
        <v>0</v>
      </c>
      <c r="E19" s="218">
        <v>0</v>
      </c>
      <c r="F19" s="205">
        <v>0</v>
      </c>
      <c r="G19" s="203">
        <v>0</v>
      </c>
      <c r="H19" s="203">
        <v>0</v>
      </c>
      <c r="I19" s="203">
        <v>0</v>
      </c>
      <c r="J19" s="203">
        <v>0</v>
      </c>
      <c r="K19" s="203">
        <v>0</v>
      </c>
      <c r="L19" s="206">
        <v>0</v>
      </c>
      <c r="M19" s="207">
        <v>0</v>
      </c>
      <c r="N19" s="202">
        <v>0</v>
      </c>
      <c r="O19" s="203">
        <v>0</v>
      </c>
      <c r="P19" s="208">
        <v>0</v>
      </c>
      <c r="Q19" s="205">
        <v>0</v>
      </c>
      <c r="R19" s="203">
        <v>0</v>
      </c>
      <c r="S19" s="203">
        <v>0</v>
      </c>
      <c r="T19" s="203">
        <v>0</v>
      </c>
      <c r="U19" s="203">
        <v>0</v>
      </c>
      <c r="V19" s="203">
        <v>0</v>
      </c>
      <c r="W19" s="208">
        <v>0</v>
      </c>
      <c r="X19" s="207">
        <v>0</v>
      </c>
      <c r="Y19" s="202">
        <v>0</v>
      </c>
      <c r="Z19" s="203">
        <v>0</v>
      </c>
      <c r="AA19" s="208">
        <v>0</v>
      </c>
      <c r="AB19" s="205">
        <v>0</v>
      </c>
      <c r="AC19" s="203">
        <v>21</v>
      </c>
      <c r="AD19" s="203">
        <v>17</v>
      </c>
      <c r="AE19" s="203">
        <v>9</v>
      </c>
      <c r="AF19" s="203">
        <v>2</v>
      </c>
      <c r="AG19" s="203">
        <v>1</v>
      </c>
      <c r="AH19" s="208">
        <v>50</v>
      </c>
      <c r="AI19" s="207">
        <v>50</v>
      </c>
      <c r="AJ19" s="202">
        <v>0</v>
      </c>
      <c r="AK19" s="203">
        <v>0</v>
      </c>
      <c r="AL19" s="208">
        <v>0</v>
      </c>
      <c r="AM19" s="205">
        <v>0</v>
      </c>
      <c r="AN19" s="203">
        <v>0</v>
      </c>
      <c r="AO19" s="203">
        <v>0</v>
      </c>
      <c r="AP19" s="203">
        <v>0</v>
      </c>
      <c r="AQ19" s="203">
        <v>0</v>
      </c>
      <c r="AR19" s="203">
        <v>1</v>
      </c>
      <c r="AS19" s="208">
        <v>1</v>
      </c>
      <c r="AT19" s="207">
        <v>1</v>
      </c>
      <c r="AU19" s="202">
        <v>0</v>
      </c>
      <c r="AV19" s="203">
        <v>0</v>
      </c>
      <c r="AW19" s="208">
        <v>0</v>
      </c>
      <c r="AX19" s="205">
        <v>0</v>
      </c>
      <c r="AY19" s="203">
        <v>1</v>
      </c>
      <c r="AZ19" s="203">
        <v>1</v>
      </c>
      <c r="BA19" s="203">
        <v>1</v>
      </c>
      <c r="BB19" s="203">
        <v>1</v>
      </c>
      <c r="BC19" s="203">
        <v>1</v>
      </c>
      <c r="BD19" s="208">
        <v>5</v>
      </c>
      <c r="BE19" s="207">
        <v>5</v>
      </c>
      <c r="BF19" s="202">
        <v>0</v>
      </c>
      <c r="BG19" s="203">
        <v>0</v>
      </c>
      <c r="BH19" s="208">
        <v>0</v>
      </c>
      <c r="BI19" s="205">
        <v>0</v>
      </c>
      <c r="BJ19" s="203">
        <v>1</v>
      </c>
      <c r="BK19" s="203">
        <v>4</v>
      </c>
      <c r="BL19" s="203">
        <v>3</v>
      </c>
      <c r="BM19" s="203">
        <v>1</v>
      </c>
      <c r="BN19" s="203">
        <v>4</v>
      </c>
      <c r="BO19" s="206">
        <v>13</v>
      </c>
      <c r="BP19" s="207">
        <v>13</v>
      </c>
      <c r="BQ19" s="202">
        <v>0</v>
      </c>
      <c r="BR19" s="203">
        <v>0</v>
      </c>
      <c r="BS19" s="208">
        <v>0</v>
      </c>
      <c r="BT19" s="205">
        <v>0</v>
      </c>
      <c r="BU19" s="203">
        <v>0</v>
      </c>
      <c r="BV19" s="203">
        <v>0</v>
      </c>
      <c r="BW19" s="203">
        <v>0</v>
      </c>
      <c r="BX19" s="203">
        <v>0</v>
      </c>
      <c r="BY19" s="203">
        <v>0</v>
      </c>
      <c r="BZ19" s="208">
        <v>0</v>
      </c>
      <c r="CA19" s="207">
        <v>0</v>
      </c>
      <c r="CB19" s="202">
        <v>0</v>
      </c>
      <c r="CC19" s="203">
        <v>0</v>
      </c>
      <c r="CD19" s="208">
        <v>0</v>
      </c>
      <c r="CE19" s="205">
        <v>0</v>
      </c>
      <c r="CF19" s="203">
        <v>0</v>
      </c>
      <c r="CG19" s="203">
        <v>0</v>
      </c>
      <c r="CH19" s="203">
        <v>1</v>
      </c>
      <c r="CI19" s="203">
        <v>4</v>
      </c>
      <c r="CJ19" s="203">
        <v>2</v>
      </c>
      <c r="CK19" s="208">
        <v>7</v>
      </c>
      <c r="CL19" s="207">
        <v>7</v>
      </c>
      <c r="CM19" s="202">
        <v>0</v>
      </c>
      <c r="CN19" s="203">
        <v>0</v>
      </c>
      <c r="CO19" s="208">
        <v>0</v>
      </c>
      <c r="CP19" s="205">
        <v>0</v>
      </c>
      <c r="CQ19" s="203">
        <v>0</v>
      </c>
      <c r="CR19" s="203">
        <v>0</v>
      </c>
      <c r="CS19" s="203">
        <v>0</v>
      </c>
      <c r="CT19" s="203">
        <v>0</v>
      </c>
      <c r="CU19" s="203">
        <v>0</v>
      </c>
      <c r="CV19" s="208">
        <v>0</v>
      </c>
      <c r="CW19" s="207">
        <v>0</v>
      </c>
    </row>
    <row r="20" spans="2:101" ht="21" customHeight="1" x14ac:dyDescent="0.2">
      <c r="B20" s="173" t="s">
        <v>18</v>
      </c>
      <c r="C20" s="202">
        <v>0</v>
      </c>
      <c r="D20" s="208">
        <v>0</v>
      </c>
      <c r="E20" s="218">
        <v>0</v>
      </c>
      <c r="F20" s="205">
        <v>0</v>
      </c>
      <c r="G20" s="203">
        <v>0</v>
      </c>
      <c r="H20" s="203">
        <v>0</v>
      </c>
      <c r="I20" s="203">
        <v>0</v>
      </c>
      <c r="J20" s="203">
        <v>0</v>
      </c>
      <c r="K20" s="203">
        <v>0</v>
      </c>
      <c r="L20" s="206">
        <v>0</v>
      </c>
      <c r="M20" s="207">
        <v>0</v>
      </c>
      <c r="N20" s="202">
        <v>0</v>
      </c>
      <c r="O20" s="203">
        <v>0</v>
      </c>
      <c r="P20" s="208">
        <v>0</v>
      </c>
      <c r="Q20" s="205">
        <v>0</v>
      </c>
      <c r="R20" s="203">
        <v>0</v>
      </c>
      <c r="S20" s="203">
        <v>0</v>
      </c>
      <c r="T20" s="203">
        <v>0</v>
      </c>
      <c r="U20" s="203">
        <v>0</v>
      </c>
      <c r="V20" s="203">
        <v>0</v>
      </c>
      <c r="W20" s="208">
        <v>0</v>
      </c>
      <c r="X20" s="207">
        <v>0</v>
      </c>
      <c r="Y20" s="202">
        <v>0</v>
      </c>
      <c r="Z20" s="203">
        <v>0</v>
      </c>
      <c r="AA20" s="208">
        <v>0</v>
      </c>
      <c r="AB20" s="205">
        <v>0</v>
      </c>
      <c r="AC20" s="203">
        <v>21</v>
      </c>
      <c r="AD20" s="203">
        <v>8</v>
      </c>
      <c r="AE20" s="203">
        <v>10</v>
      </c>
      <c r="AF20" s="203">
        <v>3</v>
      </c>
      <c r="AG20" s="203">
        <v>0</v>
      </c>
      <c r="AH20" s="208">
        <v>42</v>
      </c>
      <c r="AI20" s="207">
        <v>42</v>
      </c>
      <c r="AJ20" s="202">
        <v>0</v>
      </c>
      <c r="AK20" s="203">
        <v>0</v>
      </c>
      <c r="AL20" s="208">
        <v>0</v>
      </c>
      <c r="AM20" s="205">
        <v>0</v>
      </c>
      <c r="AN20" s="203">
        <v>1</v>
      </c>
      <c r="AO20" s="203">
        <v>0</v>
      </c>
      <c r="AP20" s="203">
        <v>1</v>
      </c>
      <c r="AQ20" s="203">
        <v>1</v>
      </c>
      <c r="AR20" s="203">
        <v>0</v>
      </c>
      <c r="AS20" s="208">
        <v>3</v>
      </c>
      <c r="AT20" s="207">
        <v>3</v>
      </c>
      <c r="AU20" s="202">
        <v>0</v>
      </c>
      <c r="AV20" s="203">
        <v>1</v>
      </c>
      <c r="AW20" s="208">
        <v>1</v>
      </c>
      <c r="AX20" s="205">
        <v>0</v>
      </c>
      <c r="AY20" s="203">
        <v>1</v>
      </c>
      <c r="AZ20" s="203">
        <v>0</v>
      </c>
      <c r="BA20" s="203">
        <v>0</v>
      </c>
      <c r="BB20" s="203">
        <v>0</v>
      </c>
      <c r="BC20" s="203">
        <v>0</v>
      </c>
      <c r="BD20" s="208">
        <v>1</v>
      </c>
      <c r="BE20" s="207">
        <v>2</v>
      </c>
      <c r="BF20" s="202">
        <v>0</v>
      </c>
      <c r="BG20" s="203">
        <v>0</v>
      </c>
      <c r="BH20" s="208">
        <v>0</v>
      </c>
      <c r="BI20" s="205">
        <v>0</v>
      </c>
      <c r="BJ20" s="203">
        <v>2</v>
      </c>
      <c r="BK20" s="203">
        <v>4</v>
      </c>
      <c r="BL20" s="203">
        <v>4</v>
      </c>
      <c r="BM20" s="203">
        <v>0</v>
      </c>
      <c r="BN20" s="203">
        <v>1</v>
      </c>
      <c r="BO20" s="206">
        <v>11</v>
      </c>
      <c r="BP20" s="207">
        <v>11</v>
      </c>
      <c r="BQ20" s="202">
        <v>0</v>
      </c>
      <c r="BR20" s="203">
        <v>0</v>
      </c>
      <c r="BS20" s="208">
        <v>0</v>
      </c>
      <c r="BT20" s="205">
        <v>0</v>
      </c>
      <c r="BU20" s="203">
        <v>0</v>
      </c>
      <c r="BV20" s="203">
        <v>0</v>
      </c>
      <c r="BW20" s="203">
        <v>0</v>
      </c>
      <c r="BX20" s="203">
        <v>0</v>
      </c>
      <c r="BY20" s="203">
        <v>0</v>
      </c>
      <c r="BZ20" s="208">
        <v>0</v>
      </c>
      <c r="CA20" s="207">
        <v>0</v>
      </c>
      <c r="CB20" s="202">
        <v>0</v>
      </c>
      <c r="CC20" s="203">
        <v>0</v>
      </c>
      <c r="CD20" s="208">
        <v>0</v>
      </c>
      <c r="CE20" s="205">
        <v>0</v>
      </c>
      <c r="CF20" s="203">
        <v>0</v>
      </c>
      <c r="CG20" s="203">
        <v>0</v>
      </c>
      <c r="CH20" s="203">
        <v>0</v>
      </c>
      <c r="CI20" s="203">
        <v>1</v>
      </c>
      <c r="CJ20" s="203">
        <v>1</v>
      </c>
      <c r="CK20" s="208">
        <v>2</v>
      </c>
      <c r="CL20" s="207">
        <v>2</v>
      </c>
      <c r="CM20" s="202">
        <v>0</v>
      </c>
      <c r="CN20" s="203">
        <v>0</v>
      </c>
      <c r="CO20" s="208">
        <v>0</v>
      </c>
      <c r="CP20" s="205">
        <v>0</v>
      </c>
      <c r="CQ20" s="203">
        <v>0</v>
      </c>
      <c r="CR20" s="203">
        <v>1</v>
      </c>
      <c r="CS20" s="203">
        <v>2</v>
      </c>
      <c r="CT20" s="203">
        <v>0</v>
      </c>
      <c r="CU20" s="203">
        <v>3</v>
      </c>
      <c r="CV20" s="208">
        <v>6</v>
      </c>
      <c r="CW20" s="207">
        <v>6</v>
      </c>
    </row>
    <row r="21" spans="2:101" ht="21" customHeight="1" x14ac:dyDescent="0.2">
      <c r="B21" s="173" t="s">
        <v>19</v>
      </c>
      <c r="C21" s="202">
        <v>0</v>
      </c>
      <c r="D21" s="208">
        <v>0</v>
      </c>
      <c r="E21" s="218">
        <v>0</v>
      </c>
      <c r="F21" s="205">
        <v>0</v>
      </c>
      <c r="G21" s="203">
        <v>0</v>
      </c>
      <c r="H21" s="203">
        <v>2</v>
      </c>
      <c r="I21" s="203">
        <v>0</v>
      </c>
      <c r="J21" s="203">
        <v>1</v>
      </c>
      <c r="K21" s="203">
        <v>1</v>
      </c>
      <c r="L21" s="206">
        <v>4</v>
      </c>
      <c r="M21" s="207">
        <v>4</v>
      </c>
      <c r="N21" s="202">
        <v>0</v>
      </c>
      <c r="O21" s="203">
        <v>0</v>
      </c>
      <c r="P21" s="208">
        <v>0</v>
      </c>
      <c r="Q21" s="205">
        <v>0</v>
      </c>
      <c r="R21" s="203">
        <v>0</v>
      </c>
      <c r="S21" s="203">
        <v>0</v>
      </c>
      <c r="T21" s="203">
        <v>0</v>
      </c>
      <c r="U21" s="203">
        <v>1</v>
      </c>
      <c r="V21" s="203">
        <v>0</v>
      </c>
      <c r="W21" s="208">
        <v>1</v>
      </c>
      <c r="X21" s="207">
        <v>1</v>
      </c>
      <c r="Y21" s="202">
        <v>0</v>
      </c>
      <c r="Z21" s="203">
        <v>0</v>
      </c>
      <c r="AA21" s="208">
        <v>0</v>
      </c>
      <c r="AB21" s="205">
        <v>0</v>
      </c>
      <c r="AC21" s="203">
        <v>7</v>
      </c>
      <c r="AD21" s="203">
        <v>5</v>
      </c>
      <c r="AE21" s="203">
        <v>1</v>
      </c>
      <c r="AF21" s="203">
        <v>1</v>
      </c>
      <c r="AG21" s="203">
        <v>0</v>
      </c>
      <c r="AH21" s="208">
        <v>14</v>
      </c>
      <c r="AI21" s="207">
        <v>14</v>
      </c>
      <c r="AJ21" s="202">
        <v>0</v>
      </c>
      <c r="AK21" s="203">
        <v>0</v>
      </c>
      <c r="AL21" s="208">
        <v>0</v>
      </c>
      <c r="AM21" s="205">
        <v>0</v>
      </c>
      <c r="AN21" s="203">
        <v>2</v>
      </c>
      <c r="AO21" s="203">
        <v>2</v>
      </c>
      <c r="AP21" s="203">
        <v>0</v>
      </c>
      <c r="AQ21" s="203">
        <v>1</v>
      </c>
      <c r="AR21" s="203">
        <v>0</v>
      </c>
      <c r="AS21" s="208">
        <v>5</v>
      </c>
      <c r="AT21" s="207">
        <v>5</v>
      </c>
      <c r="AU21" s="202">
        <v>0</v>
      </c>
      <c r="AV21" s="203">
        <v>0</v>
      </c>
      <c r="AW21" s="208">
        <v>0</v>
      </c>
      <c r="AX21" s="205">
        <v>0</v>
      </c>
      <c r="AY21" s="203">
        <v>1</v>
      </c>
      <c r="AZ21" s="203">
        <v>1</v>
      </c>
      <c r="BA21" s="203">
        <v>2</v>
      </c>
      <c r="BB21" s="203">
        <v>0</v>
      </c>
      <c r="BC21" s="203">
        <v>0</v>
      </c>
      <c r="BD21" s="208">
        <v>4</v>
      </c>
      <c r="BE21" s="207">
        <v>4</v>
      </c>
      <c r="BF21" s="202">
        <v>0</v>
      </c>
      <c r="BG21" s="203">
        <v>0</v>
      </c>
      <c r="BH21" s="208">
        <v>0</v>
      </c>
      <c r="BI21" s="205">
        <v>0</v>
      </c>
      <c r="BJ21" s="203">
        <v>0</v>
      </c>
      <c r="BK21" s="203">
        <v>0</v>
      </c>
      <c r="BL21" s="203">
        <v>1</v>
      </c>
      <c r="BM21" s="203">
        <v>0</v>
      </c>
      <c r="BN21" s="203">
        <v>2</v>
      </c>
      <c r="BO21" s="206">
        <v>3</v>
      </c>
      <c r="BP21" s="207">
        <v>3</v>
      </c>
      <c r="BQ21" s="202">
        <v>0</v>
      </c>
      <c r="BR21" s="203">
        <v>0</v>
      </c>
      <c r="BS21" s="208">
        <v>0</v>
      </c>
      <c r="BT21" s="205">
        <v>0</v>
      </c>
      <c r="BU21" s="203">
        <v>0</v>
      </c>
      <c r="BV21" s="203">
        <v>0</v>
      </c>
      <c r="BW21" s="203">
        <v>0</v>
      </c>
      <c r="BX21" s="203">
        <v>0</v>
      </c>
      <c r="BY21" s="203">
        <v>0</v>
      </c>
      <c r="BZ21" s="208">
        <v>0</v>
      </c>
      <c r="CA21" s="207">
        <v>0</v>
      </c>
      <c r="CB21" s="202">
        <v>0</v>
      </c>
      <c r="CC21" s="203">
        <v>0</v>
      </c>
      <c r="CD21" s="208">
        <v>0</v>
      </c>
      <c r="CE21" s="205">
        <v>0</v>
      </c>
      <c r="CF21" s="203">
        <v>0</v>
      </c>
      <c r="CG21" s="203">
        <v>0</v>
      </c>
      <c r="CH21" s="203">
        <v>0</v>
      </c>
      <c r="CI21" s="203">
        <v>0</v>
      </c>
      <c r="CJ21" s="203">
        <v>0</v>
      </c>
      <c r="CK21" s="208">
        <v>0</v>
      </c>
      <c r="CL21" s="207">
        <v>0</v>
      </c>
      <c r="CM21" s="202">
        <v>0</v>
      </c>
      <c r="CN21" s="203">
        <v>0</v>
      </c>
      <c r="CO21" s="208">
        <v>0</v>
      </c>
      <c r="CP21" s="205">
        <v>0</v>
      </c>
      <c r="CQ21" s="203">
        <v>0</v>
      </c>
      <c r="CR21" s="203">
        <v>0</v>
      </c>
      <c r="CS21" s="203">
        <v>0</v>
      </c>
      <c r="CT21" s="203">
        <v>1</v>
      </c>
      <c r="CU21" s="203">
        <v>3</v>
      </c>
      <c r="CV21" s="208">
        <v>4</v>
      </c>
      <c r="CW21" s="207">
        <v>4</v>
      </c>
    </row>
    <row r="22" spans="2:101" ht="21" customHeight="1" x14ac:dyDescent="0.2">
      <c r="B22" s="173" t="s">
        <v>20</v>
      </c>
      <c r="C22" s="202">
        <v>0</v>
      </c>
      <c r="D22" s="208">
        <v>0</v>
      </c>
      <c r="E22" s="218">
        <v>0</v>
      </c>
      <c r="F22" s="205">
        <v>0</v>
      </c>
      <c r="G22" s="203">
        <v>0</v>
      </c>
      <c r="H22" s="203">
        <v>1</v>
      </c>
      <c r="I22" s="203">
        <v>0</v>
      </c>
      <c r="J22" s="203">
        <v>0</v>
      </c>
      <c r="K22" s="203">
        <v>0</v>
      </c>
      <c r="L22" s="206">
        <v>1</v>
      </c>
      <c r="M22" s="207">
        <v>1</v>
      </c>
      <c r="N22" s="202">
        <v>0</v>
      </c>
      <c r="O22" s="203">
        <v>0</v>
      </c>
      <c r="P22" s="208">
        <v>0</v>
      </c>
      <c r="Q22" s="205">
        <v>0</v>
      </c>
      <c r="R22" s="203">
        <v>0</v>
      </c>
      <c r="S22" s="203">
        <v>0</v>
      </c>
      <c r="T22" s="203">
        <v>0</v>
      </c>
      <c r="U22" s="203">
        <v>0</v>
      </c>
      <c r="V22" s="203">
        <v>0</v>
      </c>
      <c r="W22" s="208">
        <v>0</v>
      </c>
      <c r="X22" s="207">
        <v>0</v>
      </c>
      <c r="Y22" s="202">
        <v>0</v>
      </c>
      <c r="Z22" s="203">
        <v>0</v>
      </c>
      <c r="AA22" s="208">
        <v>0</v>
      </c>
      <c r="AB22" s="205">
        <v>0</v>
      </c>
      <c r="AC22" s="203">
        <v>10</v>
      </c>
      <c r="AD22" s="203">
        <v>9</v>
      </c>
      <c r="AE22" s="203">
        <v>2</v>
      </c>
      <c r="AF22" s="203">
        <v>1</v>
      </c>
      <c r="AG22" s="203">
        <v>0</v>
      </c>
      <c r="AH22" s="208">
        <v>22</v>
      </c>
      <c r="AI22" s="207">
        <v>22</v>
      </c>
      <c r="AJ22" s="202">
        <v>0</v>
      </c>
      <c r="AK22" s="203">
        <v>0</v>
      </c>
      <c r="AL22" s="208">
        <v>0</v>
      </c>
      <c r="AM22" s="205">
        <v>0</v>
      </c>
      <c r="AN22" s="203">
        <v>0</v>
      </c>
      <c r="AO22" s="203">
        <v>0</v>
      </c>
      <c r="AP22" s="203">
        <v>0</v>
      </c>
      <c r="AQ22" s="203">
        <v>0</v>
      </c>
      <c r="AR22" s="203">
        <v>0</v>
      </c>
      <c r="AS22" s="208">
        <v>0</v>
      </c>
      <c r="AT22" s="207">
        <v>0</v>
      </c>
      <c r="AU22" s="202">
        <v>0</v>
      </c>
      <c r="AV22" s="203">
        <v>1</v>
      </c>
      <c r="AW22" s="208">
        <v>1</v>
      </c>
      <c r="AX22" s="205">
        <v>0</v>
      </c>
      <c r="AY22" s="203">
        <v>1</v>
      </c>
      <c r="AZ22" s="203">
        <v>0</v>
      </c>
      <c r="BA22" s="203">
        <v>0</v>
      </c>
      <c r="BB22" s="203">
        <v>0</v>
      </c>
      <c r="BC22" s="203">
        <v>1</v>
      </c>
      <c r="BD22" s="208">
        <v>2</v>
      </c>
      <c r="BE22" s="207">
        <v>3</v>
      </c>
      <c r="BF22" s="202">
        <v>0</v>
      </c>
      <c r="BG22" s="203">
        <v>0</v>
      </c>
      <c r="BH22" s="208">
        <v>0</v>
      </c>
      <c r="BI22" s="205">
        <v>0</v>
      </c>
      <c r="BJ22" s="203">
        <v>0</v>
      </c>
      <c r="BK22" s="203">
        <v>1</v>
      </c>
      <c r="BL22" s="203">
        <v>3</v>
      </c>
      <c r="BM22" s="203">
        <v>0</v>
      </c>
      <c r="BN22" s="203">
        <v>0</v>
      </c>
      <c r="BO22" s="206">
        <v>4</v>
      </c>
      <c r="BP22" s="207">
        <v>4</v>
      </c>
      <c r="BQ22" s="202">
        <v>0</v>
      </c>
      <c r="BR22" s="203">
        <v>0</v>
      </c>
      <c r="BS22" s="208">
        <v>0</v>
      </c>
      <c r="BT22" s="205">
        <v>0</v>
      </c>
      <c r="BU22" s="203">
        <v>0</v>
      </c>
      <c r="BV22" s="203">
        <v>0</v>
      </c>
      <c r="BW22" s="203">
        <v>0</v>
      </c>
      <c r="BX22" s="203">
        <v>0</v>
      </c>
      <c r="BY22" s="203">
        <v>0</v>
      </c>
      <c r="BZ22" s="208">
        <v>0</v>
      </c>
      <c r="CA22" s="207">
        <v>0</v>
      </c>
      <c r="CB22" s="202">
        <v>0</v>
      </c>
      <c r="CC22" s="203">
        <v>0</v>
      </c>
      <c r="CD22" s="208">
        <v>0</v>
      </c>
      <c r="CE22" s="205">
        <v>0</v>
      </c>
      <c r="CF22" s="203">
        <v>0</v>
      </c>
      <c r="CG22" s="203">
        <v>0</v>
      </c>
      <c r="CH22" s="203">
        <v>0</v>
      </c>
      <c r="CI22" s="203">
        <v>0</v>
      </c>
      <c r="CJ22" s="203">
        <v>0</v>
      </c>
      <c r="CK22" s="208">
        <v>0</v>
      </c>
      <c r="CL22" s="207">
        <v>0</v>
      </c>
      <c r="CM22" s="202">
        <v>0</v>
      </c>
      <c r="CN22" s="203">
        <v>0</v>
      </c>
      <c r="CO22" s="208">
        <v>0</v>
      </c>
      <c r="CP22" s="205">
        <v>0</v>
      </c>
      <c r="CQ22" s="203">
        <v>0</v>
      </c>
      <c r="CR22" s="203">
        <v>0</v>
      </c>
      <c r="CS22" s="203">
        <v>0</v>
      </c>
      <c r="CT22" s="203">
        <v>0</v>
      </c>
      <c r="CU22" s="203">
        <v>0</v>
      </c>
      <c r="CV22" s="208">
        <v>0</v>
      </c>
      <c r="CW22" s="207">
        <v>0</v>
      </c>
    </row>
    <row r="23" spans="2:101" ht="21" customHeight="1" x14ac:dyDescent="0.2">
      <c r="B23" s="173" t="s">
        <v>21</v>
      </c>
      <c r="C23" s="202">
        <v>0</v>
      </c>
      <c r="D23" s="208">
        <v>0</v>
      </c>
      <c r="E23" s="218">
        <v>0</v>
      </c>
      <c r="F23" s="205">
        <v>0</v>
      </c>
      <c r="G23" s="203">
        <v>1</v>
      </c>
      <c r="H23" s="203">
        <v>0</v>
      </c>
      <c r="I23" s="203">
        <v>0</v>
      </c>
      <c r="J23" s="203">
        <v>0</v>
      </c>
      <c r="K23" s="203">
        <v>0</v>
      </c>
      <c r="L23" s="206">
        <v>1</v>
      </c>
      <c r="M23" s="207">
        <v>1</v>
      </c>
      <c r="N23" s="202">
        <v>0</v>
      </c>
      <c r="O23" s="203">
        <v>0</v>
      </c>
      <c r="P23" s="208">
        <v>0</v>
      </c>
      <c r="Q23" s="205">
        <v>0</v>
      </c>
      <c r="R23" s="203">
        <v>0</v>
      </c>
      <c r="S23" s="203">
        <v>0</v>
      </c>
      <c r="T23" s="203">
        <v>0</v>
      </c>
      <c r="U23" s="203">
        <v>0</v>
      </c>
      <c r="V23" s="203">
        <v>0</v>
      </c>
      <c r="W23" s="208">
        <v>0</v>
      </c>
      <c r="X23" s="207">
        <v>0</v>
      </c>
      <c r="Y23" s="202">
        <v>0</v>
      </c>
      <c r="Z23" s="203">
        <v>0</v>
      </c>
      <c r="AA23" s="208">
        <v>0</v>
      </c>
      <c r="AB23" s="205">
        <v>0</v>
      </c>
      <c r="AC23" s="203">
        <v>13</v>
      </c>
      <c r="AD23" s="203">
        <v>4</v>
      </c>
      <c r="AE23" s="203">
        <v>1</v>
      </c>
      <c r="AF23" s="203">
        <v>1</v>
      </c>
      <c r="AG23" s="203">
        <v>0</v>
      </c>
      <c r="AH23" s="208">
        <v>19</v>
      </c>
      <c r="AI23" s="207">
        <v>19</v>
      </c>
      <c r="AJ23" s="202">
        <v>0</v>
      </c>
      <c r="AK23" s="203">
        <v>0</v>
      </c>
      <c r="AL23" s="208">
        <v>0</v>
      </c>
      <c r="AM23" s="205">
        <v>0</v>
      </c>
      <c r="AN23" s="203">
        <v>0</v>
      </c>
      <c r="AO23" s="203">
        <v>0</v>
      </c>
      <c r="AP23" s="203">
        <v>0</v>
      </c>
      <c r="AQ23" s="203">
        <v>0</v>
      </c>
      <c r="AR23" s="203">
        <v>0</v>
      </c>
      <c r="AS23" s="208">
        <v>0</v>
      </c>
      <c r="AT23" s="207">
        <v>0</v>
      </c>
      <c r="AU23" s="202">
        <v>0</v>
      </c>
      <c r="AV23" s="203">
        <v>0</v>
      </c>
      <c r="AW23" s="208">
        <v>0</v>
      </c>
      <c r="AX23" s="205">
        <v>0</v>
      </c>
      <c r="AY23" s="203">
        <v>0</v>
      </c>
      <c r="AZ23" s="203">
        <v>0</v>
      </c>
      <c r="BA23" s="203">
        <v>2</v>
      </c>
      <c r="BB23" s="203">
        <v>0</v>
      </c>
      <c r="BC23" s="203">
        <v>0</v>
      </c>
      <c r="BD23" s="208">
        <v>2</v>
      </c>
      <c r="BE23" s="207">
        <v>2</v>
      </c>
      <c r="BF23" s="202">
        <v>0</v>
      </c>
      <c r="BG23" s="203">
        <v>0</v>
      </c>
      <c r="BH23" s="208">
        <v>0</v>
      </c>
      <c r="BI23" s="205">
        <v>0</v>
      </c>
      <c r="BJ23" s="203">
        <v>0</v>
      </c>
      <c r="BK23" s="203">
        <v>1</v>
      </c>
      <c r="BL23" s="203">
        <v>1</v>
      </c>
      <c r="BM23" s="203">
        <v>3</v>
      </c>
      <c r="BN23" s="203">
        <v>0</v>
      </c>
      <c r="BO23" s="206">
        <v>5</v>
      </c>
      <c r="BP23" s="207">
        <v>5</v>
      </c>
      <c r="BQ23" s="202">
        <v>0</v>
      </c>
      <c r="BR23" s="203">
        <v>0</v>
      </c>
      <c r="BS23" s="208">
        <v>0</v>
      </c>
      <c r="BT23" s="205">
        <v>0</v>
      </c>
      <c r="BU23" s="203">
        <v>0</v>
      </c>
      <c r="BV23" s="203">
        <v>0</v>
      </c>
      <c r="BW23" s="203">
        <v>0</v>
      </c>
      <c r="BX23" s="203">
        <v>0</v>
      </c>
      <c r="BY23" s="203">
        <v>0</v>
      </c>
      <c r="BZ23" s="208">
        <v>0</v>
      </c>
      <c r="CA23" s="207">
        <v>0</v>
      </c>
      <c r="CB23" s="202">
        <v>0</v>
      </c>
      <c r="CC23" s="203">
        <v>0</v>
      </c>
      <c r="CD23" s="208">
        <v>0</v>
      </c>
      <c r="CE23" s="205">
        <v>0</v>
      </c>
      <c r="CF23" s="203">
        <v>0</v>
      </c>
      <c r="CG23" s="203">
        <v>0</v>
      </c>
      <c r="CH23" s="203">
        <v>0</v>
      </c>
      <c r="CI23" s="203">
        <v>0</v>
      </c>
      <c r="CJ23" s="203">
        <v>0</v>
      </c>
      <c r="CK23" s="208">
        <v>0</v>
      </c>
      <c r="CL23" s="207">
        <v>0</v>
      </c>
      <c r="CM23" s="202">
        <v>0</v>
      </c>
      <c r="CN23" s="203">
        <v>0</v>
      </c>
      <c r="CO23" s="208">
        <v>0</v>
      </c>
      <c r="CP23" s="205">
        <v>0</v>
      </c>
      <c r="CQ23" s="203">
        <v>0</v>
      </c>
      <c r="CR23" s="203">
        <v>0</v>
      </c>
      <c r="CS23" s="203">
        <v>0</v>
      </c>
      <c r="CT23" s="203">
        <v>0</v>
      </c>
      <c r="CU23" s="203">
        <v>1</v>
      </c>
      <c r="CV23" s="208">
        <v>1</v>
      </c>
      <c r="CW23" s="207">
        <v>1</v>
      </c>
    </row>
    <row r="24" spans="2:101" ht="21" customHeight="1" x14ac:dyDescent="0.2">
      <c r="B24" s="173" t="s">
        <v>22</v>
      </c>
      <c r="C24" s="202">
        <v>0</v>
      </c>
      <c r="D24" s="208">
        <v>0</v>
      </c>
      <c r="E24" s="218">
        <v>0</v>
      </c>
      <c r="F24" s="205">
        <v>0</v>
      </c>
      <c r="G24" s="203">
        <v>0</v>
      </c>
      <c r="H24" s="203">
        <v>0</v>
      </c>
      <c r="I24" s="203">
        <v>1</v>
      </c>
      <c r="J24" s="203">
        <v>1</v>
      </c>
      <c r="K24" s="203">
        <v>0</v>
      </c>
      <c r="L24" s="206">
        <v>2</v>
      </c>
      <c r="M24" s="207">
        <v>2</v>
      </c>
      <c r="N24" s="202">
        <v>0</v>
      </c>
      <c r="O24" s="203">
        <v>0</v>
      </c>
      <c r="P24" s="208">
        <v>0</v>
      </c>
      <c r="Q24" s="205">
        <v>0</v>
      </c>
      <c r="R24" s="203">
        <v>0</v>
      </c>
      <c r="S24" s="203">
        <v>0</v>
      </c>
      <c r="T24" s="203">
        <v>0</v>
      </c>
      <c r="U24" s="203">
        <v>0</v>
      </c>
      <c r="V24" s="203">
        <v>0</v>
      </c>
      <c r="W24" s="208">
        <v>0</v>
      </c>
      <c r="X24" s="207">
        <v>0</v>
      </c>
      <c r="Y24" s="202">
        <v>0</v>
      </c>
      <c r="Z24" s="203">
        <v>0</v>
      </c>
      <c r="AA24" s="208">
        <v>0</v>
      </c>
      <c r="AB24" s="205">
        <v>0</v>
      </c>
      <c r="AC24" s="203">
        <v>10</v>
      </c>
      <c r="AD24" s="203">
        <v>5</v>
      </c>
      <c r="AE24" s="203">
        <v>0</v>
      </c>
      <c r="AF24" s="203">
        <v>1</v>
      </c>
      <c r="AG24" s="203">
        <v>0</v>
      </c>
      <c r="AH24" s="208">
        <v>16</v>
      </c>
      <c r="AI24" s="207">
        <v>16</v>
      </c>
      <c r="AJ24" s="202">
        <v>0</v>
      </c>
      <c r="AK24" s="203">
        <v>0</v>
      </c>
      <c r="AL24" s="208">
        <v>0</v>
      </c>
      <c r="AM24" s="205">
        <v>0</v>
      </c>
      <c r="AN24" s="203">
        <v>0</v>
      </c>
      <c r="AO24" s="203">
        <v>0</v>
      </c>
      <c r="AP24" s="203">
        <v>0</v>
      </c>
      <c r="AQ24" s="203">
        <v>0</v>
      </c>
      <c r="AR24" s="203">
        <v>0</v>
      </c>
      <c r="AS24" s="208">
        <v>0</v>
      </c>
      <c r="AT24" s="207">
        <v>0</v>
      </c>
      <c r="AU24" s="202">
        <v>0</v>
      </c>
      <c r="AV24" s="203">
        <v>0</v>
      </c>
      <c r="AW24" s="208">
        <v>0</v>
      </c>
      <c r="AX24" s="205">
        <v>0</v>
      </c>
      <c r="AY24" s="203">
        <v>0</v>
      </c>
      <c r="AZ24" s="203">
        <v>2</v>
      </c>
      <c r="BA24" s="203">
        <v>0</v>
      </c>
      <c r="BB24" s="203">
        <v>0</v>
      </c>
      <c r="BC24" s="203">
        <v>0</v>
      </c>
      <c r="BD24" s="208">
        <v>2</v>
      </c>
      <c r="BE24" s="207">
        <v>2</v>
      </c>
      <c r="BF24" s="202">
        <v>0</v>
      </c>
      <c r="BG24" s="203">
        <v>0</v>
      </c>
      <c r="BH24" s="208">
        <v>0</v>
      </c>
      <c r="BI24" s="205">
        <v>0</v>
      </c>
      <c r="BJ24" s="203">
        <v>0</v>
      </c>
      <c r="BK24" s="203">
        <v>0</v>
      </c>
      <c r="BL24" s="203">
        <v>0</v>
      </c>
      <c r="BM24" s="203">
        <v>0</v>
      </c>
      <c r="BN24" s="203">
        <v>0</v>
      </c>
      <c r="BO24" s="206">
        <v>0</v>
      </c>
      <c r="BP24" s="207">
        <v>0</v>
      </c>
      <c r="BQ24" s="202">
        <v>0</v>
      </c>
      <c r="BR24" s="203">
        <v>0</v>
      </c>
      <c r="BS24" s="208">
        <v>0</v>
      </c>
      <c r="BT24" s="205">
        <v>0</v>
      </c>
      <c r="BU24" s="203">
        <v>0</v>
      </c>
      <c r="BV24" s="203">
        <v>0</v>
      </c>
      <c r="BW24" s="203">
        <v>0</v>
      </c>
      <c r="BX24" s="203">
        <v>0</v>
      </c>
      <c r="BY24" s="203">
        <v>0</v>
      </c>
      <c r="BZ24" s="208">
        <v>0</v>
      </c>
      <c r="CA24" s="207">
        <v>0</v>
      </c>
      <c r="CB24" s="202">
        <v>0</v>
      </c>
      <c r="CC24" s="203">
        <v>0</v>
      </c>
      <c r="CD24" s="208">
        <v>0</v>
      </c>
      <c r="CE24" s="205">
        <v>0</v>
      </c>
      <c r="CF24" s="203">
        <v>0</v>
      </c>
      <c r="CG24" s="203">
        <v>0</v>
      </c>
      <c r="CH24" s="203">
        <v>0</v>
      </c>
      <c r="CI24" s="203">
        <v>0</v>
      </c>
      <c r="CJ24" s="203">
        <v>0</v>
      </c>
      <c r="CK24" s="208">
        <v>0</v>
      </c>
      <c r="CL24" s="207">
        <v>0</v>
      </c>
      <c r="CM24" s="202">
        <v>0</v>
      </c>
      <c r="CN24" s="203">
        <v>0</v>
      </c>
      <c r="CO24" s="208">
        <v>0</v>
      </c>
      <c r="CP24" s="205">
        <v>0</v>
      </c>
      <c r="CQ24" s="203">
        <v>0</v>
      </c>
      <c r="CR24" s="203">
        <v>0</v>
      </c>
      <c r="CS24" s="203">
        <v>0</v>
      </c>
      <c r="CT24" s="203">
        <v>0</v>
      </c>
      <c r="CU24" s="203">
        <v>0</v>
      </c>
      <c r="CV24" s="208">
        <v>0</v>
      </c>
      <c r="CW24" s="207">
        <v>0</v>
      </c>
    </row>
    <row r="25" spans="2:101" ht="21" customHeight="1" x14ac:dyDescent="0.2">
      <c r="B25" s="173" t="s">
        <v>23</v>
      </c>
      <c r="C25" s="202">
        <v>0</v>
      </c>
      <c r="D25" s="208">
        <v>0</v>
      </c>
      <c r="E25" s="218">
        <v>0</v>
      </c>
      <c r="F25" s="205">
        <v>0</v>
      </c>
      <c r="G25" s="203">
        <v>0</v>
      </c>
      <c r="H25" s="203">
        <v>0</v>
      </c>
      <c r="I25" s="203">
        <v>0</v>
      </c>
      <c r="J25" s="203">
        <v>0</v>
      </c>
      <c r="K25" s="203">
        <v>1</v>
      </c>
      <c r="L25" s="206">
        <v>1</v>
      </c>
      <c r="M25" s="207">
        <v>1</v>
      </c>
      <c r="N25" s="202">
        <v>0</v>
      </c>
      <c r="O25" s="203">
        <v>0</v>
      </c>
      <c r="P25" s="208">
        <v>0</v>
      </c>
      <c r="Q25" s="205">
        <v>0</v>
      </c>
      <c r="R25" s="203">
        <v>0</v>
      </c>
      <c r="S25" s="203">
        <v>0</v>
      </c>
      <c r="T25" s="203">
        <v>0</v>
      </c>
      <c r="U25" s="203">
        <v>0</v>
      </c>
      <c r="V25" s="203">
        <v>0</v>
      </c>
      <c r="W25" s="208">
        <v>0</v>
      </c>
      <c r="X25" s="207">
        <v>0</v>
      </c>
      <c r="Y25" s="202">
        <v>0</v>
      </c>
      <c r="Z25" s="203">
        <v>0</v>
      </c>
      <c r="AA25" s="208">
        <v>0</v>
      </c>
      <c r="AB25" s="205">
        <v>0</v>
      </c>
      <c r="AC25" s="203">
        <v>2</v>
      </c>
      <c r="AD25" s="203">
        <v>2</v>
      </c>
      <c r="AE25" s="203">
        <v>2</v>
      </c>
      <c r="AF25" s="203">
        <v>0</v>
      </c>
      <c r="AG25" s="203">
        <v>0</v>
      </c>
      <c r="AH25" s="208">
        <v>6</v>
      </c>
      <c r="AI25" s="207">
        <v>6</v>
      </c>
      <c r="AJ25" s="202">
        <v>0</v>
      </c>
      <c r="AK25" s="203">
        <v>0</v>
      </c>
      <c r="AL25" s="208">
        <v>0</v>
      </c>
      <c r="AM25" s="205">
        <v>0</v>
      </c>
      <c r="AN25" s="203">
        <v>0</v>
      </c>
      <c r="AO25" s="203">
        <v>0</v>
      </c>
      <c r="AP25" s="203">
        <v>0</v>
      </c>
      <c r="AQ25" s="203">
        <v>0</v>
      </c>
      <c r="AR25" s="203">
        <v>0</v>
      </c>
      <c r="AS25" s="208">
        <v>0</v>
      </c>
      <c r="AT25" s="207">
        <v>0</v>
      </c>
      <c r="AU25" s="202">
        <v>0</v>
      </c>
      <c r="AV25" s="203">
        <v>0</v>
      </c>
      <c r="AW25" s="208">
        <v>0</v>
      </c>
      <c r="AX25" s="205">
        <v>0</v>
      </c>
      <c r="AY25" s="203">
        <v>0</v>
      </c>
      <c r="AZ25" s="203">
        <v>0</v>
      </c>
      <c r="BA25" s="203">
        <v>0</v>
      </c>
      <c r="BB25" s="203">
        <v>0</v>
      </c>
      <c r="BC25" s="203">
        <v>0</v>
      </c>
      <c r="BD25" s="208">
        <v>0</v>
      </c>
      <c r="BE25" s="207">
        <v>0</v>
      </c>
      <c r="BF25" s="202">
        <v>0</v>
      </c>
      <c r="BG25" s="203">
        <v>0</v>
      </c>
      <c r="BH25" s="208">
        <v>0</v>
      </c>
      <c r="BI25" s="205">
        <v>0</v>
      </c>
      <c r="BJ25" s="203">
        <v>1</v>
      </c>
      <c r="BK25" s="203">
        <v>1</v>
      </c>
      <c r="BL25" s="203">
        <v>3</v>
      </c>
      <c r="BM25" s="203">
        <v>0</v>
      </c>
      <c r="BN25" s="203">
        <v>0</v>
      </c>
      <c r="BO25" s="206">
        <v>5</v>
      </c>
      <c r="BP25" s="207">
        <v>5</v>
      </c>
      <c r="BQ25" s="202">
        <v>0</v>
      </c>
      <c r="BR25" s="203">
        <v>0</v>
      </c>
      <c r="BS25" s="208">
        <v>0</v>
      </c>
      <c r="BT25" s="205">
        <v>0</v>
      </c>
      <c r="BU25" s="203">
        <v>0</v>
      </c>
      <c r="BV25" s="203">
        <v>0</v>
      </c>
      <c r="BW25" s="203">
        <v>0</v>
      </c>
      <c r="BX25" s="203">
        <v>0</v>
      </c>
      <c r="BY25" s="203">
        <v>0</v>
      </c>
      <c r="BZ25" s="208">
        <v>0</v>
      </c>
      <c r="CA25" s="207">
        <v>0</v>
      </c>
      <c r="CB25" s="202">
        <v>0</v>
      </c>
      <c r="CC25" s="203">
        <v>0</v>
      </c>
      <c r="CD25" s="208">
        <v>0</v>
      </c>
      <c r="CE25" s="205">
        <v>0</v>
      </c>
      <c r="CF25" s="203">
        <v>0</v>
      </c>
      <c r="CG25" s="203">
        <v>0</v>
      </c>
      <c r="CH25" s="203">
        <v>0</v>
      </c>
      <c r="CI25" s="203">
        <v>0</v>
      </c>
      <c r="CJ25" s="203">
        <v>0</v>
      </c>
      <c r="CK25" s="208">
        <v>0</v>
      </c>
      <c r="CL25" s="207">
        <v>0</v>
      </c>
      <c r="CM25" s="202">
        <v>0</v>
      </c>
      <c r="CN25" s="203">
        <v>0</v>
      </c>
      <c r="CO25" s="208">
        <v>0</v>
      </c>
      <c r="CP25" s="205">
        <v>0</v>
      </c>
      <c r="CQ25" s="203">
        <v>0</v>
      </c>
      <c r="CR25" s="203">
        <v>0</v>
      </c>
      <c r="CS25" s="203">
        <v>0</v>
      </c>
      <c r="CT25" s="203">
        <v>0</v>
      </c>
      <c r="CU25" s="203">
        <v>0</v>
      </c>
      <c r="CV25" s="208">
        <v>0</v>
      </c>
      <c r="CW25" s="207">
        <v>0</v>
      </c>
    </row>
    <row r="26" spans="2:101" ht="21" customHeight="1" x14ac:dyDescent="0.2">
      <c r="B26" s="173" t="s">
        <v>24</v>
      </c>
      <c r="C26" s="202">
        <v>0</v>
      </c>
      <c r="D26" s="208">
        <v>0</v>
      </c>
      <c r="E26" s="218">
        <v>0</v>
      </c>
      <c r="F26" s="205">
        <v>0</v>
      </c>
      <c r="G26" s="203">
        <v>0</v>
      </c>
      <c r="H26" s="203">
        <v>0</v>
      </c>
      <c r="I26" s="203">
        <v>0</v>
      </c>
      <c r="J26" s="203">
        <v>2</v>
      </c>
      <c r="K26" s="203">
        <v>0</v>
      </c>
      <c r="L26" s="206">
        <v>2</v>
      </c>
      <c r="M26" s="207">
        <v>2</v>
      </c>
      <c r="N26" s="202">
        <v>0</v>
      </c>
      <c r="O26" s="203">
        <v>0</v>
      </c>
      <c r="P26" s="208">
        <v>0</v>
      </c>
      <c r="Q26" s="205">
        <v>0</v>
      </c>
      <c r="R26" s="203">
        <v>0</v>
      </c>
      <c r="S26" s="203">
        <v>0</v>
      </c>
      <c r="T26" s="203">
        <v>0</v>
      </c>
      <c r="U26" s="203">
        <v>0</v>
      </c>
      <c r="V26" s="203">
        <v>0</v>
      </c>
      <c r="W26" s="208">
        <v>0</v>
      </c>
      <c r="X26" s="207">
        <v>0</v>
      </c>
      <c r="Y26" s="202">
        <v>0</v>
      </c>
      <c r="Z26" s="203">
        <v>0</v>
      </c>
      <c r="AA26" s="208">
        <v>0</v>
      </c>
      <c r="AB26" s="205">
        <v>0</v>
      </c>
      <c r="AC26" s="203">
        <v>0</v>
      </c>
      <c r="AD26" s="203">
        <v>1</v>
      </c>
      <c r="AE26" s="203">
        <v>0</v>
      </c>
      <c r="AF26" s="203">
        <v>1</v>
      </c>
      <c r="AG26" s="203">
        <v>0</v>
      </c>
      <c r="AH26" s="208">
        <v>2</v>
      </c>
      <c r="AI26" s="207">
        <v>2</v>
      </c>
      <c r="AJ26" s="202">
        <v>0</v>
      </c>
      <c r="AK26" s="203">
        <v>0</v>
      </c>
      <c r="AL26" s="208">
        <v>0</v>
      </c>
      <c r="AM26" s="205">
        <v>0</v>
      </c>
      <c r="AN26" s="203">
        <v>0</v>
      </c>
      <c r="AO26" s="203">
        <v>0</v>
      </c>
      <c r="AP26" s="203">
        <v>0</v>
      </c>
      <c r="AQ26" s="203">
        <v>0</v>
      </c>
      <c r="AR26" s="203">
        <v>1</v>
      </c>
      <c r="AS26" s="208">
        <v>1</v>
      </c>
      <c r="AT26" s="207">
        <v>1</v>
      </c>
      <c r="AU26" s="202">
        <v>0</v>
      </c>
      <c r="AV26" s="203">
        <v>0</v>
      </c>
      <c r="AW26" s="208">
        <v>0</v>
      </c>
      <c r="AX26" s="205">
        <v>0</v>
      </c>
      <c r="AY26" s="203">
        <v>3</v>
      </c>
      <c r="AZ26" s="203">
        <v>2</v>
      </c>
      <c r="BA26" s="203">
        <v>0</v>
      </c>
      <c r="BB26" s="203">
        <v>1</v>
      </c>
      <c r="BC26" s="203">
        <v>0</v>
      </c>
      <c r="BD26" s="208">
        <v>6</v>
      </c>
      <c r="BE26" s="207">
        <v>6</v>
      </c>
      <c r="BF26" s="202">
        <v>0</v>
      </c>
      <c r="BG26" s="203">
        <v>0</v>
      </c>
      <c r="BH26" s="208">
        <v>0</v>
      </c>
      <c r="BI26" s="205">
        <v>0</v>
      </c>
      <c r="BJ26" s="203">
        <v>0</v>
      </c>
      <c r="BK26" s="203">
        <v>1</v>
      </c>
      <c r="BL26" s="203">
        <v>0</v>
      </c>
      <c r="BM26" s="203">
        <v>0</v>
      </c>
      <c r="BN26" s="203">
        <v>1</v>
      </c>
      <c r="BO26" s="206">
        <v>2</v>
      </c>
      <c r="BP26" s="207">
        <v>2</v>
      </c>
      <c r="BQ26" s="202">
        <v>0</v>
      </c>
      <c r="BR26" s="203">
        <v>0</v>
      </c>
      <c r="BS26" s="208">
        <v>0</v>
      </c>
      <c r="BT26" s="205">
        <v>0</v>
      </c>
      <c r="BU26" s="203">
        <v>0</v>
      </c>
      <c r="BV26" s="203">
        <v>0</v>
      </c>
      <c r="BW26" s="203">
        <v>0</v>
      </c>
      <c r="BX26" s="203">
        <v>0</v>
      </c>
      <c r="BY26" s="203">
        <v>0</v>
      </c>
      <c r="BZ26" s="208">
        <v>0</v>
      </c>
      <c r="CA26" s="207">
        <v>0</v>
      </c>
      <c r="CB26" s="202">
        <v>0</v>
      </c>
      <c r="CC26" s="203">
        <v>0</v>
      </c>
      <c r="CD26" s="208">
        <v>0</v>
      </c>
      <c r="CE26" s="205">
        <v>0</v>
      </c>
      <c r="CF26" s="203">
        <v>0</v>
      </c>
      <c r="CG26" s="203">
        <v>0</v>
      </c>
      <c r="CH26" s="203">
        <v>0</v>
      </c>
      <c r="CI26" s="203">
        <v>0</v>
      </c>
      <c r="CJ26" s="203">
        <v>0</v>
      </c>
      <c r="CK26" s="208">
        <v>0</v>
      </c>
      <c r="CL26" s="207">
        <v>0</v>
      </c>
      <c r="CM26" s="202">
        <v>0</v>
      </c>
      <c r="CN26" s="203">
        <v>0</v>
      </c>
      <c r="CO26" s="208">
        <v>0</v>
      </c>
      <c r="CP26" s="205">
        <v>0</v>
      </c>
      <c r="CQ26" s="203">
        <v>0</v>
      </c>
      <c r="CR26" s="203">
        <v>0</v>
      </c>
      <c r="CS26" s="203">
        <v>0</v>
      </c>
      <c r="CT26" s="203">
        <v>0</v>
      </c>
      <c r="CU26" s="203">
        <v>0</v>
      </c>
      <c r="CV26" s="208">
        <v>0</v>
      </c>
      <c r="CW26" s="207">
        <v>0</v>
      </c>
    </row>
    <row r="27" spans="2:101" ht="21" customHeight="1" x14ac:dyDescent="0.2">
      <c r="B27" s="173" t="s">
        <v>25</v>
      </c>
      <c r="C27" s="202">
        <v>0</v>
      </c>
      <c r="D27" s="208">
        <v>0</v>
      </c>
      <c r="E27" s="218">
        <v>0</v>
      </c>
      <c r="F27" s="205">
        <v>0</v>
      </c>
      <c r="G27" s="203">
        <v>0</v>
      </c>
      <c r="H27" s="203">
        <v>0</v>
      </c>
      <c r="I27" s="203">
        <v>0</v>
      </c>
      <c r="J27" s="203">
        <v>0</v>
      </c>
      <c r="K27" s="203">
        <v>0</v>
      </c>
      <c r="L27" s="206">
        <v>0</v>
      </c>
      <c r="M27" s="207">
        <v>0</v>
      </c>
      <c r="N27" s="202">
        <v>0</v>
      </c>
      <c r="O27" s="203">
        <v>0</v>
      </c>
      <c r="P27" s="208">
        <v>0</v>
      </c>
      <c r="Q27" s="205">
        <v>0</v>
      </c>
      <c r="R27" s="203">
        <v>0</v>
      </c>
      <c r="S27" s="203">
        <v>0</v>
      </c>
      <c r="T27" s="203">
        <v>0</v>
      </c>
      <c r="U27" s="203">
        <v>0</v>
      </c>
      <c r="V27" s="203">
        <v>0</v>
      </c>
      <c r="W27" s="208">
        <v>0</v>
      </c>
      <c r="X27" s="207">
        <v>0</v>
      </c>
      <c r="Y27" s="202">
        <v>0</v>
      </c>
      <c r="Z27" s="203">
        <v>0</v>
      </c>
      <c r="AA27" s="208">
        <v>0</v>
      </c>
      <c r="AB27" s="205">
        <v>0</v>
      </c>
      <c r="AC27" s="203">
        <v>4</v>
      </c>
      <c r="AD27" s="203">
        <v>2</v>
      </c>
      <c r="AE27" s="203">
        <v>1</v>
      </c>
      <c r="AF27" s="203">
        <v>0</v>
      </c>
      <c r="AG27" s="203">
        <v>0</v>
      </c>
      <c r="AH27" s="208">
        <v>7</v>
      </c>
      <c r="AI27" s="207">
        <v>7</v>
      </c>
      <c r="AJ27" s="202">
        <v>0</v>
      </c>
      <c r="AK27" s="203">
        <v>0</v>
      </c>
      <c r="AL27" s="208">
        <v>0</v>
      </c>
      <c r="AM27" s="205">
        <v>0</v>
      </c>
      <c r="AN27" s="203">
        <v>0</v>
      </c>
      <c r="AO27" s="203">
        <v>0</v>
      </c>
      <c r="AP27" s="203">
        <v>0</v>
      </c>
      <c r="AQ27" s="203">
        <v>0</v>
      </c>
      <c r="AR27" s="203">
        <v>0</v>
      </c>
      <c r="AS27" s="208">
        <v>0</v>
      </c>
      <c r="AT27" s="207">
        <v>0</v>
      </c>
      <c r="AU27" s="202">
        <v>0</v>
      </c>
      <c r="AV27" s="203">
        <v>0</v>
      </c>
      <c r="AW27" s="208">
        <v>0</v>
      </c>
      <c r="AX27" s="205">
        <v>0</v>
      </c>
      <c r="AY27" s="203">
        <v>0</v>
      </c>
      <c r="AZ27" s="203">
        <v>0</v>
      </c>
      <c r="BA27" s="203">
        <v>0</v>
      </c>
      <c r="BB27" s="203">
        <v>0</v>
      </c>
      <c r="BC27" s="203">
        <v>0</v>
      </c>
      <c r="BD27" s="208">
        <v>0</v>
      </c>
      <c r="BE27" s="207">
        <v>0</v>
      </c>
      <c r="BF27" s="202">
        <v>0</v>
      </c>
      <c r="BG27" s="203">
        <v>0</v>
      </c>
      <c r="BH27" s="208">
        <v>0</v>
      </c>
      <c r="BI27" s="205">
        <v>0</v>
      </c>
      <c r="BJ27" s="203">
        <v>1</v>
      </c>
      <c r="BK27" s="203">
        <v>0</v>
      </c>
      <c r="BL27" s="203">
        <v>0</v>
      </c>
      <c r="BM27" s="203">
        <v>0</v>
      </c>
      <c r="BN27" s="203">
        <v>0</v>
      </c>
      <c r="BO27" s="206">
        <v>1</v>
      </c>
      <c r="BP27" s="207">
        <v>1</v>
      </c>
      <c r="BQ27" s="202">
        <v>0</v>
      </c>
      <c r="BR27" s="203">
        <v>0</v>
      </c>
      <c r="BS27" s="208">
        <v>0</v>
      </c>
      <c r="BT27" s="205">
        <v>0</v>
      </c>
      <c r="BU27" s="203">
        <v>0</v>
      </c>
      <c r="BV27" s="203">
        <v>0</v>
      </c>
      <c r="BW27" s="203">
        <v>0</v>
      </c>
      <c r="BX27" s="203">
        <v>0</v>
      </c>
      <c r="BY27" s="203">
        <v>0</v>
      </c>
      <c r="BZ27" s="208">
        <v>0</v>
      </c>
      <c r="CA27" s="207">
        <v>0</v>
      </c>
      <c r="CB27" s="202">
        <v>0</v>
      </c>
      <c r="CC27" s="203">
        <v>0</v>
      </c>
      <c r="CD27" s="208">
        <v>0</v>
      </c>
      <c r="CE27" s="205">
        <v>0</v>
      </c>
      <c r="CF27" s="203">
        <v>0</v>
      </c>
      <c r="CG27" s="203">
        <v>0</v>
      </c>
      <c r="CH27" s="203">
        <v>0</v>
      </c>
      <c r="CI27" s="203">
        <v>0</v>
      </c>
      <c r="CJ27" s="203">
        <v>0</v>
      </c>
      <c r="CK27" s="208">
        <v>0</v>
      </c>
      <c r="CL27" s="207">
        <v>0</v>
      </c>
      <c r="CM27" s="202">
        <v>0</v>
      </c>
      <c r="CN27" s="203">
        <v>0</v>
      </c>
      <c r="CO27" s="208">
        <v>0</v>
      </c>
      <c r="CP27" s="205">
        <v>0</v>
      </c>
      <c r="CQ27" s="203">
        <v>0</v>
      </c>
      <c r="CR27" s="203">
        <v>0</v>
      </c>
      <c r="CS27" s="203">
        <v>0</v>
      </c>
      <c r="CT27" s="203">
        <v>0</v>
      </c>
      <c r="CU27" s="203">
        <v>0</v>
      </c>
      <c r="CV27" s="208">
        <v>0</v>
      </c>
      <c r="CW27" s="207">
        <v>0</v>
      </c>
    </row>
    <row r="28" spans="2:101" ht="21" customHeight="1" x14ac:dyDescent="0.2">
      <c r="B28" s="173" t="s">
        <v>26</v>
      </c>
      <c r="C28" s="202">
        <v>0</v>
      </c>
      <c r="D28" s="208">
        <v>0</v>
      </c>
      <c r="E28" s="218">
        <v>0</v>
      </c>
      <c r="F28" s="205">
        <v>0</v>
      </c>
      <c r="G28" s="203">
        <v>0</v>
      </c>
      <c r="H28" s="203">
        <v>0</v>
      </c>
      <c r="I28" s="203">
        <v>0</v>
      </c>
      <c r="J28" s="203">
        <v>0</v>
      </c>
      <c r="K28" s="203">
        <v>0</v>
      </c>
      <c r="L28" s="206">
        <v>0</v>
      </c>
      <c r="M28" s="207">
        <v>0</v>
      </c>
      <c r="N28" s="202">
        <v>0</v>
      </c>
      <c r="O28" s="203">
        <v>0</v>
      </c>
      <c r="P28" s="208">
        <v>0</v>
      </c>
      <c r="Q28" s="205">
        <v>0</v>
      </c>
      <c r="R28" s="203">
        <v>0</v>
      </c>
      <c r="S28" s="203">
        <v>0</v>
      </c>
      <c r="T28" s="203">
        <v>0</v>
      </c>
      <c r="U28" s="203">
        <v>0</v>
      </c>
      <c r="V28" s="203">
        <v>0</v>
      </c>
      <c r="W28" s="208">
        <v>0</v>
      </c>
      <c r="X28" s="207">
        <v>0</v>
      </c>
      <c r="Y28" s="202">
        <v>0</v>
      </c>
      <c r="Z28" s="203">
        <v>0</v>
      </c>
      <c r="AA28" s="208">
        <v>0</v>
      </c>
      <c r="AB28" s="205">
        <v>0</v>
      </c>
      <c r="AC28" s="203">
        <v>1</v>
      </c>
      <c r="AD28" s="203">
        <v>2</v>
      </c>
      <c r="AE28" s="203">
        <v>2</v>
      </c>
      <c r="AF28" s="203">
        <v>0</v>
      </c>
      <c r="AG28" s="203">
        <v>1</v>
      </c>
      <c r="AH28" s="208">
        <v>6</v>
      </c>
      <c r="AI28" s="207">
        <v>6</v>
      </c>
      <c r="AJ28" s="202">
        <v>0</v>
      </c>
      <c r="AK28" s="203">
        <v>0</v>
      </c>
      <c r="AL28" s="208">
        <v>0</v>
      </c>
      <c r="AM28" s="205">
        <v>0</v>
      </c>
      <c r="AN28" s="203">
        <v>0</v>
      </c>
      <c r="AO28" s="203">
        <v>0</v>
      </c>
      <c r="AP28" s="203">
        <v>0</v>
      </c>
      <c r="AQ28" s="203">
        <v>0</v>
      </c>
      <c r="AR28" s="203">
        <v>0</v>
      </c>
      <c r="AS28" s="208">
        <v>0</v>
      </c>
      <c r="AT28" s="207">
        <v>0</v>
      </c>
      <c r="AU28" s="202">
        <v>0</v>
      </c>
      <c r="AV28" s="203">
        <v>0</v>
      </c>
      <c r="AW28" s="208">
        <v>0</v>
      </c>
      <c r="AX28" s="205">
        <v>0</v>
      </c>
      <c r="AY28" s="203">
        <v>0</v>
      </c>
      <c r="AZ28" s="203">
        <v>1</v>
      </c>
      <c r="BA28" s="203">
        <v>0</v>
      </c>
      <c r="BB28" s="203">
        <v>0</v>
      </c>
      <c r="BC28" s="203">
        <v>0</v>
      </c>
      <c r="BD28" s="208">
        <v>1</v>
      </c>
      <c r="BE28" s="207">
        <v>1</v>
      </c>
      <c r="BF28" s="202">
        <v>0</v>
      </c>
      <c r="BG28" s="203">
        <v>0</v>
      </c>
      <c r="BH28" s="208">
        <v>0</v>
      </c>
      <c r="BI28" s="205">
        <v>0</v>
      </c>
      <c r="BJ28" s="203">
        <v>0</v>
      </c>
      <c r="BK28" s="203">
        <v>1</v>
      </c>
      <c r="BL28" s="203">
        <v>2</v>
      </c>
      <c r="BM28" s="203">
        <v>1</v>
      </c>
      <c r="BN28" s="203">
        <v>0</v>
      </c>
      <c r="BO28" s="206">
        <v>4</v>
      </c>
      <c r="BP28" s="207">
        <v>4</v>
      </c>
      <c r="BQ28" s="202">
        <v>0</v>
      </c>
      <c r="BR28" s="203">
        <v>0</v>
      </c>
      <c r="BS28" s="208">
        <v>0</v>
      </c>
      <c r="BT28" s="205">
        <v>0</v>
      </c>
      <c r="BU28" s="203">
        <v>0</v>
      </c>
      <c r="BV28" s="203">
        <v>0</v>
      </c>
      <c r="BW28" s="203">
        <v>0</v>
      </c>
      <c r="BX28" s="203">
        <v>0</v>
      </c>
      <c r="BY28" s="203">
        <v>0</v>
      </c>
      <c r="BZ28" s="208">
        <v>0</v>
      </c>
      <c r="CA28" s="207">
        <v>0</v>
      </c>
      <c r="CB28" s="202">
        <v>0</v>
      </c>
      <c r="CC28" s="203">
        <v>0</v>
      </c>
      <c r="CD28" s="208">
        <v>0</v>
      </c>
      <c r="CE28" s="205">
        <v>0</v>
      </c>
      <c r="CF28" s="203">
        <v>0</v>
      </c>
      <c r="CG28" s="203">
        <v>0</v>
      </c>
      <c r="CH28" s="203">
        <v>0</v>
      </c>
      <c r="CI28" s="203">
        <v>0</v>
      </c>
      <c r="CJ28" s="203">
        <v>0</v>
      </c>
      <c r="CK28" s="208">
        <v>0</v>
      </c>
      <c r="CL28" s="207">
        <v>0</v>
      </c>
      <c r="CM28" s="202">
        <v>0</v>
      </c>
      <c r="CN28" s="203">
        <v>0</v>
      </c>
      <c r="CO28" s="208">
        <v>0</v>
      </c>
      <c r="CP28" s="205">
        <v>0</v>
      </c>
      <c r="CQ28" s="203">
        <v>0</v>
      </c>
      <c r="CR28" s="203">
        <v>0</v>
      </c>
      <c r="CS28" s="203">
        <v>0</v>
      </c>
      <c r="CT28" s="203">
        <v>0</v>
      </c>
      <c r="CU28" s="203">
        <v>0</v>
      </c>
      <c r="CV28" s="208">
        <v>0</v>
      </c>
      <c r="CW28" s="207">
        <v>0</v>
      </c>
    </row>
    <row r="29" spans="2:101" ht="21" customHeight="1" x14ac:dyDescent="0.2">
      <c r="B29" s="173" t="s">
        <v>27</v>
      </c>
      <c r="C29" s="202">
        <v>0</v>
      </c>
      <c r="D29" s="208">
        <v>0</v>
      </c>
      <c r="E29" s="218">
        <v>0</v>
      </c>
      <c r="F29" s="205">
        <v>0</v>
      </c>
      <c r="G29" s="203">
        <v>0</v>
      </c>
      <c r="H29" s="203">
        <v>0</v>
      </c>
      <c r="I29" s="203">
        <v>0</v>
      </c>
      <c r="J29" s="203">
        <v>0</v>
      </c>
      <c r="K29" s="203">
        <v>0</v>
      </c>
      <c r="L29" s="206">
        <v>0</v>
      </c>
      <c r="M29" s="207">
        <v>0</v>
      </c>
      <c r="N29" s="202">
        <v>0</v>
      </c>
      <c r="O29" s="203">
        <v>0</v>
      </c>
      <c r="P29" s="208">
        <v>0</v>
      </c>
      <c r="Q29" s="205">
        <v>0</v>
      </c>
      <c r="R29" s="203">
        <v>0</v>
      </c>
      <c r="S29" s="203">
        <v>0</v>
      </c>
      <c r="T29" s="203">
        <v>0</v>
      </c>
      <c r="U29" s="203">
        <v>0</v>
      </c>
      <c r="V29" s="203">
        <v>0</v>
      </c>
      <c r="W29" s="208">
        <v>0</v>
      </c>
      <c r="X29" s="207">
        <v>0</v>
      </c>
      <c r="Y29" s="202">
        <v>0</v>
      </c>
      <c r="Z29" s="203">
        <v>0</v>
      </c>
      <c r="AA29" s="208">
        <v>0</v>
      </c>
      <c r="AB29" s="205">
        <v>0</v>
      </c>
      <c r="AC29" s="203">
        <v>4</v>
      </c>
      <c r="AD29" s="203">
        <v>2</v>
      </c>
      <c r="AE29" s="203">
        <v>0</v>
      </c>
      <c r="AF29" s="203">
        <v>0</v>
      </c>
      <c r="AG29" s="203">
        <v>0</v>
      </c>
      <c r="AH29" s="208">
        <v>6</v>
      </c>
      <c r="AI29" s="207">
        <v>6</v>
      </c>
      <c r="AJ29" s="202">
        <v>0</v>
      </c>
      <c r="AK29" s="203">
        <v>0</v>
      </c>
      <c r="AL29" s="208">
        <v>0</v>
      </c>
      <c r="AM29" s="205">
        <v>0</v>
      </c>
      <c r="AN29" s="203">
        <v>0</v>
      </c>
      <c r="AO29" s="203">
        <v>1</v>
      </c>
      <c r="AP29" s="203">
        <v>1</v>
      </c>
      <c r="AQ29" s="203">
        <v>0</v>
      </c>
      <c r="AR29" s="203">
        <v>0</v>
      </c>
      <c r="AS29" s="208">
        <v>2</v>
      </c>
      <c r="AT29" s="207">
        <v>2</v>
      </c>
      <c r="AU29" s="202">
        <v>0</v>
      </c>
      <c r="AV29" s="203">
        <v>0</v>
      </c>
      <c r="AW29" s="208">
        <v>0</v>
      </c>
      <c r="AX29" s="205">
        <v>0</v>
      </c>
      <c r="AY29" s="203">
        <v>0</v>
      </c>
      <c r="AZ29" s="203">
        <v>0</v>
      </c>
      <c r="BA29" s="203">
        <v>0</v>
      </c>
      <c r="BB29" s="203">
        <v>0</v>
      </c>
      <c r="BC29" s="203">
        <v>0</v>
      </c>
      <c r="BD29" s="208">
        <v>0</v>
      </c>
      <c r="BE29" s="207">
        <v>0</v>
      </c>
      <c r="BF29" s="202">
        <v>0</v>
      </c>
      <c r="BG29" s="203">
        <v>0</v>
      </c>
      <c r="BH29" s="208">
        <v>0</v>
      </c>
      <c r="BI29" s="205">
        <v>0</v>
      </c>
      <c r="BJ29" s="203">
        <v>0</v>
      </c>
      <c r="BK29" s="203">
        <v>0</v>
      </c>
      <c r="BL29" s="203">
        <v>0</v>
      </c>
      <c r="BM29" s="203">
        <v>0</v>
      </c>
      <c r="BN29" s="203">
        <v>0</v>
      </c>
      <c r="BO29" s="206">
        <v>0</v>
      </c>
      <c r="BP29" s="207">
        <v>0</v>
      </c>
      <c r="BQ29" s="202">
        <v>0</v>
      </c>
      <c r="BR29" s="203">
        <v>0</v>
      </c>
      <c r="BS29" s="208">
        <v>0</v>
      </c>
      <c r="BT29" s="205">
        <v>0</v>
      </c>
      <c r="BU29" s="203">
        <v>0</v>
      </c>
      <c r="BV29" s="203">
        <v>0</v>
      </c>
      <c r="BW29" s="203">
        <v>0</v>
      </c>
      <c r="BX29" s="203">
        <v>0</v>
      </c>
      <c r="BY29" s="203">
        <v>0</v>
      </c>
      <c r="BZ29" s="208">
        <v>0</v>
      </c>
      <c r="CA29" s="207">
        <v>0</v>
      </c>
      <c r="CB29" s="202">
        <v>0</v>
      </c>
      <c r="CC29" s="203">
        <v>0</v>
      </c>
      <c r="CD29" s="208">
        <v>0</v>
      </c>
      <c r="CE29" s="205">
        <v>0</v>
      </c>
      <c r="CF29" s="203">
        <v>0</v>
      </c>
      <c r="CG29" s="203">
        <v>0</v>
      </c>
      <c r="CH29" s="203">
        <v>0</v>
      </c>
      <c r="CI29" s="203">
        <v>0</v>
      </c>
      <c r="CJ29" s="203">
        <v>0</v>
      </c>
      <c r="CK29" s="208">
        <v>0</v>
      </c>
      <c r="CL29" s="207">
        <v>0</v>
      </c>
      <c r="CM29" s="202">
        <v>0</v>
      </c>
      <c r="CN29" s="203">
        <v>0</v>
      </c>
      <c r="CO29" s="208">
        <v>0</v>
      </c>
      <c r="CP29" s="205">
        <v>0</v>
      </c>
      <c r="CQ29" s="203">
        <v>0</v>
      </c>
      <c r="CR29" s="203">
        <v>0</v>
      </c>
      <c r="CS29" s="203">
        <v>0</v>
      </c>
      <c r="CT29" s="203">
        <v>0</v>
      </c>
      <c r="CU29" s="203">
        <v>0</v>
      </c>
      <c r="CV29" s="208">
        <v>0</v>
      </c>
      <c r="CW29" s="207">
        <v>0</v>
      </c>
    </row>
    <row r="30" spans="2:101" ht="21" customHeight="1" x14ac:dyDescent="0.2">
      <c r="B30" s="173" t="s">
        <v>28</v>
      </c>
      <c r="C30" s="202">
        <v>0</v>
      </c>
      <c r="D30" s="208">
        <v>0</v>
      </c>
      <c r="E30" s="218">
        <v>0</v>
      </c>
      <c r="F30" s="205">
        <v>0</v>
      </c>
      <c r="G30" s="203">
        <v>0</v>
      </c>
      <c r="H30" s="203">
        <v>0</v>
      </c>
      <c r="I30" s="203">
        <v>0</v>
      </c>
      <c r="J30" s="203">
        <v>0</v>
      </c>
      <c r="K30" s="203">
        <v>0</v>
      </c>
      <c r="L30" s="206">
        <v>0</v>
      </c>
      <c r="M30" s="207">
        <v>0</v>
      </c>
      <c r="N30" s="202">
        <v>0</v>
      </c>
      <c r="O30" s="203">
        <v>0</v>
      </c>
      <c r="P30" s="208">
        <v>0</v>
      </c>
      <c r="Q30" s="205">
        <v>0</v>
      </c>
      <c r="R30" s="203">
        <v>0</v>
      </c>
      <c r="S30" s="203">
        <v>0</v>
      </c>
      <c r="T30" s="203">
        <v>0</v>
      </c>
      <c r="U30" s="203">
        <v>0</v>
      </c>
      <c r="V30" s="203">
        <v>0</v>
      </c>
      <c r="W30" s="208">
        <v>0</v>
      </c>
      <c r="X30" s="207">
        <v>0</v>
      </c>
      <c r="Y30" s="202">
        <v>0</v>
      </c>
      <c r="Z30" s="203">
        <v>0</v>
      </c>
      <c r="AA30" s="208">
        <v>0</v>
      </c>
      <c r="AB30" s="205">
        <v>0</v>
      </c>
      <c r="AC30" s="203">
        <v>5</v>
      </c>
      <c r="AD30" s="203">
        <v>1</v>
      </c>
      <c r="AE30" s="203">
        <v>0</v>
      </c>
      <c r="AF30" s="203">
        <v>0</v>
      </c>
      <c r="AG30" s="203">
        <v>0</v>
      </c>
      <c r="AH30" s="208">
        <v>6</v>
      </c>
      <c r="AI30" s="207">
        <v>6</v>
      </c>
      <c r="AJ30" s="202">
        <v>0</v>
      </c>
      <c r="AK30" s="203">
        <v>0</v>
      </c>
      <c r="AL30" s="208">
        <v>0</v>
      </c>
      <c r="AM30" s="205">
        <v>0</v>
      </c>
      <c r="AN30" s="203">
        <v>0</v>
      </c>
      <c r="AO30" s="203">
        <v>0</v>
      </c>
      <c r="AP30" s="203">
        <v>0</v>
      </c>
      <c r="AQ30" s="203">
        <v>0</v>
      </c>
      <c r="AR30" s="203">
        <v>0</v>
      </c>
      <c r="AS30" s="208">
        <v>0</v>
      </c>
      <c r="AT30" s="207">
        <v>0</v>
      </c>
      <c r="AU30" s="202">
        <v>0</v>
      </c>
      <c r="AV30" s="203">
        <v>0</v>
      </c>
      <c r="AW30" s="208">
        <v>0</v>
      </c>
      <c r="AX30" s="205">
        <v>0</v>
      </c>
      <c r="AY30" s="203">
        <v>0</v>
      </c>
      <c r="AZ30" s="203">
        <v>0</v>
      </c>
      <c r="BA30" s="203">
        <v>0</v>
      </c>
      <c r="BB30" s="203">
        <v>0</v>
      </c>
      <c r="BC30" s="203">
        <v>0</v>
      </c>
      <c r="BD30" s="208">
        <v>0</v>
      </c>
      <c r="BE30" s="207">
        <v>0</v>
      </c>
      <c r="BF30" s="202">
        <v>0</v>
      </c>
      <c r="BG30" s="203">
        <v>0</v>
      </c>
      <c r="BH30" s="208">
        <v>0</v>
      </c>
      <c r="BI30" s="205">
        <v>0</v>
      </c>
      <c r="BJ30" s="203">
        <v>0</v>
      </c>
      <c r="BK30" s="203">
        <v>1</v>
      </c>
      <c r="BL30" s="203">
        <v>1</v>
      </c>
      <c r="BM30" s="203">
        <v>0</v>
      </c>
      <c r="BN30" s="203">
        <v>0</v>
      </c>
      <c r="BO30" s="206">
        <v>2</v>
      </c>
      <c r="BP30" s="207">
        <v>2</v>
      </c>
      <c r="BQ30" s="202">
        <v>0</v>
      </c>
      <c r="BR30" s="203">
        <v>0</v>
      </c>
      <c r="BS30" s="208">
        <v>0</v>
      </c>
      <c r="BT30" s="205">
        <v>0</v>
      </c>
      <c r="BU30" s="203">
        <v>0</v>
      </c>
      <c r="BV30" s="203">
        <v>0</v>
      </c>
      <c r="BW30" s="203">
        <v>0</v>
      </c>
      <c r="BX30" s="203">
        <v>0</v>
      </c>
      <c r="BY30" s="203">
        <v>0</v>
      </c>
      <c r="BZ30" s="208">
        <v>0</v>
      </c>
      <c r="CA30" s="207">
        <v>0</v>
      </c>
      <c r="CB30" s="202">
        <v>0</v>
      </c>
      <c r="CC30" s="203">
        <v>0</v>
      </c>
      <c r="CD30" s="208">
        <v>0</v>
      </c>
      <c r="CE30" s="205">
        <v>0</v>
      </c>
      <c r="CF30" s="203">
        <v>0</v>
      </c>
      <c r="CG30" s="203">
        <v>0</v>
      </c>
      <c r="CH30" s="203">
        <v>0</v>
      </c>
      <c r="CI30" s="203">
        <v>0</v>
      </c>
      <c r="CJ30" s="203">
        <v>0</v>
      </c>
      <c r="CK30" s="208">
        <v>0</v>
      </c>
      <c r="CL30" s="207">
        <v>0</v>
      </c>
      <c r="CM30" s="202">
        <v>0</v>
      </c>
      <c r="CN30" s="203">
        <v>0</v>
      </c>
      <c r="CO30" s="208">
        <v>0</v>
      </c>
      <c r="CP30" s="205">
        <v>0</v>
      </c>
      <c r="CQ30" s="203">
        <v>0</v>
      </c>
      <c r="CR30" s="203">
        <v>0</v>
      </c>
      <c r="CS30" s="203">
        <v>0</v>
      </c>
      <c r="CT30" s="203">
        <v>0</v>
      </c>
      <c r="CU30" s="203">
        <v>0</v>
      </c>
      <c r="CV30" s="208">
        <v>0</v>
      </c>
      <c r="CW30" s="207">
        <v>0</v>
      </c>
    </row>
    <row r="31" spans="2:101" ht="21" customHeight="1" x14ac:dyDescent="0.2">
      <c r="B31" s="173" t="s">
        <v>29</v>
      </c>
      <c r="C31" s="202">
        <v>0</v>
      </c>
      <c r="D31" s="208">
        <v>0</v>
      </c>
      <c r="E31" s="218">
        <v>0</v>
      </c>
      <c r="F31" s="205">
        <v>0</v>
      </c>
      <c r="G31" s="203">
        <v>1</v>
      </c>
      <c r="H31" s="203">
        <v>0</v>
      </c>
      <c r="I31" s="203">
        <v>0</v>
      </c>
      <c r="J31" s="203">
        <v>0</v>
      </c>
      <c r="K31" s="203">
        <v>0</v>
      </c>
      <c r="L31" s="206">
        <v>1</v>
      </c>
      <c r="M31" s="207">
        <v>1</v>
      </c>
      <c r="N31" s="202">
        <v>0</v>
      </c>
      <c r="O31" s="203">
        <v>0</v>
      </c>
      <c r="P31" s="208">
        <v>0</v>
      </c>
      <c r="Q31" s="205">
        <v>0</v>
      </c>
      <c r="R31" s="203">
        <v>0</v>
      </c>
      <c r="S31" s="203">
        <v>0</v>
      </c>
      <c r="T31" s="203">
        <v>0</v>
      </c>
      <c r="U31" s="203">
        <v>0</v>
      </c>
      <c r="V31" s="203">
        <v>0</v>
      </c>
      <c r="W31" s="208">
        <v>0</v>
      </c>
      <c r="X31" s="207">
        <v>0</v>
      </c>
      <c r="Y31" s="202">
        <v>0</v>
      </c>
      <c r="Z31" s="203">
        <v>0</v>
      </c>
      <c r="AA31" s="208">
        <v>0</v>
      </c>
      <c r="AB31" s="205">
        <v>0</v>
      </c>
      <c r="AC31" s="203">
        <v>2</v>
      </c>
      <c r="AD31" s="203">
        <v>0</v>
      </c>
      <c r="AE31" s="203">
        <v>1</v>
      </c>
      <c r="AF31" s="203">
        <v>1</v>
      </c>
      <c r="AG31" s="203">
        <v>0</v>
      </c>
      <c r="AH31" s="208">
        <v>4</v>
      </c>
      <c r="AI31" s="207">
        <v>4</v>
      </c>
      <c r="AJ31" s="202">
        <v>0</v>
      </c>
      <c r="AK31" s="203">
        <v>0</v>
      </c>
      <c r="AL31" s="208">
        <v>0</v>
      </c>
      <c r="AM31" s="205">
        <v>0</v>
      </c>
      <c r="AN31" s="203">
        <v>0</v>
      </c>
      <c r="AO31" s="203">
        <v>0</v>
      </c>
      <c r="AP31" s="203">
        <v>0</v>
      </c>
      <c r="AQ31" s="203">
        <v>0</v>
      </c>
      <c r="AR31" s="203">
        <v>0</v>
      </c>
      <c r="AS31" s="208">
        <v>0</v>
      </c>
      <c r="AT31" s="207">
        <v>0</v>
      </c>
      <c r="AU31" s="202">
        <v>0</v>
      </c>
      <c r="AV31" s="203">
        <v>0</v>
      </c>
      <c r="AW31" s="208">
        <v>0</v>
      </c>
      <c r="AX31" s="205">
        <v>0</v>
      </c>
      <c r="AY31" s="203">
        <v>2</v>
      </c>
      <c r="AZ31" s="203">
        <v>2</v>
      </c>
      <c r="BA31" s="203">
        <v>0</v>
      </c>
      <c r="BB31" s="203">
        <v>0</v>
      </c>
      <c r="BC31" s="203">
        <v>0</v>
      </c>
      <c r="BD31" s="208">
        <v>4</v>
      </c>
      <c r="BE31" s="207">
        <v>4</v>
      </c>
      <c r="BF31" s="202">
        <v>0</v>
      </c>
      <c r="BG31" s="203">
        <v>0</v>
      </c>
      <c r="BH31" s="208">
        <v>0</v>
      </c>
      <c r="BI31" s="205">
        <v>0</v>
      </c>
      <c r="BJ31" s="203">
        <v>0</v>
      </c>
      <c r="BK31" s="203">
        <v>0</v>
      </c>
      <c r="BL31" s="203">
        <v>0</v>
      </c>
      <c r="BM31" s="203">
        <v>0</v>
      </c>
      <c r="BN31" s="203">
        <v>0</v>
      </c>
      <c r="BO31" s="206">
        <v>0</v>
      </c>
      <c r="BP31" s="207">
        <v>0</v>
      </c>
      <c r="BQ31" s="202">
        <v>0</v>
      </c>
      <c r="BR31" s="203">
        <v>0</v>
      </c>
      <c r="BS31" s="208">
        <v>0</v>
      </c>
      <c r="BT31" s="205">
        <v>0</v>
      </c>
      <c r="BU31" s="203">
        <v>0</v>
      </c>
      <c r="BV31" s="203">
        <v>0</v>
      </c>
      <c r="BW31" s="203">
        <v>0</v>
      </c>
      <c r="BX31" s="203">
        <v>0</v>
      </c>
      <c r="BY31" s="203">
        <v>0</v>
      </c>
      <c r="BZ31" s="208">
        <v>0</v>
      </c>
      <c r="CA31" s="207">
        <v>0</v>
      </c>
      <c r="CB31" s="202">
        <v>0</v>
      </c>
      <c r="CC31" s="203">
        <v>0</v>
      </c>
      <c r="CD31" s="208">
        <v>0</v>
      </c>
      <c r="CE31" s="205">
        <v>0</v>
      </c>
      <c r="CF31" s="203">
        <v>0</v>
      </c>
      <c r="CG31" s="203">
        <v>0</v>
      </c>
      <c r="CH31" s="203">
        <v>0</v>
      </c>
      <c r="CI31" s="203">
        <v>1</v>
      </c>
      <c r="CJ31" s="203">
        <v>0</v>
      </c>
      <c r="CK31" s="208">
        <v>1</v>
      </c>
      <c r="CL31" s="207">
        <v>1</v>
      </c>
      <c r="CM31" s="202">
        <v>0</v>
      </c>
      <c r="CN31" s="203">
        <v>0</v>
      </c>
      <c r="CO31" s="208">
        <v>0</v>
      </c>
      <c r="CP31" s="205">
        <v>0</v>
      </c>
      <c r="CQ31" s="203">
        <v>0</v>
      </c>
      <c r="CR31" s="203">
        <v>0</v>
      </c>
      <c r="CS31" s="203">
        <v>0</v>
      </c>
      <c r="CT31" s="203">
        <v>0</v>
      </c>
      <c r="CU31" s="203">
        <v>0</v>
      </c>
      <c r="CV31" s="208">
        <v>0</v>
      </c>
      <c r="CW31" s="207">
        <v>0</v>
      </c>
    </row>
    <row r="32" spans="2:101" ht="21" customHeight="1" x14ac:dyDescent="0.2">
      <c r="B32" s="173" t="s">
        <v>30</v>
      </c>
      <c r="C32" s="202">
        <v>0</v>
      </c>
      <c r="D32" s="208">
        <v>0</v>
      </c>
      <c r="E32" s="218">
        <v>0</v>
      </c>
      <c r="F32" s="205">
        <v>0</v>
      </c>
      <c r="G32" s="203">
        <v>0</v>
      </c>
      <c r="H32" s="203">
        <v>0</v>
      </c>
      <c r="I32" s="203">
        <v>0</v>
      </c>
      <c r="J32" s="203">
        <v>0</v>
      </c>
      <c r="K32" s="203">
        <v>0</v>
      </c>
      <c r="L32" s="206">
        <v>0</v>
      </c>
      <c r="M32" s="207">
        <v>0</v>
      </c>
      <c r="N32" s="202">
        <v>0</v>
      </c>
      <c r="O32" s="203">
        <v>0</v>
      </c>
      <c r="P32" s="208">
        <v>0</v>
      </c>
      <c r="Q32" s="205">
        <v>0</v>
      </c>
      <c r="R32" s="203">
        <v>0</v>
      </c>
      <c r="S32" s="203">
        <v>0</v>
      </c>
      <c r="T32" s="203">
        <v>0</v>
      </c>
      <c r="U32" s="203">
        <v>0</v>
      </c>
      <c r="V32" s="203">
        <v>0</v>
      </c>
      <c r="W32" s="208">
        <v>0</v>
      </c>
      <c r="X32" s="207">
        <v>0</v>
      </c>
      <c r="Y32" s="202">
        <v>0</v>
      </c>
      <c r="Z32" s="203">
        <v>0</v>
      </c>
      <c r="AA32" s="208">
        <v>0</v>
      </c>
      <c r="AB32" s="205">
        <v>0</v>
      </c>
      <c r="AC32" s="203">
        <v>0</v>
      </c>
      <c r="AD32" s="203">
        <v>0</v>
      </c>
      <c r="AE32" s="203">
        <v>0</v>
      </c>
      <c r="AF32" s="203">
        <v>0</v>
      </c>
      <c r="AG32" s="203">
        <v>0</v>
      </c>
      <c r="AH32" s="208">
        <v>0</v>
      </c>
      <c r="AI32" s="207">
        <v>0</v>
      </c>
      <c r="AJ32" s="202">
        <v>0</v>
      </c>
      <c r="AK32" s="203">
        <v>0</v>
      </c>
      <c r="AL32" s="208">
        <v>0</v>
      </c>
      <c r="AM32" s="205">
        <v>0</v>
      </c>
      <c r="AN32" s="203">
        <v>0</v>
      </c>
      <c r="AO32" s="203">
        <v>1</v>
      </c>
      <c r="AP32" s="203">
        <v>0</v>
      </c>
      <c r="AQ32" s="203">
        <v>0</v>
      </c>
      <c r="AR32" s="203">
        <v>0</v>
      </c>
      <c r="AS32" s="208">
        <v>1</v>
      </c>
      <c r="AT32" s="207">
        <v>1</v>
      </c>
      <c r="AU32" s="202">
        <v>0</v>
      </c>
      <c r="AV32" s="203">
        <v>0</v>
      </c>
      <c r="AW32" s="208">
        <v>0</v>
      </c>
      <c r="AX32" s="205">
        <v>0</v>
      </c>
      <c r="AY32" s="203">
        <v>0</v>
      </c>
      <c r="AZ32" s="203">
        <v>0</v>
      </c>
      <c r="BA32" s="203">
        <v>0</v>
      </c>
      <c r="BB32" s="203">
        <v>0</v>
      </c>
      <c r="BC32" s="203">
        <v>0</v>
      </c>
      <c r="BD32" s="208">
        <v>0</v>
      </c>
      <c r="BE32" s="207">
        <v>0</v>
      </c>
      <c r="BF32" s="202">
        <v>0</v>
      </c>
      <c r="BG32" s="203">
        <v>0</v>
      </c>
      <c r="BH32" s="208">
        <v>0</v>
      </c>
      <c r="BI32" s="205">
        <v>0</v>
      </c>
      <c r="BJ32" s="203">
        <v>0</v>
      </c>
      <c r="BK32" s="203">
        <v>0</v>
      </c>
      <c r="BL32" s="203">
        <v>0</v>
      </c>
      <c r="BM32" s="203">
        <v>0</v>
      </c>
      <c r="BN32" s="203">
        <v>0</v>
      </c>
      <c r="BO32" s="206">
        <v>0</v>
      </c>
      <c r="BP32" s="207">
        <v>0</v>
      </c>
      <c r="BQ32" s="202">
        <v>0</v>
      </c>
      <c r="BR32" s="203">
        <v>0</v>
      </c>
      <c r="BS32" s="208">
        <v>0</v>
      </c>
      <c r="BT32" s="205">
        <v>0</v>
      </c>
      <c r="BU32" s="203">
        <v>0</v>
      </c>
      <c r="BV32" s="203">
        <v>0</v>
      </c>
      <c r="BW32" s="203">
        <v>0</v>
      </c>
      <c r="BX32" s="203">
        <v>0</v>
      </c>
      <c r="BY32" s="203">
        <v>0</v>
      </c>
      <c r="BZ32" s="208">
        <v>0</v>
      </c>
      <c r="CA32" s="207">
        <v>0</v>
      </c>
      <c r="CB32" s="202">
        <v>0</v>
      </c>
      <c r="CC32" s="203">
        <v>0</v>
      </c>
      <c r="CD32" s="208">
        <v>0</v>
      </c>
      <c r="CE32" s="205">
        <v>0</v>
      </c>
      <c r="CF32" s="203">
        <v>0</v>
      </c>
      <c r="CG32" s="203">
        <v>0</v>
      </c>
      <c r="CH32" s="203">
        <v>0</v>
      </c>
      <c r="CI32" s="203">
        <v>0</v>
      </c>
      <c r="CJ32" s="203">
        <v>0</v>
      </c>
      <c r="CK32" s="208">
        <v>0</v>
      </c>
      <c r="CL32" s="207">
        <v>0</v>
      </c>
      <c r="CM32" s="202">
        <v>0</v>
      </c>
      <c r="CN32" s="203">
        <v>0</v>
      </c>
      <c r="CO32" s="208">
        <v>0</v>
      </c>
      <c r="CP32" s="205">
        <v>0</v>
      </c>
      <c r="CQ32" s="203">
        <v>0</v>
      </c>
      <c r="CR32" s="203">
        <v>0</v>
      </c>
      <c r="CS32" s="203">
        <v>0</v>
      </c>
      <c r="CT32" s="203">
        <v>0</v>
      </c>
      <c r="CU32" s="203">
        <v>0</v>
      </c>
      <c r="CV32" s="208">
        <v>0</v>
      </c>
      <c r="CW32" s="207">
        <v>0</v>
      </c>
    </row>
    <row r="33" spans="2:101" ht="21" customHeight="1" x14ac:dyDescent="0.2">
      <c r="B33" s="173" t="s">
        <v>31</v>
      </c>
      <c r="C33" s="202">
        <v>0</v>
      </c>
      <c r="D33" s="208">
        <v>0</v>
      </c>
      <c r="E33" s="218">
        <v>0</v>
      </c>
      <c r="F33" s="205">
        <v>0</v>
      </c>
      <c r="G33" s="203">
        <v>0</v>
      </c>
      <c r="H33" s="203">
        <v>1</v>
      </c>
      <c r="I33" s="203">
        <v>0</v>
      </c>
      <c r="J33" s="203">
        <v>0</v>
      </c>
      <c r="K33" s="203">
        <v>0</v>
      </c>
      <c r="L33" s="206">
        <v>1</v>
      </c>
      <c r="M33" s="207">
        <v>1</v>
      </c>
      <c r="N33" s="202">
        <v>0</v>
      </c>
      <c r="O33" s="203">
        <v>0</v>
      </c>
      <c r="P33" s="208">
        <v>0</v>
      </c>
      <c r="Q33" s="205">
        <v>0</v>
      </c>
      <c r="R33" s="203">
        <v>0</v>
      </c>
      <c r="S33" s="203">
        <v>0</v>
      </c>
      <c r="T33" s="203">
        <v>0</v>
      </c>
      <c r="U33" s="203">
        <v>0</v>
      </c>
      <c r="V33" s="203">
        <v>0</v>
      </c>
      <c r="W33" s="208">
        <v>0</v>
      </c>
      <c r="X33" s="207">
        <v>0</v>
      </c>
      <c r="Y33" s="202">
        <v>0</v>
      </c>
      <c r="Z33" s="203">
        <v>0</v>
      </c>
      <c r="AA33" s="208">
        <v>0</v>
      </c>
      <c r="AB33" s="205">
        <v>0</v>
      </c>
      <c r="AC33" s="203">
        <v>2</v>
      </c>
      <c r="AD33" s="203">
        <v>1</v>
      </c>
      <c r="AE33" s="203">
        <v>1</v>
      </c>
      <c r="AF33" s="203">
        <v>0</v>
      </c>
      <c r="AG33" s="203">
        <v>0</v>
      </c>
      <c r="AH33" s="208">
        <v>4</v>
      </c>
      <c r="AI33" s="207">
        <v>4</v>
      </c>
      <c r="AJ33" s="202">
        <v>0</v>
      </c>
      <c r="AK33" s="203">
        <v>0</v>
      </c>
      <c r="AL33" s="208">
        <v>0</v>
      </c>
      <c r="AM33" s="205">
        <v>0</v>
      </c>
      <c r="AN33" s="203">
        <v>0</v>
      </c>
      <c r="AO33" s="203">
        <v>0</v>
      </c>
      <c r="AP33" s="203">
        <v>0</v>
      </c>
      <c r="AQ33" s="203">
        <v>0</v>
      </c>
      <c r="AR33" s="203">
        <v>0</v>
      </c>
      <c r="AS33" s="208">
        <v>0</v>
      </c>
      <c r="AT33" s="207">
        <v>0</v>
      </c>
      <c r="AU33" s="202">
        <v>0</v>
      </c>
      <c r="AV33" s="203">
        <v>0</v>
      </c>
      <c r="AW33" s="208">
        <v>0</v>
      </c>
      <c r="AX33" s="205">
        <v>0</v>
      </c>
      <c r="AY33" s="203">
        <v>0</v>
      </c>
      <c r="AZ33" s="203">
        <v>1</v>
      </c>
      <c r="BA33" s="203">
        <v>0</v>
      </c>
      <c r="BB33" s="203">
        <v>0</v>
      </c>
      <c r="BC33" s="203">
        <v>0</v>
      </c>
      <c r="BD33" s="208">
        <v>1</v>
      </c>
      <c r="BE33" s="207">
        <v>1</v>
      </c>
      <c r="BF33" s="202">
        <v>0</v>
      </c>
      <c r="BG33" s="203">
        <v>0</v>
      </c>
      <c r="BH33" s="208">
        <v>0</v>
      </c>
      <c r="BI33" s="205">
        <v>0</v>
      </c>
      <c r="BJ33" s="203">
        <v>0</v>
      </c>
      <c r="BK33" s="203">
        <v>0</v>
      </c>
      <c r="BL33" s="203">
        <v>0</v>
      </c>
      <c r="BM33" s="203">
        <v>0</v>
      </c>
      <c r="BN33" s="203">
        <v>0</v>
      </c>
      <c r="BO33" s="206">
        <v>0</v>
      </c>
      <c r="BP33" s="207">
        <v>0</v>
      </c>
      <c r="BQ33" s="202">
        <v>0</v>
      </c>
      <c r="BR33" s="203">
        <v>0</v>
      </c>
      <c r="BS33" s="208">
        <v>0</v>
      </c>
      <c r="BT33" s="205">
        <v>0</v>
      </c>
      <c r="BU33" s="203">
        <v>0</v>
      </c>
      <c r="BV33" s="203">
        <v>0</v>
      </c>
      <c r="BW33" s="203">
        <v>0</v>
      </c>
      <c r="BX33" s="203">
        <v>0</v>
      </c>
      <c r="BY33" s="203">
        <v>0</v>
      </c>
      <c r="BZ33" s="208">
        <v>0</v>
      </c>
      <c r="CA33" s="207">
        <v>0</v>
      </c>
      <c r="CB33" s="202">
        <v>0</v>
      </c>
      <c r="CC33" s="203">
        <v>0</v>
      </c>
      <c r="CD33" s="208">
        <v>0</v>
      </c>
      <c r="CE33" s="205">
        <v>0</v>
      </c>
      <c r="CF33" s="203">
        <v>0</v>
      </c>
      <c r="CG33" s="203">
        <v>0</v>
      </c>
      <c r="CH33" s="203">
        <v>0</v>
      </c>
      <c r="CI33" s="203">
        <v>0</v>
      </c>
      <c r="CJ33" s="203">
        <v>0</v>
      </c>
      <c r="CK33" s="208">
        <v>0</v>
      </c>
      <c r="CL33" s="207">
        <v>0</v>
      </c>
      <c r="CM33" s="202">
        <v>0</v>
      </c>
      <c r="CN33" s="203">
        <v>0</v>
      </c>
      <c r="CO33" s="208">
        <v>0</v>
      </c>
      <c r="CP33" s="205">
        <v>0</v>
      </c>
      <c r="CQ33" s="203">
        <v>0</v>
      </c>
      <c r="CR33" s="203">
        <v>0</v>
      </c>
      <c r="CS33" s="203">
        <v>0</v>
      </c>
      <c r="CT33" s="203">
        <v>0</v>
      </c>
      <c r="CU33" s="203">
        <v>0</v>
      </c>
      <c r="CV33" s="208">
        <v>0</v>
      </c>
      <c r="CW33" s="207">
        <v>0</v>
      </c>
    </row>
    <row r="34" spans="2:101" ht="21" customHeight="1" x14ac:dyDescent="0.2">
      <c r="B34" s="173" t="s">
        <v>32</v>
      </c>
      <c r="C34" s="202">
        <v>0</v>
      </c>
      <c r="D34" s="208">
        <v>0</v>
      </c>
      <c r="E34" s="218">
        <v>0</v>
      </c>
      <c r="F34" s="205">
        <v>0</v>
      </c>
      <c r="G34" s="203">
        <v>0</v>
      </c>
      <c r="H34" s="203">
        <v>2</v>
      </c>
      <c r="I34" s="203">
        <v>0</v>
      </c>
      <c r="J34" s="203">
        <v>0</v>
      </c>
      <c r="K34" s="203">
        <v>0</v>
      </c>
      <c r="L34" s="206">
        <v>2</v>
      </c>
      <c r="M34" s="207">
        <v>2</v>
      </c>
      <c r="N34" s="202">
        <v>0</v>
      </c>
      <c r="O34" s="203">
        <v>0</v>
      </c>
      <c r="P34" s="208">
        <v>0</v>
      </c>
      <c r="Q34" s="205">
        <v>0</v>
      </c>
      <c r="R34" s="203">
        <v>0</v>
      </c>
      <c r="S34" s="203">
        <v>0</v>
      </c>
      <c r="T34" s="203">
        <v>0</v>
      </c>
      <c r="U34" s="203">
        <v>0</v>
      </c>
      <c r="V34" s="203">
        <v>0</v>
      </c>
      <c r="W34" s="208">
        <v>0</v>
      </c>
      <c r="X34" s="207">
        <v>0</v>
      </c>
      <c r="Y34" s="202">
        <v>0</v>
      </c>
      <c r="Z34" s="203">
        <v>0</v>
      </c>
      <c r="AA34" s="208">
        <v>0</v>
      </c>
      <c r="AB34" s="205">
        <v>0</v>
      </c>
      <c r="AC34" s="203">
        <v>4</v>
      </c>
      <c r="AD34" s="203">
        <v>0</v>
      </c>
      <c r="AE34" s="203">
        <v>0</v>
      </c>
      <c r="AF34" s="203">
        <v>0</v>
      </c>
      <c r="AG34" s="203">
        <v>0</v>
      </c>
      <c r="AH34" s="208">
        <v>4</v>
      </c>
      <c r="AI34" s="207">
        <v>4</v>
      </c>
      <c r="AJ34" s="202">
        <v>0</v>
      </c>
      <c r="AK34" s="203">
        <v>0</v>
      </c>
      <c r="AL34" s="208">
        <v>0</v>
      </c>
      <c r="AM34" s="205">
        <v>0</v>
      </c>
      <c r="AN34" s="203">
        <v>1</v>
      </c>
      <c r="AO34" s="203">
        <v>0</v>
      </c>
      <c r="AP34" s="203">
        <v>0</v>
      </c>
      <c r="AQ34" s="203">
        <v>0</v>
      </c>
      <c r="AR34" s="203">
        <v>0</v>
      </c>
      <c r="AS34" s="208">
        <v>1</v>
      </c>
      <c r="AT34" s="207">
        <v>1</v>
      </c>
      <c r="AU34" s="202">
        <v>0</v>
      </c>
      <c r="AV34" s="203">
        <v>0</v>
      </c>
      <c r="AW34" s="208">
        <v>0</v>
      </c>
      <c r="AX34" s="205">
        <v>0</v>
      </c>
      <c r="AY34" s="203">
        <v>0</v>
      </c>
      <c r="AZ34" s="203">
        <v>0</v>
      </c>
      <c r="BA34" s="203">
        <v>1</v>
      </c>
      <c r="BB34" s="203">
        <v>0</v>
      </c>
      <c r="BC34" s="203">
        <v>0</v>
      </c>
      <c r="BD34" s="208">
        <v>1</v>
      </c>
      <c r="BE34" s="207">
        <v>1</v>
      </c>
      <c r="BF34" s="202">
        <v>0</v>
      </c>
      <c r="BG34" s="203">
        <v>0</v>
      </c>
      <c r="BH34" s="208">
        <v>0</v>
      </c>
      <c r="BI34" s="205">
        <v>0</v>
      </c>
      <c r="BJ34" s="203">
        <v>0</v>
      </c>
      <c r="BK34" s="203">
        <v>0</v>
      </c>
      <c r="BL34" s="203">
        <v>0</v>
      </c>
      <c r="BM34" s="203">
        <v>0</v>
      </c>
      <c r="BN34" s="203">
        <v>0</v>
      </c>
      <c r="BO34" s="206">
        <v>0</v>
      </c>
      <c r="BP34" s="207">
        <v>0</v>
      </c>
      <c r="BQ34" s="202">
        <v>0</v>
      </c>
      <c r="BR34" s="203">
        <v>0</v>
      </c>
      <c r="BS34" s="208">
        <v>0</v>
      </c>
      <c r="BT34" s="205">
        <v>0</v>
      </c>
      <c r="BU34" s="203">
        <v>0</v>
      </c>
      <c r="BV34" s="203">
        <v>0</v>
      </c>
      <c r="BW34" s="203">
        <v>0</v>
      </c>
      <c r="BX34" s="203">
        <v>0</v>
      </c>
      <c r="BY34" s="203">
        <v>0</v>
      </c>
      <c r="BZ34" s="208">
        <v>0</v>
      </c>
      <c r="CA34" s="207">
        <v>0</v>
      </c>
      <c r="CB34" s="202">
        <v>0</v>
      </c>
      <c r="CC34" s="203">
        <v>0</v>
      </c>
      <c r="CD34" s="208">
        <v>0</v>
      </c>
      <c r="CE34" s="205">
        <v>0</v>
      </c>
      <c r="CF34" s="203">
        <v>0</v>
      </c>
      <c r="CG34" s="203">
        <v>0</v>
      </c>
      <c r="CH34" s="203">
        <v>0</v>
      </c>
      <c r="CI34" s="203">
        <v>0</v>
      </c>
      <c r="CJ34" s="203">
        <v>0</v>
      </c>
      <c r="CK34" s="208">
        <v>0</v>
      </c>
      <c r="CL34" s="207">
        <v>0</v>
      </c>
      <c r="CM34" s="202">
        <v>0</v>
      </c>
      <c r="CN34" s="203">
        <v>0</v>
      </c>
      <c r="CO34" s="208">
        <v>0</v>
      </c>
      <c r="CP34" s="205">
        <v>0</v>
      </c>
      <c r="CQ34" s="203">
        <v>0</v>
      </c>
      <c r="CR34" s="203">
        <v>0</v>
      </c>
      <c r="CS34" s="203">
        <v>0</v>
      </c>
      <c r="CT34" s="203">
        <v>0</v>
      </c>
      <c r="CU34" s="203">
        <v>0</v>
      </c>
      <c r="CV34" s="208">
        <v>0</v>
      </c>
      <c r="CW34" s="207">
        <v>0</v>
      </c>
    </row>
    <row r="35" spans="2:101" ht="21" customHeight="1" x14ac:dyDescent="0.2">
      <c r="B35" s="173" t="s">
        <v>33</v>
      </c>
      <c r="C35" s="202">
        <v>0</v>
      </c>
      <c r="D35" s="208">
        <v>0</v>
      </c>
      <c r="E35" s="218">
        <v>0</v>
      </c>
      <c r="F35" s="205">
        <v>0</v>
      </c>
      <c r="G35" s="203">
        <v>0</v>
      </c>
      <c r="H35" s="203">
        <v>0</v>
      </c>
      <c r="I35" s="203">
        <v>0</v>
      </c>
      <c r="J35" s="203">
        <v>0</v>
      </c>
      <c r="K35" s="203">
        <v>0</v>
      </c>
      <c r="L35" s="206">
        <v>0</v>
      </c>
      <c r="M35" s="207">
        <v>0</v>
      </c>
      <c r="N35" s="202">
        <v>0</v>
      </c>
      <c r="O35" s="203">
        <v>0</v>
      </c>
      <c r="P35" s="208">
        <v>0</v>
      </c>
      <c r="Q35" s="205">
        <v>0</v>
      </c>
      <c r="R35" s="203">
        <v>0</v>
      </c>
      <c r="S35" s="203">
        <v>0</v>
      </c>
      <c r="T35" s="203">
        <v>0</v>
      </c>
      <c r="U35" s="203">
        <v>0</v>
      </c>
      <c r="V35" s="203">
        <v>0</v>
      </c>
      <c r="W35" s="208">
        <v>0</v>
      </c>
      <c r="X35" s="207">
        <v>0</v>
      </c>
      <c r="Y35" s="202">
        <v>0</v>
      </c>
      <c r="Z35" s="203">
        <v>0</v>
      </c>
      <c r="AA35" s="208">
        <v>0</v>
      </c>
      <c r="AB35" s="205">
        <v>0</v>
      </c>
      <c r="AC35" s="203">
        <v>0</v>
      </c>
      <c r="AD35" s="203">
        <v>0</v>
      </c>
      <c r="AE35" s="203">
        <v>1</v>
      </c>
      <c r="AF35" s="203">
        <v>1</v>
      </c>
      <c r="AG35" s="203">
        <v>0</v>
      </c>
      <c r="AH35" s="208">
        <v>2</v>
      </c>
      <c r="AI35" s="207">
        <v>2</v>
      </c>
      <c r="AJ35" s="202">
        <v>0</v>
      </c>
      <c r="AK35" s="203">
        <v>0</v>
      </c>
      <c r="AL35" s="208">
        <v>0</v>
      </c>
      <c r="AM35" s="205">
        <v>0</v>
      </c>
      <c r="AN35" s="203">
        <v>0</v>
      </c>
      <c r="AO35" s="203">
        <v>0</v>
      </c>
      <c r="AP35" s="203">
        <v>0</v>
      </c>
      <c r="AQ35" s="203">
        <v>0</v>
      </c>
      <c r="AR35" s="203">
        <v>0</v>
      </c>
      <c r="AS35" s="208">
        <v>0</v>
      </c>
      <c r="AT35" s="207">
        <v>0</v>
      </c>
      <c r="AU35" s="202">
        <v>0</v>
      </c>
      <c r="AV35" s="203">
        <v>0</v>
      </c>
      <c r="AW35" s="208">
        <v>0</v>
      </c>
      <c r="AX35" s="205">
        <v>0</v>
      </c>
      <c r="AY35" s="203">
        <v>0</v>
      </c>
      <c r="AZ35" s="203">
        <v>0</v>
      </c>
      <c r="BA35" s="203">
        <v>0</v>
      </c>
      <c r="BB35" s="203">
        <v>0</v>
      </c>
      <c r="BC35" s="203">
        <v>0</v>
      </c>
      <c r="BD35" s="208">
        <v>0</v>
      </c>
      <c r="BE35" s="207">
        <v>0</v>
      </c>
      <c r="BF35" s="202">
        <v>0</v>
      </c>
      <c r="BG35" s="203">
        <v>0</v>
      </c>
      <c r="BH35" s="208">
        <v>0</v>
      </c>
      <c r="BI35" s="205">
        <v>0</v>
      </c>
      <c r="BJ35" s="203">
        <v>0</v>
      </c>
      <c r="BK35" s="203">
        <v>0</v>
      </c>
      <c r="BL35" s="203">
        <v>1</v>
      </c>
      <c r="BM35" s="203">
        <v>0</v>
      </c>
      <c r="BN35" s="203">
        <v>0</v>
      </c>
      <c r="BO35" s="206">
        <v>1</v>
      </c>
      <c r="BP35" s="207">
        <v>1</v>
      </c>
      <c r="BQ35" s="202">
        <v>0</v>
      </c>
      <c r="BR35" s="203">
        <v>0</v>
      </c>
      <c r="BS35" s="208">
        <v>0</v>
      </c>
      <c r="BT35" s="205">
        <v>0</v>
      </c>
      <c r="BU35" s="203">
        <v>0</v>
      </c>
      <c r="BV35" s="203">
        <v>0</v>
      </c>
      <c r="BW35" s="203">
        <v>0</v>
      </c>
      <c r="BX35" s="203">
        <v>0</v>
      </c>
      <c r="BY35" s="203">
        <v>0</v>
      </c>
      <c r="BZ35" s="208">
        <v>0</v>
      </c>
      <c r="CA35" s="207">
        <v>0</v>
      </c>
      <c r="CB35" s="202">
        <v>0</v>
      </c>
      <c r="CC35" s="203">
        <v>0</v>
      </c>
      <c r="CD35" s="208">
        <v>0</v>
      </c>
      <c r="CE35" s="205">
        <v>0</v>
      </c>
      <c r="CF35" s="203">
        <v>0</v>
      </c>
      <c r="CG35" s="203">
        <v>0</v>
      </c>
      <c r="CH35" s="203">
        <v>0</v>
      </c>
      <c r="CI35" s="203">
        <v>0</v>
      </c>
      <c r="CJ35" s="203">
        <v>0</v>
      </c>
      <c r="CK35" s="208">
        <v>0</v>
      </c>
      <c r="CL35" s="207">
        <v>0</v>
      </c>
      <c r="CM35" s="202">
        <v>0</v>
      </c>
      <c r="CN35" s="203">
        <v>0</v>
      </c>
      <c r="CO35" s="208">
        <v>0</v>
      </c>
      <c r="CP35" s="205">
        <v>0</v>
      </c>
      <c r="CQ35" s="203">
        <v>0</v>
      </c>
      <c r="CR35" s="203">
        <v>0</v>
      </c>
      <c r="CS35" s="203">
        <v>0</v>
      </c>
      <c r="CT35" s="203">
        <v>0</v>
      </c>
      <c r="CU35" s="203">
        <v>1</v>
      </c>
      <c r="CV35" s="208">
        <v>1</v>
      </c>
      <c r="CW35" s="207">
        <v>1</v>
      </c>
    </row>
    <row r="36" spans="2:101" ht="21" customHeight="1" x14ac:dyDescent="0.2">
      <c r="B36" s="173" t="s">
        <v>34</v>
      </c>
      <c r="C36" s="202">
        <v>0</v>
      </c>
      <c r="D36" s="208">
        <v>0</v>
      </c>
      <c r="E36" s="218">
        <v>0</v>
      </c>
      <c r="F36" s="205">
        <v>0</v>
      </c>
      <c r="G36" s="203">
        <v>0</v>
      </c>
      <c r="H36" s="203">
        <v>0</v>
      </c>
      <c r="I36" s="203">
        <v>0</v>
      </c>
      <c r="J36" s="203">
        <v>0</v>
      </c>
      <c r="K36" s="203">
        <v>0</v>
      </c>
      <c r="L36" s="206">
        <v>0</v>
      </c>
      <c r="M36" s="207">
        <v>0</v>
      </c>
      <c r="N36" s="202">
        <v>0</v>
      </c>
      <c r="O36" s="203">
        <v>0</v>
      </c>
      <c r="P36" s="208">
        <v>0</v>
      </c>
      <c r="Q36" s="205">
        <v>0</v>
      </c>
      <c r="R36" s="203">
        <v>0</v>
      </c>
      <c r="S36" s="203">
        <v>0</v>
      </c>
      <c r="T36" s="203">
        <v>0</v>
      </c>
      <c r="U36" s="203">
        <v>0</v>
      </c>
      <c r="V36" s="203">
        <v>0</v>
      </c>
      <c r="W36" s="208">
        <v>0</v>
      </c>
      <c r="X36" s="207">
        <v>0</v>
      </c>
      <c r="Y36" s="202">
        <v>0</v>
      </c>
      <c r="Z36" s="203">
        <v>0</v>
      </c>
      <c r="AA36" s="208">
        <v>0</v>
      </c>
      <c r="AB36" s="205">
        <v>0</v>
      </c>
      <c r="AC36" s="203">
        <v>0</v>
      </c>
      <c r="AD36" s="203">
        <v>0</v>
      </c>
      <c r="AE36" s="203">
        <v>0</v>
      </c>
      <c r="AF36" s="203">
        <v>0</v>
      </c>
      <c r="AG36" s="203">
        <v>0</v>
      </c>
      <c r="AH36" s="208">
        <v>0</v>
      </c>
      <c r="AI36" s="207">
        <v>0</v>
      </c>
      <c r="AJ36" s="202">
        <v>0</v>
      </c>
      <c r="AK36" s="203">
        <v>0</v>
      </c>
      <c r="AL36" s="208">
        <v>0</v>
      </c>
      <c r="AM36" s="205">
        <v>0</v>
      </c>
      <c r="AN36" s="203">
        <v>0</v>
      </c>
      <c r="AO36" s="203">
        <v>0</v>
      </c>
      <c r="AP36" s="203">
        <v>0</v>
      </c>
      <c r="AQ36" s="203">
        <v>0</v>
      </c>
      <c r="AR36" s="203">
        <v>0</v>
      </c>
      <c r="AS36" s="208">
        <v>0</v>
      </c>
      <c r="AT36" s="207">
        <v>0</v>
      </c>
      <c r="AU36" s="202">
        <v>0</v>
      </c>
      <c r="AV36" s="203">
        <v>0</v>
      </c>
      <c r="AW36" s="208">
        <v>0</v>
      </c>
      <c r="AX36" s="205">
        <v>0</v>
      </c>
      <c r="AY36" s="203">
        <v>1</v>
      </c>
      <c r="AZ36" s="203">
        <v>0</v>
      </c>
      <c r="BA36" s="203">
        <v>0</v>
      </c>
      <c r="BB36" s="203">
        <v>0</v>
      </c>
      <c r="BC36" s="203">
        <v>0</v>
      </c>
      <c r="BD36" s="208">
        <v>1</v>
      </c>
      <c r="BE36" s="207">
        <v>1</v>
      </c>
      <c r="BF36" s="202">
        <v>0</v>
      </c>
      <c r="BG36" s="203">
        <v>0</v>
      </c>
      <c r="BH36" s="208">
        <v>0</v>
      </c>
      <c r="BI36" s="205">
        <v>0</v>
      </c>
      <c r="BJ36" s="203">
        <v>0</v>
      </c>
      <c r="BK36" s="203">
        <v>0</v>
      </c>
      <c r="BL36" s="203">
        <v>0</v>
      </c>
      <c r="BM36" s="203">
        <v>0</v>
      </c>
      <c r="BN36" s="203">
        <v>0</v>
      </c>
      <c r="BO36" s="206">
        <v>0</v>
      </c>
      <c r="BP36" s="207">
        <v>0</v>
      </c>
      <c r="BQ36" s="202">
        <v>0</v>
      </c>
      <c r="BR36" s="203">
        <v>0</v>
      </c>
      <c r="BS36" s="208">
        <v>0</v>
      </c>
      <c r="BT36" s="205">
        <v>0</v>
      </c>
      <c r="BU36" s="203">
        <v>0</v>
      </c>
      <c r="BV36" s="203">
        <v>0</v>
      </c>
      <c r="BW36" s="203">
        <v>0</v>
      </c>
      <c r="BX36" s="203">
        <v>0</v>
      </c>
      <c r="BY36" s="203">
        <v>0</v>
      </c>
      <c r="BZ36" s="208">
        <v>0</v>
      </c>
      <c r="CA36" s="207">
        <v>0</v>
      </c>
      <c r="CB36" s="202">
        <v>0</v>
      </c>
      <c r="CC36" s="203">
        <v>0</v>
      </c>
      <c r="CD36" s="208">
        <v>0</v>
      </c>
      <c r="CE36" s="205">
        <v>0</v>
      </c>
      <c r="CF36" s="203">
        <v>0</v>
      </c>
      <c r="CG36" s="203">
        <v>0</v>
      </c>
      <c r="CH36" s="203">
        <v>0</v>
      </c>
      <c r="CI36" s="203">
        <v>0</v>
      </c>
      <c r="CJ36" s="203">
        <v>0</v>
      </c>
      <c r="CK36" s="208">
        <v>0</v>
      </c>
      <c r="CL36" s="207">
        <v>0</v>
      </c>
      <c r="CM36" s="202">
        <v>0</v>
      </c>
      <c r="CN36" s="203">
        <v>0</v>
      </c>
      <c r="CO36" s="208">
        <v>0</v>
      </c>
      <c r="CP36" s="205">
        <v>0</v>
      </c>
      <c r="CQ36" s="203">
        <v>0</v>
      </c>
      <c r="CR36" s="203">
        <v>0</v>
      </c>
      <c r="CS36" s="203">
        <v>0</v>
      </c>
      <c r="CT36" s="203">
        <v>0</v>
      </c>
      <c r="CU36" s="203">
        <v>0</v>
      </c>
      <c r="CV36" s="208">
        <v>0</v>
      </c>
      <c r="CW36" s="207">
        <v>0</v>
      </c>
    </row>
    <row r="37" spans="2:101" ht="21" customHeight="1" x14ac:dyDescent="0.2">
      <c r="B37" s="173" t="s">
        <v>35</v>
      </c>
      <c r="C37" s="202">
        <v>0</v>
      </c>
      <c r="D37" s="208">
        <v>0</v>
      </c>
      <c r="E37" s="218">
        <v>0</v>
      </c>
      <c r="F37" s="205">
        <v>0</v>
      </c>
      <c r="G37" s="203">
        <v>0</v>
      </c>
      <c r="H37" s="203">
        <v>0</v>
      </c>
      <c r="I37" s="203">
        <v>0</v>
      </c>
      <c r="J37" s="203">
        <v>0</v>
      </c>
      <c r="K37" s="203">
        <v>0</v>
      </c>
      <c r="L37" s="206">
        <v>0</v>
      </c>
      <c r="M37" s="207">
        <v>0</v>
      </c>
      <c r="N37" s="202">
        <v>0</v>
      </c>
      <c r="O37" s="203">
        <v>0</v>
      </c>
      <c r="P37" s="208">
        <v>0</v>
      </c>
      <c r="Q37" s="205">
        <v>0</v>
      </c>
      <c r="R37" s="203">
        <v>0</v>
      </c>
      <c r="S37" s="203">
        <v>0</v>
      </c>
      <c r="T37" s="203">
        <v>0</v>
      </c>
      <c r="U37" s="203">
        <v>0</v>
      </c>
      <c r="V37" s="203">
        <v>0</v>
      </c>
      <c r="W37" s="208">
        <v>0</v>
      </c>
      <c r="X37" s="207">
        <v>0</v>
      </c>
      <c r="Y37" s="202">
        <v>0</v>
      </c>
      <c r="Z37" s="203">
        <v>0</v>
      </c>
      <c r="AA37" s="208">
        <v>0</v>
      </c>
      <c r="AB37" s="205">
        <v>0</v>
      </c>
      <c r="AC37" s="203">
        <v>0</v>
      </c>
      <c r="AD37" s="203">
        <v>0</v>
      </c>
      <c r="AE37" s="203">
        <v>0</v>
      </c>
      <c r="AF37" s="203">
        <v>0</v>
      </c>
      <c r="AG37" s="203">
        <v>0</v>
      </c>
      <c r="AH37" s="208">
        <v>0</v>
      </c>
      <c r="AI37" s="207">
        <v>0</v>
      </c>
      <c r="AJ37" s="202">
        <v>0</v>
      </c>
      <c r="AK37" s="203">
        <v>0</v>
      </c>
      <c r="AL37" s="208">
        <v>0</v>
      </c>
      <c r="AM37" s="205">
        <v>0</v>
      </c>
      <c r="AN37" s="203">
        <v>0</v>
      </c>
      <c r="AO37" s="203">
        <v>0</v>
      </c>
      <c r="AP37" s="203">
        <v>0</v>
      </c>
      <c r="AQ37" s="203">
        <v>0</v>
      </c>
      <c r="AR37" s="203">
        <v>0</v>
      </c>
      <c r="AS37" s="208">
        <v>0</v>
      </c>
      <c r="AT37" s="207">
        <v>0</v>
      </c>
      <c r="AU37" s="202">
        <v>0</v>
      </c>
      <c r="AV37" s="203">
        <v>0</v>
      </c>
      <c r="AW37" s="208">
        <v>0</v>
      </c>
      <c r="AX37" s="205">
        <v>0</v>
      </c>
      <c r="AY37" s="203">
        <v>1</v>
      </c>
      <c r="AZ37" s="203">
        <v>0</v>
      </c>
      <c r="BA37" s="203">
        <v>0</v>
      </c>
      <c r="BB37" s="203">
        <v>0</v>
      </c>
      <c r="BC37" s="203">
        <v>0</v>
      </c>
      <c r="BD37" s="208">
        <v>1</v>
      </c>
      <c r="BE37" s="207">
        <v>1</v>
      </c>
      <c r="BF37" s="202">
        <v>0</v>
      </c>
      <c r="BG37" s="203">
        <v>0</v>
      </c>
      <c r="BH37" s="208">
        <v>0</v>
      </c>
      <c r="BI37" s="205">
        <v>0</v>
      </c>
      <c r="BJ37" s="203">
        <v>1</v>
      </c>
      <c r="BK37" s="203">
        <v>0</v>
      </c>
      <c r="BL37" s="203">
        <v>0</v>
      </c>
      <c r="BM37" s="203">
        <v>0</v>
      </c>
      <c r="BN37" s="203">
        <v>0</v>
      </c>
      <c r="BO37" s="206">
        <v>1</v>
      </c>
      <c r="BP37" s="207">
        <v>1</v>
      </c>
      <c r="BQ37" s="202">
        <v>0</v>
      </c>
      <c r="BR37" s="203">
        <v>0</v>
      </c>
      <c r="BS37" s="208">
        <v>0</v>
      </c>
      <c r="BT37" s="205">
        <v>0</v>
      </c>
      <c r="BU37" s="203">
        <v>0</v>
      </c>
      <c r="BV37" s="203">
        <v>0</v>
      </c>
      <c r="BW37" s="203">
        <v>0</v>
      </c>
      <c r="BX37" s="203">
        <v>0</v>
      </c>
      <c r="BY37" s="203">
        <v>0</v>
      </c>
      <c r="BZ37" s="208">
        <v>0</v>
      </c>
      <c r="CA37" s="207">
        <v>0</v>
      </c>
      <c r="CB37" s="202">
        <v>0</v>
      </c>
      <c r="CC37" s="203">
        <v>0</v>
      </c>
      <c r="CD37" s="208">
        <v>0</v>
      </c>
      <c r="CE37" s="205">
        <v>0</v>
      </c>
      <c r="CF37" s="203">
        <v>0</v>
      </c>
      <c r="CG37" s="203">
        <v>0</v>
      </c>
      <c r="CH37" s="203">
        <v>0</v>
      </c>
      <c r="CI37" s="203">
        <v>0</v>
      </c>
      <c r="CJ37" s="203">
        <v>0</v>
      </c>
      <c r="CK37" s="208">
        <v>0</v>
      </c>
      <c r="CL37" s="207">
        <v>0</v>
      </c>
      <c r="CM37" s="202">
        <v>0</v>
      </c>
      <c r="CN37" s="203">
        <v>0</v>
      </c>
      <c r="CO37" s="208">
        <v>0</v>
      </c>
      <c r="CP37" s="205">
        <v>0</v>
      </c>
      <c r="CQ37" s="203">
        <v>0</v>
      </c>
      <c r="CR37" s="203">
        <v>0</v>
      </c>
      <c r="CS37" s="203">
        <v>0</v>
      </c>
      <c r="CT37" s="203">
        <v>0</v>
      </c>
      <c r="CU37" s="203">
        <v>0</v>
      </c>
      <c r="CV37" s="208">
        <v>0</v>
      </c>
      <c r="CW37" s="207">
        <v>0</v>
      </c>
    </row>
    <row r="38" spans="2:101" ht="21" customHeight="1" x14ac:dyDescent="0.2">
      <c r="B38" s="173" t="s">
        <v>36</v>
      </c>
      <c r="C38" s="202">
        <v>0</v>
      </c>
      <c r="D38" s="208">
        <v>0</v>
      </c>
      <c r="E38" s="218">
        <v>0</v>
      </c>
      <c r="F38" s="205">
        <v>0</v>
      </c>
      <c r="G38" s="203">
        <v>0</v>
      </c>
      <c r="H38" s="203">
        <v>0</v>
      </c>
      <c r="I38" s="203">
        <v>0</v>
      </c>
      <c r="J38" s="203">
        <v>0</v>
      </c>
      <c r="K38" s="203">
        <v>0</v>
      </c>
      <c r="L38" s="206">
        <v>0</v>
      </c>
      <c r="M38" s="207">
        <v>0</v>
      </c>
      <c r="N38" s="202">
        <v>0</v>
      </c>
      <c r="O38" s="203">
        <v>0</v>
      </c>
      <c r="P38" s="208">
        <v>0</v>
      </c>
      <c r="Q38" s="205">
        <v>0</v>
      </c>
      <c r="R38" s="203">
        <v>0</v>
      </c>
      <c r="S38" s="203">
        <v>0</v>
      </c>
      <c r="T38" s="203">
        <v>0</v>
      </c>
      <c r="U38" s="203">
        <v>0</v>
      </c>
      <c r="V38" s="203">
        <v>0</v>
      </c>
      <c r="W38" s="208">
        <v>0</v>
      </c>
      <c r="X38" s="207">
        <v>0</v>
      </c>
      <c r="Y38" s="202">
        <v>0</v>
      </c>
      <c r="Z38" s="203">
        <v>0</v>
      </c>
      <c r="AA38" s="208">
        <v>0</v>
      </c>
      <c r="AB38" s="205">
        <v>0</v>
      </c>
      <c r="AC38" s="203">
        <v>3</v>
      </c>
      <c r="AD38" s="203">
        <v>1</v>
      </c>
      <c r="AE38" s="203">
        <v>1</v>
      </c>
      <c r="AF38" s="203">
        <v>0</v>
      </c>
      <c r="AG38" s="203">
        <v>0</v>
      </c>
      <c r="AH38" s="208">
        <v>5</v>
      </c>
      <c r="AI38" s="207">
        <v>5</v>
      </c>
      <c r="AJ38" s="202">
        <v>0</v>
      </c>
      <c r="AK38" s="203">
        <v>0</v>
      </c>
      <c r="AL38" s="208">
        <v>0</v>
      </c>
      <c r="AM38" s="205">
        <v>0</v>
      </c>
      <c r="AN38" s="203">
        <v>0</v>
      </c>
      <c r="AO38" s="203">
        <v>0</v>
      </c>
      <c r="AP38" s="203">
        <v>0</v>
      </c>
      <c r="AQ38" s="203">
        <v>0</v>
      </c>
      <c r="AR38" s="203">
        <v>0</v>
      </c>
      <c r="AS38" s="208">
        <v>0</v>
      </c>
      <c r="AT38" s="207">
        <v>0</v>
      </c>
      <c r="AU38" s="202">
        <v>0</v>
      </c>
      <c r="AV38" s="203">
        <v>0</v>
      </c>
      <c r="AW38" s="208">
        <v>0</v>
      </c>
      <c r="AX38" s="205">
        <v>0</v>
      </c>
      <c r="AY38" s="203">
        <v>0</v>
      </c>
      <c r="AZ38" s="203">
        <v>0</v>
      </c>
      <c r="BA38" s="203">
        <v>1</v>
      </c>
      <c r="BB38" s="203">
        <v>0</v>
      </c>
      <c r="BC38" s="203">
        <v>0</v>
      </c>
      <c r="BD38" s="208">
        <v>1</v>
      </c>
      <c r="BE38" s="207">
        <v>1</v>
      </c>
      <c r="BF38" s="202">
        <v>0</v>
      </c>
      <c r="BG38" s="203">
        <v>0</v>
      </c>
      <c r="BH38" s="208">
        <v>0</v>
      </c>
      <c r="BI38" s="205">
        <v>0</v>
      </c>
      <c r="BJ38" s="203">
        <v>0</v>
      </c>
      <c r="BK38" s="203">
        <v>1</v>
      </c>
      <c r="BL38" s="203">
        <v>1</v>
      </c>
      <c r="BM38" s="203">
        <v>0</v>
      </c>
      <c r="BN38" s="203">
        <v>1</v>
      </c>
      <c r="BO38" s="206">
        <v>3</v>
      </c>
      <c r="BP38" s="207">
        <v>3</v>
      </c>
      <c r="BQ38" s="202">
        <v>0</v>
      </c>
      <c r="BR38" s="203">
        <v>0</v>
      </c>
      <c r="BS38" s="208">
        <v>0</v>
      </c>
      <c r="BT38" s="205">
        <v>0</v>
      </c>
      <c r="BU38" s="203">
        <v>0</v>
      </c>
      <c r="BV38" s="203">
        <v>0</v>
      </c>
      <c r="BW38" s="203">
        <v>0</v>
      </c>
      <c r="BX38" s="203">
        <v>0</v>
      </c>
      <c r="BY38" s="203">
        <v>0</v>
      </c>
      <c r="BZ38" s="208">
        <v>0</v>
      </c>
      <c r="CA38" s="207">
        <v>0</v>
      </c>
      <c r="CB38" s="202">
        <v>0</v>
      </c>
      <c r="CC38" s="203">
        <v>0</v>
      </c>
      <c r="CD38" s="208">
        <v>0</v>
      </c>
      <c r="CE38" s="205">
        <v>0</v>
      </c>
      <c r="CF38" s="203">
        <v>0</v>
      </c>
      <c r="CG38" s="203">
        <v>0</v>
      </c>
      <c r="CH38" s="203">
        <v>0</v>
      </c>
      <c r="CI38" s="203">
        <v>0</v>
      </c>
      <c r="CJ38" s="203">
        <v>0</v>
      </c>
      <c r="CK38" s="208">
        <v>0</v>
      </c>
      <c r="CL38" s="207">
        <v>0</v>
      </c>
      <c r="CM38" s="202">
        <v>0</v>
      </c>
      <c r="CN38" s="203">
        <v>0</v>
      </c>
      <c r="CO38" s="208">
        <v>0</v>
      </c>
      <c r="CP38" s="205">
        <v>0</v>
      </c>
      <c r="CQ38" s="203">
        <v>0</v>
      </c>
      <c r="CR38" s="203">
        <v>0</v>
      </c>
      <c r="CS38" s="203">
        <v>0</v>
      </c>
      <c r="CT38" s="203">
        <v>0</v>
      </c>
      <c r="CU38" s="203">
        <v>0</v>
      </c>
      <c r="CV38" s="208">
        <v>0</v>
      </c>
      <c r="CW38" s="207">
        <v>0</v>
      </c>
    </row>
    <row r="39" spans="2:101" ht="21" customHeight="1" thickBot="1" x14ac:dyDescent="0.25">
      <c r="B39" s="175" t="s">
        <v>37</v>
      </c>
      <c r="C39" s="209">
        <v>0</v>
      </c>
      <c r="D39" s="215">
        <v>0</v>
      </c>
      <c r="E39" s="219">
        <v>0</v>
      </c>
      <c r="F39" s="212">
        <v>0</v>
      </c>
      <c r="G39" s="210">
        <v>0</v>
      </c>
      <c r="H39" s="210">
        <v>0</v>
      </c>
      <c r="I39" s="210">
        <v>0</v>
      </c>
      <c r="J39" s="210">
        <v>0</v>
      </c>
      <c r="K39" s="210">
        <v>0</v>
      </c>
      <c r="L39" s="213">
        <v>0</v>
      </c>
      <c r="M39" s="214">
        <v>0</v>
      </c>
      <c r="N39" s="209">
        <v>0</v>
      </c>
      <c r="O39" s="210">
        <v>0</v>
      </c>
      <c r="P39" s="215">
        <v>0</v>
      </c>
      <c r="Q39" s="212">
        <v>0</v>
      </c>
      <c r="R39" s="210">
        <v>0</v>
      </c>
      <c r="S39" s="210">
        <v>0</v>
      </c>
      <c r="T39" s="210">
        <v>0</v>
      </c>
      <c r="U39" s="210">
        <v>0</v>
      </c>
      <c r="V39" s="210">
        <v>0</v>
      </c>
      <c r="W39" s="215">
        <v>0</v>
      </c>
      <c r="X39" s="214">
        <v>0</v>
      </c>
      <c r="Y39" s="209">
        <v>0</v>
      </c>
      <c r="Z39" s="210">
        <v>0</v>
      </c>
      <c r="AA39" s="215">
        <v>0</v>
      </c>
      <c r="AB39" s="212">
        <v>0</v>
      </c>
      <c r="AC39" s="210">
        <v>0</v>
      </c>
      <c r="AD39" s="210">
        <v>0</v>
      </c>
      <c r="AE39" s="210">
        <v>0</v>
      </c>
      <c r="AF39" s="210">
        <v>0</v>
      </c>
      <c r="AG39" s="210">
        <v>1</v>
      </c>
      <c r="AH39" s="215">
        <v>1</v>
      </c>
      <c r="AI39" s="214">
        <v>1</v>
      </c>
      <c r="AJ39" s="209">
        <v>0</v>
      </c>
      <c r="AK39" s="210">
        <v>0</v>
      </c>
      <c r="AL39" s="215">
        <v>0</v>
      </c>
      <c r="AM39" s="212">
        <v>0</v>
      </c>
      <c r="AN39" s="210">
        <v>0</v>
      </c>
      <c r="AO39" s="210">
        <v>0</v>
      </c>
      <c r="AP39" s="210">
        <v>0</v>
      </c>
      <c r="AQ39" s="210">
        <v>0</v>
      </c>
      <c r="AR39" s="210">
        <v>0</v>
      </c>
      <c r="AS39" s="215">
        <v>0</v>
      </c>
      <c r="AT39" s="214">
        <v>0</v>
      </c>
      <c r="AU39" s="209">
        <v>0</v>
      </c>
      <c r="AV39" s="210">
        <v>0</v>
      </c>
      <c r="AW39" s="215">
        <v>0</v>
      </c>
      <c r="AX39" s="212">
        <v>0</v>
      </c>
      <c r="AY39" s="210">
        <v>0</v>
      </c>
      <c r="AZ39" s="210">
        <v>0</v>
      </c>
      <c r="BA39" s="210">
        <v>0</v>
      </c>
      <c r="BB39" s="210">
        <v>0</v>
      </c>
      <c r="BC39" s="210">
        <v>0</v>
      </c>
      <c r="BD39" s="215">
        <v>0</v>
      </c>
      <c r="BE39" s="214">
        <v>0</v>
      </c>
      <c r="BF39" s="209">
        <v>0</v>
      </c>
      <c r="BG39" s="210">
        <v>0</v>
      </c>
      <c r="BH39" s="215">
        <v>0</v>
      </c>
      <c r="BI39" s="212">
        <v>0</v>
      </c>
      <c r="BJ39" s="210">
        <v>0</v>
      </c>
      <c r="BK39" s="210">
        <v>0</v>
      </c>
      <c r="BL39" s="210">
        <v>0</v>
      </c>
      <c r="BM39" s="210">
        <v>0</v>
      </c>
      <c r="BN39" s="210">
        <v>0</v>
      </c>
      <c r="BO39" s="213">
        <v>0</v>
      </c>
      <c r="BP39" s="214">
        <v>0</v>
      </c>
      <c r="BQ39" s="209">
        <v>0</v>
      </c>
      <c r="BR39" s="210">
        <v>0</v>
      </c>
      <c r="BS39" s="215">
        <v>0</v>
      </c>
      <c r="BT39" s="212">
        <v>0</v>
      </c>
      <c r="BU39" s="210">
        <v>0</v>
      </c>
      <c r="BV39" s="210">
        <v>0</v>
      </c>
      <c r="BW39" s="210">
        <v>0</v>
      </c>
      <c r="BX39" s="210">
        <v>0</v>
      </c>
      <c r="BY39" s="210">
        <v>0</v>
      </c>
      <c r="BZ39" s="215">
        <v>0</v>
      </c>
      <c r="CA39" s="214">
        <v>0</v>
      </c>
      <c r="CB39" s="209">
        <v>0</v>
      </c>
      <c r="CC39" s="210">
        <v>0</v>
      </c>
      <c r="CD39" s="215">
        <v>0</v>
      </c>
      <c r="CE39" s="212">
        <v>0</v>
      </c>
      <c r="CF39" s="210">
        <v>0</v>
      </c>
      <c r="CG39" s="210">
        <v>0</v>
      </c>
      <c r="CH39" s="210">
        <v>0</v>
      </c>
      <c r="CI39" s="210">
        <v>0</v>
      </c>
      <c r="CJ39" s="210">
        <v>0</v>
      </c>
      <c r="CK39" s="215">
        <v>0</v>
      </c>
      <c r="CL39" s="214">
        <v>0</v>
      </c>
      <c r="CM39" s="209">
        <v>0</v>
      </c>
      <c r="CN39" s="210">
        <v>0</v>
      </c>
      <c r="CO39" s="215">
        <v>0</v>
      </c>
      <c r="CP39" s="212">
        <v>0</v>
      </c>
      <c r="CQ39" s="210">
        <v>0</v>
      </c>
      <c r="CR39" s="210">
        <v>0</v>
      </c>
      <c r="CS39" s="210">
        <v>0</v>
      </c>
      <c r="CT39" s="210">
        <v>0</v>
      </c>
      <c r="CU39" s="210">
        <v>0</v>
      </c>
      <c r="CV39" s="215">
        <v>0</v>
      </c>
      <c r="CW39" s="214">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38" customWidth="1"/>
    <col min="2" max="2" width="9.77734375" style="187" customWidth="1"/>
    <col min="3" max="4" width="9" style="187"/>
    <col min="5" max="5" width="10" style="187" customWidth="1"/>
    <col min="6" max="6" width="7.77734375" style="187" customWidth="1"/>
    <col min="7" max="7" width="10.77734375" style="187" customWidth="1"/>
    <col min="8" max="16" width="9" style="187"/>
    <col min="17" max="17" width="8" style="187" customWidth="1"/>
    <col min="18" max="16384" width="9" style="187"/>
  </cols>
  <sheetData>
    <row r="1" spans="2:24" ht="24" customHeight="1" x14ac:dyDescent="0.2">
      <c r="B1" s="186" t="s">
        <v>123</v>
      </c>
      <c r="H1" s="464">
        <f>第１表!F2</f>
        <v>6</v>
      </c>
      <c r="I1" s="464"/>
      <c r="J1" s="43">
        <f>第１表!G2</f>
        <v>4</v>
      </c>
      <c r="K1" s="503">
        <f>IF(J1&lt;3,J1+12-2,J1-2)</f>
        <v>2</v>
      </c>
      <c r="L1" s="503"/>
    </row>
    <row r="2" spans="2:24" ht="24" customHeight="1" thickBot="1" x14ac:dyDescent="0.25">
      <c r="B2" s="186" t="s">
        <v>130</v>
      </c>
    </row>
    <row r="3" spans="2:24" ht="21" customHeight="1" x14ac:dyDescent="0.2">
      <c r="B3" s="526"/>
      <c r="C3" s="509" t="s">
        <v>140</v>
      </c>
      <c r="D3" s="498"/>
      <c r="E3" s="498"/>
      <c r="F3" s="498"/>
      <c r="G3" s="498"/>
      <c r="H3" s="498"/>
      <c r="I3" s="498"/>
      <c r="J3" s="498"/>
      <c r="K3" s="498"/>
      <c r="L3" s="498"/>
      <c r="M3" s="529"/>
      <c r="N3" s="498" t="s">
        <v>112</v>
      </c>
      <c r="O3" s="498"/>
      <c r="P3" s="498"/>
      <c r="Q3" s="498"/>
      <c r="R3" s="498"/>
      <c r="S3" s="498"/>
      <c r="T3" s="498"/>
      <c r="U3" s="498"/>
      <c r="V3" s="498"/>
      <c r="W3" s="498"/>
      <c r="X3" s="529"/>
    </row>
    <row r="4" spans="2:24" ht="21" customHeight="1" x14ac:dyDescent="0.2">
      <c r="B4" s="527"/>
      <c r="C4" s="530" t="s">
        <v>61</v>
      </c>
      <c r="D4" s="531"/>
      <c r="E4" s="532"/>
      <c r="F4" s="530" t="s">
        <v>62</v>
      </c>
      <c r="G4" s="531"/>
      <c r="H4" s="531"/>
      <c r="I4" s="531"/>
      <c r="J4" s="531"/>
      <c r="K4" s="531"/>
      <c r="L4" s="533"/>
      <c r="M4" s="534" t="s">
        <v>52</v>
      </c>
      <c r="N4" s="531" t="s">
        <v>61</v>
      </c>
      <c r="O4" s="531"/>
      <c r="P4" s="532"/>
      <c r="Q4" s="530" t="s">
        <v>62</v>
      </c>
      <c r="R4" s="531"/>
      <c r="S4" s="531"/>
      <c r="T4" s="531"/>
      <c r="U4" s="531"/>
      <c r="V4" s="531"/>
      <c r="W4" s="533"/>
      <c r="X4" s="534" t="s">
        <v>52</v>
      </c>
    </row>
    <row r="5" spans="2:24" ht="30" customHeight="1" thickBot="1" x14ac:dyDescent="0.25">
      <c r="B5" s="528"/>
      <c r="C5" s="188" t="s">
        <v>43</v>
      </c>
      <c r="D5" s="189" t="s">
        <v>44</v>
      </c>
      <c r="E5" s="193" t="s">
        <v>45</v>
      </c>
      <c r="F5" s="191" t="s">
        <v>83</v>
      </c>
      <c r="G5" s="189" t="s">
        <v>47</v>
      </c>
      <c r="H5" s="189" t="s">
        <v>48</v>
      </c>
      <c r="I5" s="189" t="s">
        <v>49</v>
      </c>
      <c r="J5" s="189" t="s">
        <v>50</v>
      </c>
      <c r="K5" s="189" t="s">
        <v>51</v>
      </c>
      <c r="L5" s="193" t="s">
        <v>45</v>
      </c>
      <c r="M5" s="502"/>
      <c r="N5" s="189" t="s">
        <v>43</v>
      </c>
      <c r="O5" s="189" t="s">
        <v>44</v>
      </c>
      <c r="P5" s="193" t="s">
        <v>45</v>
      </c>
      <c r="Q5" s="191" t="s">
        <v>83</v>
      </c>
      <c r="R5" s="189" t="s">
        <v>47</v>
      </c>
      <c r="S5" s="189" t="s">
        <v>48</v>
      </c>
      <c r="T5" s="189" t="s">
        <v>49</v>
      </c>
      <c r="U5" s="189" t="s">
        <v>50</v>
      </c>
      <c r="V5" s="189" t="s">
        <v>51</v>
      </c>
      <c r="W5" s="193" t="s">
        <v>45</v>
      </c>
      <c r="X5" s="502"/>
    </row>
    <row r="6" spans="2:24" ht="21" customHeight="1" x14ac:dyDescent="0.2">
      <c r="B6" s="426" t="s">
        <v>4</v>
      </c>
      <c r="C6" s="423">
        <v>0</v>
      </c>
      <c r="D6" s="196">
        <v>0</v>
      </c>
      <c r="E6" s="201">
        <v>0</v>
      </c>
      <c r="F6" s="198">
        <v>0</v>
      </c>
      <c r="G6" s="196">
        <v>96739</v>
      </c>
      <c r="H6" s="196">
        <v>99243</v>
      </c>
      <c r="I6" s="196">
        <v>58461</v>
      </c>
      <c r="J6" s="196">
        <v>29467</v>
      </c>
      <c r="K6" s="196">
        <v>13262</v>
      </c>
      <c r="L6" s="201">
        <v>297172</v>
      </c>
      <c r="M6" s="200">
        <v>297172</v>
      </c>
      <c r="N6" s="196">
        <v>21</v>
      </c>
      <c r="O6" s="196">
        <v>36</v>
      </c>
      <c r="P6" s="201">
        <v>57</v>
      </c>
      <c r="Q6" s="198">
        <v>0</v>
      </c>
      <c r="R6" s="196">
        <v>6123</v>
      </c>
      <c r="S6" s="196">
        <v>8687</v>
      </c>
      <c r="T6" s="196">
        <v>10873</v>
      </c>
      <c r="U6" s="196">
        <v>6222</v>
      </c>
      <c r="V6" s="196">
        <v>4721</v>
      </c>
      <c r="W6" s="201">
        <v>36626</v>
      </c>
      <c r="X6" s="200">
        <v>36683</v>
      </c>
    </row>
    <row r="7" spans="2:24" ht="21" customHeight="1" x14ac:dyDescent="0.2">
      <c r="B7" s="420" t="s">
        <v>5</v>
      </c>
      <c r="C7" s="424">
        <v>0</v>
      </c>
      <c r="D7" s="203">
        <v>0</v>
      </c>
      <c r="E7" s="208">
        <v>0</v>
      </c>
      <c r="F7" s="205">
        <v>0</v>
      </c>
      <c r="G7" s="203">
        <v>33180</v>
      </c>
      <c r="H7" s="203">
        <v>46810</v>
      </c>
      <c r="I7" s="203">
        <v>27152</v>
      </c>
      <c r="J7" s="203">
        <v>13648</v>
      </c>
      <c r="K7" s="203">
        <v>6038</v>
      </c>
      <c r="L7" s="208">
        <v>126828</v>
      </c>
      <c r="M7" s="207">
        <v>126828</v>
      </c>
      <c r="N7" s="203">
        <v>11</v>
      </c>
      <c r="O7" s="203">
        <v>3</v>
      </c>
      <c r="P7" s="208">
        <v>14</v>
      </c>
      <c r="Q7" s="205">
        <v>0</v>
      </c>
      <c r="R7" s="203">
        <v>3041</v>
      </c>
      <c r="S7" s="203">
        <v>4483</v>
      </c>
      <c r="T7" s="203">
        <v>5526</v>
      </c>
      <c r="U7" s="203">
        <v>3545</v>
      </c>
      <c r="V7" s="203">
        <v>2465</v>
      </c>
      <c r="W7" s="208">
        <v>19060</v>
      </c>
      <c r="X7" s="207">
        <v>19074</v>
      </c>
    </row>
    <row r="8" spans="2:24" ht="21" customHeight="1" x14ac:dyDescent="0.2">
      <c r="B8" s="421" t="s">
        <v>6</v>
      </c>
      <c r="C8" s="424">
        <v>0</v>
      </c>
      <c r="D8" s="203">
        <v>0</v>
      </c>
      <c r="E8" s="208">
        <v>0</v>
      </c>
      <c r="F8" s="205">
        <v>0</v>
      </c>
      <c r="G8" s="203">
        <v>13424</v>
      </c>
      <c r="H8" s="203">
        <v>10639</v>
      </c>
      <c r="I8" s="203">
        <v>6935</v>
      </c>
      <c r="J8" s="203">
        <v>3919</v>
      </c>
      <c r="K8" s="203">
        <v>2121</v>
      </c>
      <c r="L8" s="208">
        <v>37038</v>
      </c>
      <c r="M8" s="207">
        <v>37038</v>
      </c>
      <c r="N8" s="203">
        <v>2</v>
      </c>
      <c r="O8" s="203">
        <v>0</v>
      </c>
      <c r="P8" s="208">
        <v>2</v>
      </c>
      <c r="Q8" s="205">
        <v>0</v>
      </c>
      <c r="R8" s="203">
        <v>1355</v>
      </c>
      <c r="S8" s="203">
        <v>2011</v>
      </c>
      <c r="T8" s="203">
        <v>2474</v>
      </c>
      <c r="U8" s="203">
        <v>1290</v>
      </c>
      <c r="V8" s="203">
        <v>1135</v>
      </c>
      <c r="W8" s="208">
        <v>8265</v>
      </c>
      <c r="X8" s="207">
        <v>8267</v>
      </c>
    </row>
    <row r="9" spans="2:24" ht="21" customHeight="1" x14ac:dyDescent="0.2">
      <c r="B9" s="421" t="s">
        <v>14</v>
      </c>
      <c r="C9" s="424">
        <v>0</v>
      </c>
      <c r="D9" s="203">
        <v>0</v>
      </c>
      <c r="E9" s="208">
        <v>0</v>
      </c>
      <c r="F9" s="205">
        <v>0</v>
      </c>
      <c r="G9" s="203">
        <v>7722</v>
      </c>
      <c r="H9" s="203">
        <v>9226</v>
      </c>
      <c r="I9" s="203">
        <v>4997</v>
      </c>
      <c r="J9" s="203">
        <v>2701</v>
      </c>
      <c r="K9" s="203">
        <v>1188</v>
      </c>
      <c r="L9" s="208">
        <v>25834</v>
      </c>
      <c r="M9" s="207">
        <v>25834</v>
      </c>
      <c r="N9" s="203">
        <v>0</v>
      </c>
      <c r="O9" s="203">
        <v>0</v>
      </c>
      <c r="P9" s="208">
        <v>0</v>
      </c>
      <c r="Q9" s="205">
        <v>0</v>
      </c>
      <c r="R9" s="203">
        <v>121</v>
      </c>
      <c r="S9" s="203">
        <v>199</v>
      </c>
      <c r="T9" s="203">
        <v>467</v>
      </c>
      <c r="U9" s="203">
        <v>191</v>
      </c>
      <c r="V9" s="203">
        <v>214</v>
      </c>
      <c r="W9" s="208">
        <v>1192</v>
      </c>
      <c r="X9" s="207">
        <v>1192</v>
      </c>
    </row>
    <row r="10" spans="2:24" ht="21" customHeight="1" x14ac:dyDescent="0.2">
      <c r="B10" s="421" t="s">
        <v>7</v>
      </c>
      <c r="C10" s="424">
        <v>0</v>
      </c>
      <c r="D10" s="203">
        <v>0</v>
      </c>
      <c r="E10" s="208">
        <v>0</v>
      </c>
      <c r="F10" s="205">
        <v>0</v>
      </c>
      <c r="G10" s="203">
        <v>7862</v>
      </c>
      <c r="H10" s="203">
        <v>5138</v>
      </c>
      <c r="I10" s="203">
        <v>2383</v>
      </c>
      <c r="J10" s="203">
        <v>960</v>
      </c>
      <c r="K10" s="203">
        <v>500</v>
      </c>
      <c r="L10" s="208">
        <v>16843</v>
      </c>
      <c r="M10" s="207">
        <v>16843</v>
      </c>
      <c r="N10" s="203">
        <v>0</v>
      </c>
      <c r="O10" s="203">
        <v>1</v>
      </c>
      <c r="P10" s="208">
        <v>1</v>
      </c>
      <c r="Q10" s="205">
        <v>0</v>
      </c>
      <c r="R10" s="203">
        <v>620</v>
      </c>
      <c r="S10" s="203">
        <v>710</v>
      </c>
      <c r="T10" s="203">
        <v>840</v>
      </c>
      <c r="U10" s="203">
        <v>369</v>
      </c>
      <c r="V10" s="203">
        <v>196</v>
      </c>
      <c r="W10" s="208">
        <v>2735</v>
      </c>
      <c r="X10" s="207">
        <v>2736</v>
      </c>
    </row>
    <row r="11" spans="2:24" ht="21" customHeight="1" x14ac:dyDescent="0.2">
      <c r="B11" s="421" t="s">
        <v>8</v>
      </c>
      <c r="C11" s="424">
        <v>0</v>
      </c>
      <c r="D11" s="203">
        <v>0</v>
      </c>
      <c r="E11" s="208">
        <v>0</v>
      </c>
      <c r="F11" s="205">
        <v>0</v>
      </c>
      <c r="G11" s="203">
        <v>4742</v>
      </c>
      <c r="H11" s="203">
        <v>4733</v>
      </c>
      <c r="I11" s="203">
        <v>2287</v>
      </c>
      <c r="J11" s="203">
        <v>1060</v>
      </c>
      <c r="K11" s="203">
        <v>572</v>
      </c>
      <c r="L11" s="208">
        <v>13394</v>
      </c>
      <c r="M11" s="207">
        <v>13394</v>
      </c>
      <c r="N11" s="203">
        <v>0</v>
      </c>
      <c r="O11" s="203">
        <v>0</v>
      </c>
      <c r="P11" s="208">
        <v>0</v>
      </c>
      <c r="Q11" s="205">
        <v>0</v>
      </c>
      <c r="R11" s="203">
        <v>43</v>
      </c>
      <c r="S11" s="203">
        <v>96</v>
      </c>
      <c r="T11" s="203">
        <v>69</v>
      </c>
      <c r="U11" s="203">
        <v>134</v>
      </c>
      <c r="V11" s="203">
        <v>67</v>
      </c>
      <c r="W11" s="208">
        <v>409</v>
      </c>
      <c r="X11" s="207">
        <v>409</v>
      </c>
    </row>
    <row r="12" spans="2:24" ht="21" customHeight="1" x14ac:dyDescent="0.2">
      <c r="B12" s="421" t="s">
        <v>9</v>
      </c>
      <c r="C12" s="424">
        <v>0</v>
      </c>
      <c r="D12" s="203">
        <v>0</v>
      </c>
      <c r="E12" s="208">
        <v>0</v>
      </c>
      <c r="F12" s="205">
        <v>0</v>
      </c>
      <c r="G12" s="203">
        <v>3031</v>
      </c>
      <c r="H12" s="203">
        <v>2065</v>
      </c>
      <c r="I12" s="203">
        <v>1582</v>
      </c>
      <c r="J12" s="203">
        <v>954</v>
      </c>
      <c r="K12" s="203">
        <v>312</v>
      </c>
      <c r="L12" s="208">
        <v>7944</v>
      </c>
      <c r="M12" s="207">
        <v>7944</v>
      </c>
      <c r="N12" s="203">
        <v>0</v>
      </c>
      <c r="O12" s="203">
        <v>0</v>
      </c>
      <c r="P12" s="208">
        <v>0</v>
      </c>
      <c r="Q12" s="205">
        <v>0</v>
      </c>
      <c r="R12" s="203">
        <v>25</v>
      </c>
      <c r="S12" s="203">
        <v>61</v>
      </c>
      <c r="T12" s="203">
        <v>53</v>
      </c>
      <c r="U12" s="203">
        <v>0</v>
      </c>
      <c r="V12" s="203">
        <v>56</v>
      </c>
      <c r="W12" s="208">
        <v>195</v>
      </c>
      <c r="X12" s="207">
        <v>195</v>
      </c>
    </row>
    <row r="13" spans="2:24" ht="21" customHeight="1" x14ac:dyDescent="0.2">
      <c r="B13" s="421" t="s">
        <v>10</v>
      </c>
      <c r="C13" s="424">
        <v>0</v>
      </c>
      <c r="D13" s="203">
        <v>0</v>
      </c>
      <c r="E13" s="208">
        <v>0</v>
      </c>
      <c r="F13" s="205">
        <v>0</v>
      </c>
      <c r="G13" s="203">
        <v>4013</v>
      </c>
      <c r="H13" s="203">
        <v>2063</v>
      </c>
      <c r="I13" s="203">
        <v>1134</v>
      </c>
      <c r="J13" s="203">
        <v>607</v>
      </c>
      <c r="K13" s="203">
        <v>206</v>
      </c>
      <c r="L13" s="208">
        <v>8023</v>
      </c>
      <c r="M13" s="207">
        <v>8023</v>
      </c>
      <c r="N13" s="203">
        <v>0</v>
      </c>
      <c r="O13" s="203">
        <v>4</v>
      </c>
      <c r="P13" s="208">
        <v>4</v>
      </c>
      <c r="Q13" s="205">
        <v>0</v>
      </c>
      <c r="R13" s="203">
        <v>79</v>
      </c>
      <c r="S13" s="203">
        <v>104</v>
      </c>
      <c r="T13" s="203">
        <v>275</v>
      </c>
      <c r="U13" s="203">
        <v>164</v>
      </c>
      <c r="V13" s="203">
        <v>111</v>
      </c>
      <c r="W13" s="208">
        <v>733</v>
      </c>
      <c r="X13" s="207">
        <v>737</v>
      </c>
    </row>
    <row r="14" spans="2:24" ht="21" customHeight="1" x14ac:dyDescent="0.2">
      <c r="B14" s="421" t="s">
        <v>11</v>
      </c>
      <c r="C14" s="424">
        <v>0</v>
      </c>
      <c r="D14" s="203">
        <v>0</v>
      </c>
      <c r="E14" s="208">
        <v>0</v>
      </c>
      <c r="F14" s="205">
        <v>0</v>
      </c>
      <c r="G14" s="203">
        <v>4037</v>
      </c>
      <c r="H14" s="203">
        <v>2501</v>
      </c>
      <c r="I14" s="203">
        <v>1692</v>
      </c>
      <c r="J14" s="203">
        <v>776</v>
      </c>
      <c r="K14" s="203">
        <v>448</v>
      </c>
      <c r="L14" s="208">
        <v>9454</v>
      </c>
      <c r="M14" s="207">
        <v>9454</v>
      </c>
      <c r="N14" s="203">
        <v>0</v>
      </c>
      <c r="O14" s="203">
        <v>0</v>
      </c>
      <c r="P14" s="208">
        <v>0</v>
      </c>
      <c r="Q14" s="205">
        <v>0</v>
      </c>
      <c r="R14" s="203">
        <v>187</v>
      </c>
      <c r="S14" s="203">
        <v>229</v>
      </c>
      <c r="T14" s="203">
        <v>129</v>
      </c>
      <c r="U14" s="203">
        <v>8</v>
      </c>
      <c r="V14" s="203">
        <v>11</v>
      </c>
      <c r="W14" s="208">
        <v>564</v>
      </c>
      <c r="X14" s="207">
        <v>564</v>
      </c>
    </row>
    <row r="15" spans="2:24" ht="21" customHeight="1" x14ac:dyDescent="0.2">
      <c r="B15" s="421" t="s">
        <v>12</v>
      </c>
      <c r="C15" s="424">
        <v>0</v>
      </c>
      <c r="D15" s="203">
        <v>0</v>
      </c>
      <c r="E15" s="208">
        <v>0</v>
      </c>
      <c r="F15" s="205">
        <v>0</v>
      </c>
      <c r="G15" s="203">
        <v>2952</v>
      </c>
      <c r="H15" s="203">
        <v>2060</v>
      </c>
      <c r="I15" s="203">
        <v>1364</v>
      </c>
      <c r="J15" s="203">
        <v>587</v>
      </c>
      <c r="K15" s="203">
        <v>193</v>
      </c>
      <c r="L15" s="208">
        <v>7156</v>
      </c>
      <c r="M15" s="207">
        <v>7156</v>
      </c>
      <c r="N15" s="203">
        <v>0</v>
      </c>
      <c r="O15" s="203">
        <v>0</v>
      </c>
      <c r="P15" s="208">
        <v>0</v>
      </c>
      <c r="Q15" s="205">
        <v>0</v>
      </c>
      <c r="R15" s="203">
        <v>36</v>
      </c>
      <c r="S15" s="203">
        <v>4</v>
      </c>
      <c r="T15" s="203">
        <v>2</v>
      </c>
      <c r="U15" s="203">
        <v>6</v>
      </c>
      <c r="V15" s="203">
        <v>14</v>
      </c>
      <c r="W15" s="208">
        <v>62</v>
      </c>
      <c r="X15" s="207">
        <v>62</v>
      </c>
    </row>
    <row r="16" spans="2:24" ht="21" customHeight="1" x14ac:dyDescent="0.2">
      <c r="B16" s="421" t="s">
        <v>13</v>
      </c>
      <c r="C16" s="424">
        <v>0</v>
      </c>
      <c r="D16" s="203">
        <v>0</v>
      </c>
      <c r="E16" s="208">
        <v>0</v>
      </c>
      <c r="F16" s="205">
        <v>0</v>
      </c>
      <c r="G16" s="203">
        <v>986</v>
      </c>
      <c r="H16" s="203">
        <v>1163</v>
      </c>
      <c r="I16" s="203">
        <v>679</v>
      </c>
      <c r="J16" s="203">
        <v>233</v>
      </c>
      <c r="K16" s="203">
        <v>98</v>
      </c>
      <c r="L16" s="208">
        <v>3159</v>
      </c>
      <c r="M16" s="207">
        <v>3159</v>
      </c>
      <c r="N16" s="203">
        <v>0</v>
      </c>
      <c r="O16" s="203">
        <v>0</v>
      </c>
      <c r="P16" s="208">
        <v>0</v>
      </c>
      <c r="Q16" s="205">
        <v>0</v>
      </c>
      <c r="R16" s="203">
        <v>12</v>
      </c>
      <c r="S16" s="203">
        <v>59</v>
      </c>
      <c r="T16" s="203">
        <v>136</v>
      </c>
      <c r="U16" s="203">
        <v>33</v>
      </c>
      <c r="V16" s="203">
        <v>64</v>
      </c>
      <c r="W16" s="208">
        <v>304</v>
      </c>
      <c r="X16" s="207">
        <v>304</v>
      </c>
    </row>
    <row r="17" spans="2:24" ht="21" customHeight="1" x14ac:dyDescent="0.2">
      <c r="B17" s="421" t="s">
        <v>15</v>
      </c>
      <c r="C17" s="424">
        <v>0</v>
      </c>
      <c r="D17" s="203">
        <v>0</v>
      </c>
      <c r="E17" s="208">
        <v>0</v>
      </c>
      <c r="F17" s="205">
        <v>0</v>
      </c>
      <c r="G17" s="203">
        <v>1206</v>
      </c>
      <c r="H17" s="203">
        <v>1254</v>
      </c>
      <c r="I17" s="203">
        <v>741</v>
      </c>
      <c r="J17" s="203">
        <v>237</v>
      </c>
      <c r="K17" s="203">
        <v>100</v>
      </c>
      <c r="L17" s="208">
        <v>3538</v>
      </c>
      <c r="M17" s="207">
        <v>3538</v>
      </c>
      <c r="N17" s="203">
        <v>0</v>
      </c>
      <c r="O17" s="203">
        <v>9</v>
      </c>
      <c r="P17" s="208">
        <v>9</v>
      </c>
      <c r="Q17" s="205">
        <v>0</v>
      </c>
      <c r="R17" s="203">
        <v>15</v>
      </c>
      <c r="S17" s="203">
        <v>11</v>
      </c>
      <c r="T17" s="203">
        <v>50</v>
      </c>
      <c r="U17" s="203">
        <v>14</v>
      </c>
      <c r="V17" s="203">
        <v>23</v>
      </c>
      <c r="W17" s="208">
        <v>113</v>
      </c>
      <c r="X17" s="207">
        <v>122</v>
      </c>
    </row>
    <row r="18" spans="2:24" ht="21" customHeight="1" x14ac:dyDescent="0.2">
      <c r="B18" s="421" t="s">
        <v>16</v>
      </c>
      <c r="C18" s="424">
        <v>0</v>
      </c>
      <c r="D18" s="203">
        <v>0</v>
      </c>
      <c r="E18" s="208">
        <v>0</v>
      </c>
      <c r="F18" s="205">
        <v>0</v>
      </c>
      <c r="G18" s="203">
        <v>1125</v>
      </c>
      <c r="H18" s="203">
        <v>1443</v>
      </c>
      <c r="I18" s="203">
        <v>879</v>
      </c>
      <c r="J18" s="203">
        <v>373</v>
      </c>
      <c r="K18" s="203">
        <v>162</v>
      </c>
      <c r="L18" s="208">
        <v>3982</v>
      </c>
      <c r="M18" s="207">
        <v>3982</v>
      </c>
      <c r="N18" s="203">
        <v>0</v>
      </c>
      <c r="O18" s="203">
        <v>0</v>
      </c>
      <c r="P18" s="208">
        <v>0</v>
      </c>
      <c r="Q18" s="205">
        <v>0</v>
      </c>
      <c r="R18" s="203">
        <v>63</v>
      </c>
      <c r="S18" s="203">
        <v>100</v>
      </c>
      <c r="T18" s="203">
        <v>52</v>
      </c>
      <c r="U18" s="203">
        <v>31</v>
      </c>
      <c r="V18" s="203">
        <v>70</v>
      </c>
      <c r="W18" s="208">
        <v>316</v>
      </c>
      <c r="X18" s="207">
        <v>316</v>
      </c>
    </row>
    <row r="19" spans="2:24" ht="21" customHeight="1" x14ac:dyDescent="0.2">
      <c r="B19" s="421" t="s">
        <v>17</v>
      </c>
      <c r="C19" s="424">
        <v>0</v>
      </c>
      <c r="D19" s="203">
        <v>0</v>
      </c>
      <c r="E19" s="208">
        <v>0</v>
      </c>
      <c r="F19" s="205">
        <v>0</v>
      </c>
      <c r="G19" s="203">
        <v>1991</v>
      </c>
      <c r="H19" s="203">
        <v>2514</v>
      </c>
      <c r="I19" s="203">
        <v>1486</v>
      </c>
      <c r="J19" s="203">
        <v>1152</v>
      </c>
      <c r="K19" s="203">
        <v>470</v>
      </c>
      <c r="L19" s="208">
        <v>7613</v>
      </c>
      <c r="M19" s="207">
        <v>7613</v>
      </c>
      <c r="N19" s="203">
        <v>8</v>
      </c>
      <c r="O19" s="203">
        <v>19</v>
      </c>
      <c r="P19" s="208">
        <v>27</v>
      </c>
      <c r="Q19" s="205">
        <v>0</v>
      </c>
      <c r="R19" s="203">
        <v>161</v>
      </c>
      <c r="S19" s="203">
        <v>198</v>
      </c>
      <c r="T19" s="203">
        <v>135</v>
      </c>
      <c r="U19" s="203">
        <v>129</v>
      </c>
      <c r="V19" s="203">
        <v>41</v>
      </c>
      <c r="W19" s="208">
        <v>664</v>
      </c>
      <c r="X19" s="207">
        <v>691</v>
      </c>
    </row>
    <row r="20" spans="2:24" ht="21" customHeight="1" x14ac:dyDescent="0.2">
      <c r="B20" s="421" t="s">
        <v>18</v>
      </c>
      <c r="C20" s="424">
        <v>0</v>
      </c>
      <c r="D20" s="203">
        <v>0</v>
      </c>
      <c r="E20" s="208">
        <v>0</v>
      </c>
      <c r="F20" s="205">
        <v>0</v>
      </c>
      <c r="G20" s="203">
        <v>2217</v>
      </c>
      <c r="H20" s="203">
        <v>1611</v>
      </c>
      <c r="I20" s="203">
        <v>1001</v>
      </c>
      <c r="J20" s="203">
        <v>357</v>
      </c>
      <c r="K20" s="203">
        <v>204</v>
      </c>
      <c r="L20" s="208">
        <v>5390</v>
      </c>
      <c r="M20" s="207">
        <v>5390</v>
      </c>
      <c r="N20" s="203">
        <v>0</v>
      </c>
      <c r="O20" s="203">
        <v>0</v>
      </c>
      <c r="P20" s="208">
        <v>0</v>
      </c>
      <c r="Q20" s="205">
        <v>0</v>
      </c>
      <c r="R20" s="203">
        <v>116</v>
      </c>
      <c r="S20" s="203">
        <v>74</v>
      </c>
      <c r="T20" s="203">
        <v>297</v>
      </c>
      <c r="U20" s="203">
        <v>129</v>
      </c>
      <c r="V20" s="203">
        <v>63</v>
      </c>
      <c r="W20" s="208">
        <v>679</v>
      </c>
      <c r="X20" s="207">
        <v>679</v>
      </c>
    </row>
    <row r="21" spans="2:24" ht="21" customHeight="1" x14ac:dyDescent="0.2">
      <c r="B21" s="421" t="s">
        <v>19</v>
      </c>
      <c r="C21" s="424">
        <v>0</v>
      </c>
      <c r="D21" s="203">
        <v>0</v>
      </c>
      <c r="E21" s="208">
        <v>0</v>
      </c>
      <c r="F21" s="205">
        <v>0</v>
      </c>
      <c r="G21" s="203">
        <v>882</v>
      </c>
      <c r="H21" s="203">
        <v>769</v>
      </c>
      <c r="I21" s="203">
        <v>448</v>
      </c>
      <c r="J21" s="203">
        <v>180</v>
      </c>
      <c r="K21" s="203">
        <v>87</v>
      </c>
      <c r="L21" s="208">
        <v>2366</v>
      </c>
      <c r="M21" s="207">
        <v>2366</v>
      </c>
      <c r="N21" s="203">
        <v>0</v>
      </c>
      <c r="O21" s="203">
        <v>0</v>
      </c>
      <c r="P21" s="208">
        <v>0</v>
      </c>
      <c r="Q21" s="205">
        <v>0</v>
      </c>
      <c r="R21" s="203">
        <v>81</v>
      </c>
      <c r="S21" s="203">
        <v>192</v>
      </c>
      <c r="T21" s="203">
        <v>186</v>
      </c>
      <c r="U21" s="203">
        <v>37</v>
      </c>
      <c r="V21" s="203">
        <v>59</v>
      </c>
      <c r="W21" s="208">
        <v>555</v>
      </c>
      <c r="X21" s="207">
        <v>555</v>
      </c>
    </row>
    <row r="22" spans="2:24" ht="21" customHeight="1" x14ac:dyDescent="0.2">
      <c r="B22" s="421" t="s">
        <v>20</v>
      </c>
      <c r="C22" s="424">
        <v>0</v>
      </c>
      <c r="D22" s="203">
        <v>0</v>
      </c>
      <c r="E22" s="208">
        <v>0</v>
      </c>
      <c r="F22" s="205">
        <v>0</v>
      </c>
      <c r="G22" s="203">
        <v>1185</v>
      </c>
      <c r="H22" s="203">
        <v>739</v>
      </c>
      <c r="I22" s="203">
        <v>494</v>
      </c>
      <c r="J22" s="203">
        <v>188</v>
      </c>
      <c r="K22" s="203">
        <v>47</v>
      </c>
      <c r="L22" s="208">
        <v>2653</v>
      </c>
      <c r="M22" s="207">
        <v>2653</v>
      </c>
      <c r="N22" s="203">
        <v>0</v>
      </c>
      <c r="O22" s="203">
        <v>0</v>
      </c>
      <c r="P22" s="208">
        <v>0</v>
      </c>
      <c r="Q22" s="205">
        <v>0</v>
      </c>
      <c r="R22" s="203">
        <v>30</v>
      </c>
      <c r="S22" s="203">
        <v>4</v>
      </c>
      <c r="T22" s="203">
        <v>35</v>
      </c>
      <c r="U22" s="203">
        <v>13</v>
      </c>
      <c r="V22" s="203">
        <v>20</v>
      </c>
      <c r="W22" s="208">
        <v>102</v>
      </c>
      <c r="X22" s="207">
        <v>102</v>
      </c>
    </row>
    <row r="23" spans="2:24" ht="21" customHeight="1" x14ac:dyDescent="0.2">
      <c r="B23" s="421" t="s">
        <v>21</v>
      </c>
      <c r="C23" s="424">
        <v>0</v>
      </c>
      <c r="D23" s="203">
        <v>0</v>
      </c>
      <c r="E23" s="208">
        <v>0</v>
      </c>
      <c r="F23" s="205">
        <v>0</v>
      </c>
      <c r="G23" s="203">
        <v>1438</v>
      </c>
      <c r="H23" s="203">
        <v>1255</v>
      </c>
      <c r="I23" s="203">
        <v>732</v>
      </c>
      <c r="J23" s="203">
        <v>319</v>
      </c>
      <c r="K23" s="203">
        <v>79</v>
      </c>
      <c r="L23" s="208">
        <v>3823</v>
      </c>
      <c r="M23" s="207">
        <v>3823</v>
      </c>
      <c r="N23" s="203">
        <v>0</v>
      </c>
      <c r="O23" s="203">
        <v>0</v>
      </c>
      <c r="P23" s="208">
        <v>0</v>
      </c>
      <c r="Q23" s="205">
        <v>0</v>
      </c>
      <c r="R23" s="203">
        <v>0</v>
      </c>
      <c r="S23" s="203">
        <v>0</v>
      </c>
      <c r="T23" s="203">
        <v>0</v>
      </c>
      <c r="U23" s="203">
        <v>0</v>
      </c>
      <c r="V23" s="203">
        <v>0</v>
      </c>
      <c r="W23" s="208">
        <v>0</v>
      </c>
      <c r="X23" s="207">
        <v>0</v>
      </c>
    </row>
    <row r="24" spans="2:24" ht="21" customHeight="1" x14ac:dyDescent="0.2">
      <c r="B24" s="421" t="s">
        <v>22</v>
      </c>
      <c r="C24" s="424">
        <v>0</v>
      </c>
      <c r="D24" s="203">
        <v>0</v>
      </c>
      <c r="E24" s="208">
        <v>0</v>
      </c>
      <c r="F24" s="205">
        <v>0</v>
      </c>
      <c r="G24" s="203">
        <v>838</v>
      </c>
      <c r="H24" s="203">
        <v>841</v>
      </c>
      <c r="I24" s="203">
        <v>607</v>
      </c>
      <c r="J24" s="203">
        <v>294</v>
      </c>
      <c r="K24" s="203">
        <v>36</v>
      </c>
      <c r="L24" s="208">
        <v>2616</v>
      </c>
      <c r="M24" s="207">
        <v>2616</v>
      </c>
      <c r="N24" s="203">
        <v>0</v>
      </c>
      <c r="O24" s="203">
        <v>0</v>
      </c>
      <c r="P24" s="208">
        <v>0</v>
      </c>
      <c r="Q24" s="205">
        <v>0</v>
      </c>
      <c r="R24" s="203">
        <v>9</v>
      </c>
      <c r="S24" s="203">
        <v>8</v>
      </c>
      <c r="T24" s="203">
        <v>44</v>
      </c>
      <c r="U24" s="203">
        <v>27</v>
      </c>
      <c r="V24" s="203">
        <v>15</v>
      </c>
      <c r="W24" s="208">
        <v>103</v>
      </c>
      <c r="X24" s="207">
        <v>103</v>
      </c>
    </row>
    <row r="25" spans="2:24" ht="21" customHeight="1" x14ac:dyDescent="0.2">
      <c r="B25" s="421" t="s">
        <v>23</v>
      </c>
      <c r="C25" s="424">
        <v>0</v>
      </c>
      <c r="D25" s="203">
        <v>0</v>
      </c>
      <c r="E25" s="208">
        <v>0</v>
      </c>
      <c r="F25" s="205">
        <v>0</v>
      </c>
      <c r="G25" s="203">
        <v>399</v>
      </c>
      <c r="H25" s="203">
        <v>285</v>
      </c>
      <c r="I25" s="203">
        <v>262</v>
      </c>
      <c r="J25" s="203">
        <v>234</v>
      </c>
      <c r="K25" s="203">
        <v>29</v>
      </c>
      <c r="L25" s="208">
        <v>1209</v>
      </c>
      <c r="M25" s="207">
        <v>1209</v>
      </c>
      <c r="N25" s="203">
        <v>0</v>
      </c>
      <c r="O25" s="203">
        <v>0</v>
      </c>
      <c r="P25" s="208">
        <v>0</v>
      </c>
      <c r="Q25" s="205">
        <v>0</v>
      </c>
      <c r="R25" s="203">
        <v>0</v>
      </c>
      <c r="S25" s="203">
        <v>0</v>
      </c>
      <c r="T25" s="203">
        <v>19</v>
      </c>
      <c r="U25" s="203">
        <v>21</v>
      </c>
      <c r="V25" s="203">
        <v>0</v>
      </c>
      <c r="W25" s="208">
        <v>40</v>
      </c>
      <c r="X25" s="207">
        <v>40</v>
      </c>
    </row>
    <row r="26" spans="2:24" ht="21" customHeight="1" x14ac:dyDescent="0.2">
      <c r="B26" s="421" t="s">
        <v>24</v>
      </c>
      <c r="C26" s="424">
        <v>0</v>
      </c>
      <c r="D26" s="203">
        <v>0</v>
      </c>
      <c r="E26" s="208">
        <v>0</v>
      </c>
      <c r="F26" s="205">
        <v>0</v>
      </c>
      <c r="G26" s="203">
        <v>203</v>
      </c>
      <c r="H26" s="203">
        <v>144</v>
      </c>
      <c r="I26" s="203">
        <v>123</v>
      </c>
      <c r="J26" s="203">
        <v>53</v>
      </c>
      <c r="K26" s="203">
        <v>3</v>
      </c>
      <c r="L26" s="208">
        <v>526</v>
      </c>
      <c r="M26" s="207">
        <v>526</v>
      </c>
      <c r="N26" s="203">
        <v>0</v>
      </c>
      <c r="O26" s="203">
        <v>0</v>
      </c>
      <c r="P26" s="208">
        <v>0</v>
      </c>
      <c r="Q26" s="205">
        <v>0</v>
      </c>
      <c r="R26" s="203">
        <v>39</v>
      </c>
      <c r="S26" s="203">
        <v>55</v>
      </c>
      <c r="T26" s="203">
        <v>26</v>
      </c>
      <c r="U26" s="203">
        <v>24</v>
      </c>
      <c r="V26" s="203">
        <v>7</v>
      </c>
      <c r="W26" s="208">
        <v>151</v>
      </c>
      <c r="X26" s="207">
        <v>151</v>
      </c>
    </row>
    <row r="27" spans="2:24" ht="21" customHeight="1" x14ac:dyDescent="0.2">
      <c r="B27" s="421" t="s">
        <v>25</v>
      </c>
      <c r="C27" s="424">
        <v>0</v>
      </c>
      <c r="D27" s="203">
        <v>0</v>
      </c>
      <c r="E27" s="208">
        <v>0</v>
      </c>
      <c r="F27" s="205">
        <v>0</v>
      </c>
      <c r="G27" s="203">
        <v>667</v>
      </c>
      <c r="H27" s="203">
        <v>304</v>
      </c>
      <c r="I27" s="203">
        <v>162</v>
      </c>
      <c r="J27" s="203">
        <v>64</v>
      </c>
      <c r="K27" s="203">
        <v>3</v>
      </c>
      <c r="L27" s="208">
        <v>1200</v>
      </c>
      <c r="M27" s="207">
        <v>1200</v>
      </c>
      <c r="N27" s="203">
        <v>0</v>
      </c>
      <c r="O27" s="203">
        <v>0</v>
      </c>
      <c r="P27" s="208">
        <v>0</v>
      </c>
      <c r="Q27" s="205">
        <v>0</v>
      </c>
      <c r="R27" s="203">
        <v>0</v>
      </c>
      <c r="S27" s="203">
        <v>0</v>
      </c>
      <c r="T27" s="203">
        <v>0</v>
      </c>
      <c r="U27" s="203">
        <v>0</v>
      </c>
      <c r="V27" s="203">
        <v>0</v>
      </c>
      <c r="W27" s="208">
        <v>0</v>
      </c>
      <c r="X27" s="207">
        <v>0</v>
      </c>
    </row>
    <row r="28" spans="2:24" ht="21" customHeight="1" x14ac:dyDescent="0.2">
      <c r="B28" s="421" t="s">
        <v>26</v>
      </c>
      <c r="C28" s="424">
        <v>0</v>
      </c>
      <c r="D28" s="203">
        <v>0</v>
      </c>
      <c r="E28" s="208">
        <v>0</v>
      </c>
      <c r="F28" s="205">
        <v>0</v>
      </c>
      <c r="G28" s="203">
        <v>296</v>
      </c>
      <c r="H28" s="203">
        <v>310</v>
      </c>
      <c r="I28" s="203">
        <v>268</v>
      </c>
      <c r="J28" s="203">
        <v>87</v>
      </c>
      <c r="K28" s="203">
        <v>65</v>
      </c>
      <c r="L28" s="208">
        <v>1026</v>
      </c>
      <c r="M28" s="207">
        <v>1026</v>
      </c>
      <c r="N28" s="203">
        <v>0</v>
      </c>
      <c r="O28" s="203">
        <v>0</v>
      </c>
      <c r="P28" s="208">
        <v>0</v>
      </c>
      <c r="Q28" s="205">
        <v>0</v>
      </c>
      <c r="R28" s="203">
        <v>0</v>
      </c>
      <c r="S28" s="203">
        <v>26</v>
      </c>
      <c r="T28" s="203">
        <v>22</v>
      </c>
      <c r="U28" s="203">
        <v>0</v>
      </c>
      <c r="V28" s="203">
        <v>29</v>
      </c>
      <c r="W28" s="208">
        <v>77</v>
      </c>
      <c r="X28" s="207">
        <v>77</v>
      </c>
    </row>
    <row r="29" spans="2:24" ht="21" customHeight="1" x14ac:dyDescent="0.2">
      <c r="B29" s="421" t="s">
        <v>27</v>
      </c>
      <c r="C29" s="424">
        <v>0</v>
      </c>
      <c r="D29" s="203">
        <v>0</v>
      </c>
      <c r="E29" s="208">
        <v>0</v>
      </c>
      <c r="F29" s="205">
        <v>0</v>
      </c>
      <c r="G29" s="203">
        <v>262</v>
      </c>
      <c r="H29" s="203">
        <v>117</v>
      </c>
      <c r="I29" s="203">
        <v>62</v>
      </c>
      <c r="J29" s="203">
        <v>12</v>
      </c>
      <c r="K29" s="203">
        <v>0</v>
      </c>
      <c r="L29" s="208">
        <v>453</v>
      </c>
      <c r="M29" s="207">
        <v>453</v>
      </c>
      <c r="N29" s="203">
        <v>0</v>
      </c>
      <c r="O29" s="203">
        <v>0</v>
      </c>
      <c r="P29" s="208">
        <v>0</v>
      </c>
      <c r="Q29" s="205">
        <v>0</v>
      </c>
      <c r="R29" s="203">
        <v>5</v>
      </c>
      <c r="S29" s="203">
        <v>5</v>
      </c>
      <c r="T29" s="203">
        <v>24</v>
      </c>
      <c r="U29" s="203">
        <v>5</v>
      </c>
      <c r="V29" s="203">
        <v>23</v>
      </c>
      <c r="W29" s="208">
        <v>62</v>
      </c>
      <c r="X29" s="207">
        <v>62</v>
      </c>
    </row>
    <row r="30" spans="2:24" ht="21" customHeight="1" x14ac:dyDescent="0.2">
      <c r="B30" s="421" t="s">
        <v>28</v>
      </c>
      <c r="C30" s="424">
        <v>0</v>
      </c>
      <c r="D30" s="203">
        <v>0</v>
      </c>
      <c r="E30" s="208">
        <v>0</v>
      </c>
      <c r="F30" s="205">
        <v>0</v>
      </c>
      <c r="G30" s="203">
        <v>195</v>
      </c>
      <c r="H30" s="203">
        <v>87</v>
      </c>
      <c r="I30" s="203">
        <v>29</v>
      </c>
      <c r="J30" s="203">
        <v>24</v>
      </c>
      <c r="K30" s="203">
        <v>4</v>
      </c>
      <c r="L30" s="208">
        <v>339</v>
      </c>
      <c r="M30" s="207">
        <v>339</v>
      </c>
      <c r="N30" s="203">
        <v>0</v>
      </c>
      <c r="O30" s="203">
        <v>0</v>
      </c>
      <c r="P30" s="208">
        <v>0</v>
      </c>
      <c r="Q30" s="205">
        <v>0</v>
      </c>
      <c r="R30" s="203">
        <v>16</v>
      </c>
      <c r="S30" s="203">
        <v>12</v>
      </c>
      <c r="T30" s="203">
        <v>8</v>
      </c>
      <c r="U30" s="203">
        <v>23</v>
      </c>
      <c r="V30" s="203">
        <v>0</v>
      </c>
      <c r="W30" s="208">
        <v>59</v>
      </c>
      <c r="X30" s="207">
        <v>59</v>
      </c>
    </row>
    <row r="31" spans="2:24" ht="21" customHeight="1" x14ac:dyDescent="0.2">
      <c r="B31" s="421" t="s">
        <v>29</v>
      </c>
      <c r="C31" s="424">
        <v>0</v>
      </c>
      <c r="D31" s="203">
        <v>0</v>
      </c>
      <c r="E31" s="208">
        <v>0</v>
      </c>
      <c r="F31" s="205">
        <v>0</v>
      </c>
      <c r="G31" s="203">
        <v>102</v>
      </c>
      <c r="H31" s="203">
        <v>133</v>
      </c>
      <c r="I31" s="203">
        <v>73</v>
      </c>
      <c r="J31" s="203">
        <v>18</v>
      </c>
      <c r="K31" s="203">
        <v>3</v>
      </c>
      <c r="L31" s="208">
        <v>329</v>
      </c>
      <c r="M31" s="207">
        <v>329</v>
      </c>
      <c r="N31" s="203">
        <v>0</v>
      </c>
      <c r="O31" s="203">
        <v>0</v>
      </c>
      <c r="P31" s="208">
        <v>0</v>
      </c>
      <c r="Q31" s="205">
        <v>0</v>
      </c>
      <c r="R31" s="203">
        <v>10</v>
      </c>
      <c r="S31" s="203">
        <v>6</v>
      </c>
      <c r="T31" s="203">
        <v>0</v>
      </c>
      <c r="U31" s="203">
        <v>0</v>
      </c>
      <c r="V31" s="203">
        <v>0</v>
      </c>
      <c r="W31" s="208">
        <v>16</v>
      </c>
      <c r="X31" s="207">
        <v>16</v>
      </c>
    </row>
    <row r="32" spans="2:24" ht="21" customHeight="1" x14ac:dyDescent="0.2">
      <c r="B32" s="421" t="s">
        <v>30</v>
      </c>
      <c r="C32" s="424">
        <v>0</v>
      </c>
      <c r="D32" s="203">
        <v>0</v>
      </c>
      <c r="E32" s="208">
        <v>0</v>
      </c>
      <c r="F32" s="205">
        <v>0</v>
      </c>
      <c r="G32" s="203">
        <v>227</v>
      </c>
      <c r="H32" s="203">
        <v>75</v>
      </c>
      <c r="I32" s="203">
        <v>78</v>
      </c>
      <c r="J32" s="203">
        <v>48</v>
      </c>
      <c r="K32" s="203">
        <v>0</v>
      </c>
      <c r="L32" s="208">
        <v>428</v>
      </c>
      <c r="M32" s="207">
        <v>428</v>
      </c>
      <c r="N32" s="203">
        <v>0</v>
      </c>
      <c r="O32" s="203">
        <v>0</v>
      </c>
      <c r="P32" s="208">
        <v>0</v>
      </c>
      <c r="Q32" s="205">
        <v>0</v>
      </c>
      <c r="R32" s="203">
        <v>3</v>
      </c>
      <c r="S32" s="203">
        <v>27</v>
      </c>
      <c r="T32" s="203">
        <v>0</v>
      </c>
      <c r="U32" s="203">
        <v>0</v>
      </c>
      <c r="V32" s="203">
        <v>0</v>
      </c>
      <c r="W32" s="208">
        <v>30</v>
      </c>
      <c r="X32" s="207">
        <v>30</v>
      </c>
    </row>
    <row r="33" spans="2:24" ht="21" customHeight="1" x14ac:dyDescent="0.2">
      <c r="B33" s="421" t="s">
        <v>31</v>
      </c>
      <c r="C33" s="424">
        <v>0</v>
      </c>
      <c r="D33" s="203">
        <v>0</v>
      </c>
      <c r="E33" s="208">
        <v>0</v>
      </c>
      <c r="F33" s="205">
        <v>0</v>
      </c>
      <c r="G33" s="203">
        <v>152</v>
      </c>
      <c r="H33" s="203">
        <v>105</v>
      </c>
      <c r="I33" s="203">
        <v>49</v>
      </c>
      <c r="J33" s="203">
        <v>18</v>
      </c>
      <c r="K33" s="203">
        <v>0</v>
      </c>
      <c r="L33" s="208">
        <v>324</v>
      </c>
      <c r="M33" s="207">
        <v>324</v>
      </c>
      <c r="N33" s="203">
        <v>0</v>
      </c>
      <c r="O33" s="203">
        <v>0</v>
      </c>
      <c r="P33" s="208">
        <v>0</v>
      </c>
      <c r="Q33" s="205">
        <v>0</v>
      </c>
      <c r="R33" s="203">
        <v>0</v>
      </c>
      <c r="S33" s="203">
        <v>5</v>
      </c>
      <c r="T33" s="203">
        <v>4</v>
      </c>
      <c r="U33" s="203">
        <v>16</v>
      </c>
      <c r="V33" s="203">
        <v>16</v>
      </c>
      <c r="W33" s="208">
        <v>41</v>
      </c>
      <c r="X33" s="207">
        <v>41</v>
      </c>
    </row>
    <row r="34" spans="2:24" ht="21" customHeight="1" x14ac:dyDescent="0.2">
      <c r="B34" s="421" t="s">
        <v>32</v>
      </c>
      <c r="C34" s="424">
        <v>0</v>
      </c>
      <c r="D34" s="203">
        <v>0</v>
      </c>
      <c r="E34" s="208">
        <v>0</v>
      </c>
      <c r="F34" s="205">
        <v>0</v>
      </c>
      <c r="G34" s="203">
        <v>365</v>
      </c>
      <c r="H34" s="203">
        <v>203</v>
      </c>
      <c r="I34" s="203">
        <v>62</v>
      </c>
      <c r="J34" s="203">
        <v>23</v>
      </c>
      <c r="K34" s="203">
        <v>15</v>
      </c>
      <c r="L34" s="208">
        <v>668</v>
      </c>
      <c r="M34" s="207">
        <v>668</v>
      </c>
      <c r="N34" s="203">
        <v>0</v>
      </c>
      <c r="O34" s="203">
        <v>0</v>
      </c>
      <c r="P34" s="208">
        <v>0</v>
      </c>
      <c r="Q34" s="205">
        <v>0</v>
      </c>
      <c r="R34" s="203">
        <v>53</v>
      </c>
      <c r="S34" s="203">
        <v>8</v>
      </c>
      <c r="T34" s="203">
        <v>0</v>
      </c>
      <c r="U34" s="203">
        <v>0</v>
      </c>
      <c r="V34" s="203">
        <v>13</v>
      </c>
      <c r="W34" s="208">
        <v>74</v>
      </c>
      <c r="X34" s="207">
        <v>74</v>
      </c>
    </row>
    <row r="35" spans="2:24" ht="21" customHeight="1" x14ac:dyDescent="0.2">
      <c r="B35" s="421" t="s">
        <v>33</v>
      </c>
      <c r="C35" s="424">
        <v>0</v>
      </c>
      <c r="D35" s="203">
        <v>0</v>
      </c>
      <c r="E35" s="208">
        <v>0</v>
      </c>
      <c r="F35" s="205">
        <v>0</v>
      </c>
      <c r="G35" s="203">
        <v>147</v>
      </c>
      <c r="H35" s="203">
        <v>122</v>
      </c>
      <c r="I35" s="203">
        <v>60</v>
      </c>
      <c r="J35" s="203">
        <v>53</v>
      </c>
      <c r="K35" s="203">
        <v>6</v>
      </c>
      <c r="L35" s="208">
        <v>388</v>
      </c>
      <c r="M35" s="207">
        <v>388</v>
      </c>
      <c r="N35" s="203">
        <v>0</v>
      </c>
      <c r="O35" s="203">
        <v>0</v>
      </c>
      <c r="P35" s="208">
        <v>0</v>
      </c>
      <c r="Q35" s="205">
        <v>0</v>
      </c>
      <c r="R35" s="203">
        <v>0</v>
      </c>
      <c r="S35" s="203">
        <v>0</v>
      </c>
      <c r="T35" s="203">
        <v>0</v>
      </c>
      <c r="U35" s="203">
        <v>0</v>
      </c>
      <c r="V35" s="203">
        <v>0</v>
      </c>
      <c r="W35" s="208">
        <v>0</v>
      </c>
      <c r="X35" s="207">
        <v>0</v>
      </c>
    </row>
    <row r="36" spans="2:24" ht="21" customHeight="1" x14ac:dyDescent="0.2">
      <c r="B36" s="421" t="s">
        <v>34</v>
      </c>
      <c r="C36" s="424">
        <v>0</v>
      </c>
      <c r="D36" s="203">
        <v>0</v>
      </c>
      <c r="E36" s="208">
        <v>0</v>
      </c>
      <c r="F36" s="205">
        <v>0</v>
      </c>
      <c r="G36" s="203">
        <v>86</v>
      </c>
      <c r="H36" s="203">
        <v>32</v>
      </c>
      <c r="I36" s="203">
        <v>27</v>
      </c>
      <c r="J36" s="203">
        <v>12</v>
      </c>
      <c r="K36" s="203">
        <v>0</v>
      </c>
      <c r="L36" s="208">
        <v>157</v>
      </c>
      <c r="M36" s="207">
        <v>157</v>
      </c>
      <c r="N36" s="203">
        <v>0</v>
      </c>
      <c r="O36" s="203">
        <v>0</v>
      </c>
      <c r="P36" s="208">
        <v>0</v>
      </c>
      <c r="Q36" s="205">
        <v>0</v>
      </c>
      <c r="R36" s="203">
        <v>0</v>
      </c>
      <c r="S36" s="203">
        <v>0</v>
      </c>
      <c r="T36" s="203">
        <v>0</v>
      </c>
      <c r="U36" s="203">
        <v>0</v>
      </c>
      <c r="V36" s="203">
        <v>9</v>
      </c>
      <c r="W36" s="208">
        <v>9</v>
      </c>
      <c r="X36" s="207">
        <v>9</v>
      </c>
    </row>
    <row r="37" spans="2:24" ht="21" customHeight="1" x14ac:dyDescent="0.2">
      <c r="B37" s="421" t="s">
        <v>35</v>
      </c>
      <c r="C37" s="424">
        <v>0</v>
      </c>
      <c r="D37" s="203">
        <v>0</v>
      </c>
      <c r="E37" s="208">
        <v>0</v>
      </c>
      <c r="F37" s="205">
        <v>0</v>
      </c>
      <c r="G37" s="203">
        <v>153</v>
      </c>
      <c r="H37" s="203">
        <v>177</v>
      </c>
      <c r="I37" s="203">
        <v>139</v>
      </c>
      <c r="J37" s="203">
        <v>94</v>
      </c>
      <c r="K37" s="203">
        <v>20</v>
      </c>
      <c r="L37" s="208">
        <v>583</v>
      </c>
      <c r="M37" s="207">
        <v>583</v>
      </c>
      <c r="N37" s="203">
        <v>0</v>
      </c>
      <c r="O37" s="203">
        <v>0</v>
      </c>
      <c r="P37" s="208">
        <v>0</v>
      </c>
      <c r="Q37" s="205">
        <v>0</v>
      </c>
      <c r="R37" s="203">
        <v>0</v>
      </c>
      <c r="S37" s="203">
        <v>0</v>
      </c>
      <c r="T37" s="203">
        <v>0</v>
      </c>
      <c r="U37" s="203">
        <v>0</v>
      </c>
      <c r="V37" s="203">
        <v>0</v>
      </c>
      <c r="W37" s="208">
        <v>0</v>
      </c>
      <c r="X37" s="207">
        <v>0</v>
      </c>
    </row>
    <row r="38" spans="2:24" ht="21" customHeight="1" x14ac:dyDescent="0.2">
      <c r="B38" s="421" t="s">
        <v>36</v>
      </c>
      <c r="C38" s="424">
        <v>0</v>
      </c>
      <c r="D38" s="203">
        <v>0</v>
      </c>
      <c r="E38" s="208">
        <v>0</v>
      </c>
      <c r="F38" s="205">
        <v>0</v>
      </c>
      <c r="G38" s="203">
        <v>527</v>
      </c>
      <c r="H38" s="203">
        <v>280</v>
      </c>
      <c r="I38" s="203">
        <v>408</v>
      </c>
      <c r="J38" s="203">
        <v>182</v>
      </c>
      <c r="K38" s="203">
        <v>228</v>
      </c>
      <c r="L38" s="208">
        <v>1625</v>
      </c>
      <c r="M38" s="207">
        <v>1625</v>
      </c>
      <c r="N38" s="203">
        <v>0</v>
      </c>
      <c r="O38" s="203">
        <v>0</v>
      </c>
      <c r="P38" s="208">
        <v>0</v>
      </c>
      <c r="Q38" s="205">
        <v>0</v>
      </c>
      <c r="R38" s="203">
        <v>0</v>
      </c>
      <c r="S38" s="203">
        <v>0</v>
      </c>
      <c r="T38" s="203">
        <v>0</v>
      </c>
      <c r="U38" s="203">
        <v>0</v>
      </c>
      <c r="V38" s="203">
        <v>0</v>
      </c>
      <c r="W38" s="208">
        <v>0</v>
      </c>
      <c r="X38" s="207">
        <v>0</v>
      </c>
    </row>
    <row r="39" spans="2:24" ht="21" customHeight="1" thickBot="1" x14ac:dyDescent="0.25">
      <c r="B39" s="422" t="s">
        <v>37</v>
      </c>
      <c r="C39" s="425">
        <v>0</v>
      </c>
      <c r="D39" s="210">
        <v>0</v>
      </c>
      <c r="E39" s="215">
        <v>0</v>
      </c>
      <c r="F39" s="212">
        <v>0</v>
      </c>
      <c r="G39" s="210">
        <v>127</v>
      </c>
      <c r="H39" s="210">
        <v>45</v>
      </c>
      <c r="I39" s="210">
        <v>66</v>
      </c>
      <c r="J39" s="210">
        <v>0</v>
      </c>
      <c r="K39" s="210">
        <v>25</v>
      </c>
      <c r="L39" s="215">
        <v>263</v>
      </c>
      <c r="M39" s="214">
        <v>263</v>
      </c>
      <c r="N39" s="210">
        <v>0</v>
      </c>
      <c r="O39" s="210">
        <v>0</v>
      </c>
      <c r="P39" s="215">
        <v>0</v>
      </c>
      <c r="Q39" s="212">
        <v>0</v>
      </c>
      <c r="R39" s="210">
        <v>3</v>
      </c>
      <c r="S39" s="210">
        <v>0</v>
      </c>
      <c r="T39" s="210">
        <v>0</v>
      </c>
      <c r="U39" s="210">
        <v>13</v>
      </c>
      <c r="V39" s="210">
        <v>0</v>
      </c>
      <c r="W39" s="215">
        <v>16</v>
      </c>
      <c r="X39" s="214">
        <v>16</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38" customWidth="1"/>
    <col min="2" max="2" width="9.77734375" style="187" customWidth="1"/>
    <col min="3" max="4" width="9" style="187"/>
    <col min="5" max="5" width="10" style="187" customWidth="1"/>
    <col min="6" max="6" width="7.77734375" style="187" customWidth="1"/>
    <col min="7" max="7" width="10.77734375" style="187" customWidth="1"/>
    <col min="8" max="16" width="9" style="187"/>
    <col min="17" max="17" width="7.6640625" style="187" customWidth="1"/>
    <col min="18" max="16384" width="9" style="187"/>
  </cols>
  <sheetData>
    <row r="1" spans="2:24" ht="24" customHeight="1" x14ac:dyDescent="0.2">
      <c r="B1" s="186" t="s">
        <v>123</v>
      </c>
      <c r="H1" s="464">
        <f>第１表!F2</f>
        <v>6</v>
      </c>
      <c r="I1" s="464"/>
      <c r="J1" s="43">
        <f>第１表!G2</f>
        <v>4</v>
      </c>
      <c r="K1" s="503">
        <f>IF(J1&lt;3,J1+12-2,J1-2)</f>
        <v>2</v>
      </c>
      <c r="L1" s="503"/>
    </row>
    <row r="2" spans="2:24" ht="24" customHeight="1" thickBot="1" x14ac:dyDescent="0.25">
      <c r="B2" s="186" t="s">
        <v>132</v>
      </c>
    </row>
    <row r="3" spans="2:24" ht="21" customHeight="1" x14ac:dyDescent="0.2">
      <c r="B3" s="526"/>
      <c r="C3" s="509" t="s">
        <v>140</v>
      </c>
      <c r="D3" s="498"/>
      <c r="E3" s="498"/>
      <c r="F3" s="498"/>
      <c r="G3" s="498"/>
      <c r="H3" s="498"/>
      <c r="I3" s="498"/>
      <c r="J3" s="498"/>
      <c r="K3" s="498"/>
      <c r="L3" s="498"/>
      <c r="M3" s="529"/>
      <c r="N3" s="498" t="s">
        <v>112</v>
      </c>
      <c r="O3" s="498"/>
      <c r="P3" s="498"/>
      <c r="Q3" s="498"/>
      <c r="R3" s="498"/>
      <c r="S3" s="498"/>
      <c r="T3" s="498"/>
      <c r="U3" s="498"/>
      <c r="V3" s="498"/>
      <c r="W3" s="498"/>
      <c r="X3" s="529"/>
    </row>
    <row r="4" spans="2:24" ht="21" customHeight="1" x14ac:dyDescent="0.2">
      <c r="B4" s="527"/>
      <c r="C4" s="530" t="s">
        <v>61</v>
      </c>
      <c r="D4" s="531"/>
      <c r="E4" s="532"/>
      <c r="F4" s="530" t="s">
        <v>62</v>
      </c>
      <c r="G4" s="531"/>
      <c r="H4" s="531"/>
      <c r="I4" s="531"/>
      <c r="J4" s="531"/>
      <c r="K4" s="531"/>
      <c r="L4" s="533"/>
      <c r="M4" s="534" t="s">
        <v>52</v>
      </c>
      <c r="N4" s="531" t="s">
        <v>61</v>
      </c>
      <c r="O4" s="531"/>
      <c r="P4" s="532"/>
      <c r="Q4" s="530" t="s">
        <v>62</v>
      </c>
      <c r="R4" s="531"/>
      <c r="S4" s="531"/>
      <c r="T4" s="531"/>
      <c r="U4" s="531"/>
      <c r="V4" s="531"/>
      <c r="W4" s="533"/>
      <c r="X4" s="534" t="s">
        <v>52</v>
      </c>
    </row>
    <row r="5" spans="2:24" ht="30" customHeight="1" thickBot="1" x14ac:dyDescent="0.25">
      <c r="B5" s="528"/>
      <c r="C5" s="188" t="s">
        <v>43</v>
      </c>
      <c r="D5" s="189" t="s">
        <v>44</v>
      </c>
      <c r="E5" s="193" t="s">
        <v>45</v>
      </c>
      <c r="F5" s="191" t="s">
        <v>83</v>
      </c>
      <c r="G5" s="189" t="s">
        <v>47</v>
      </c>
      <c r="H5" s="189" t="s">
        <v>48</v>
      </c>
      <c r="I5" s="189" t="s">
        <v>49</v>
      </c>
      <c r="J5" s="189" t="s">
        <v>50</v>
      </c>
      <c r="K5" s="189" t="s">
        <v>51</v>
      </c>
      <c r="L5" s="193" t="s">
        <v>45</v>
      </c>
      <c r="M5" s="502"/>
      <c r="N5" s="189" t="s">
        <v>43</v>
      </c>
      <c r="O5" s="189" t="s">
        <v>44</v>
      </c>
      <c r="P5" s="193" t="s">
        <v>45</v>
      </c>
      <c r="Q5" s="191" t="s">
        <v>83</v>
      </c>
      <c r="R5" s="189" t="s">
        <v>47</v>
      </c>
      <c r="S5" s="189" t="s">
        <v>48</v>
      </c>
      <c r="T5" s="189" t="s">
        <v>49</v>
      </c>
      <c r="U5" s="189" t="s">
        <v>50</v>
      </c>
      <c r="V5" s="189" t="s">
        <v>51</v>
      </c>
      <c r="W5" s="193" t="s">
        <v>45</v>
      </c>
      <c r="X5" s="502"/>
    </row>
    <row r="6" spans="2:24" ht="21" customHeight="1" x14ac:dyDescent="0.2">
      <c r="B6" s="426" t="s">
        <v>4</v>
      </c>
      <c r="C6" s="423">
        <v>0</v>
      </c>
      <c r="D6" s="196">
        <v>0</v>
      </c>
      <c r="E6" s="201">
        <v>0</v>
      </c>
      <c r="F6" s="198">
        <v>0</v>
      </c>
      <c r="G6" s="196">
        <v>6042</v>
      </c>
      <c r="H6" s="196">
        <v>6021</v>
      </c>
      <c r="I6" s="196">
        <v>3196</v>
      </c>
      <c r="J6" s="196">
        <v>1373</v>
      </c>
      <c r="K6" s="196">
        <v>575</v>
      </c>
      <c r="L6" s="201">
        <v>17207</v>
      </c>
      <c r="M6" s="200">
        <v>17207</v>
      </c>
      <c r="N6" s="196">
        <v>4</v>
      </c>
      <c r="O6" s="196">
        <v>9</v>
      </c>
      <c r="P6" s="201">
        <v>13</v>
      </c>
      <c r="Q6" s="198">
        <v>0</v>
      </c>
      <c r="R6" s="196">
        <v>438</v>
      </c>
      <c r="S6" s="196">
        <v>666</v>
      </c>
      <c r="T6" s="196">
        <v>730</v>
      </c>
      <c r="U6" s="196">
        <v>351</v>
      </c>
      <c r="V6" s="196">
        <v>153</v>
      </c>
      <c r="W6" s="201">
        <v>2338</v>
      </c>
      <c r="X6" s="200">
        <v>2351</v>
      </c>
    </row>
    <row r="7" spans="2:24" ht="21" customHeight="1" x14ac:dyDescent="0.2">
      <c r="B7" s="420" t="s">
        <v>5</v>
      </c>
      <c r="C7" s="424">
        <v>0</v>
      </c>
      <c r="D7" s="203">
        <v>0</v>
      </c>
      <c r="E7" s="208">
        <v>0</v>
      </c>
      <c r="F7" s="205">
        <v>0</v>
      </c>
      <c r="G7" s="203">
        <v>2334</v>
      </c>
      <c r="H7" s="203">
        <v>2993</v>
      </c>
      <c r="I7" s="203">
        <v>1543</v>
      </c>
      <c r="J7" s="203">
        <v>607</v>
      </c>
      <c r="K7" s="203">
        <v>259</v>
      </c>
      <c r="L7" s="208">
        <v>7736</v>
      </c>
      <c r="M7" s="207">
        <v>7736</v>
      </c>
      <c r="N7" s="203">
        <v>0</v>
      </c>
      <c r="O7" s="203">
        <v>0</v>
      </c>
      <c r="P7" s="208">
        <v>0</v>
      </c>
      <c r="Q7" s="205">
        <v>0</v>
      </c>
      <c r="R7" s="203">
        <v>235</v>
      </c>
      <c r="S7" s="203">
        <v>352</v>
      </c>
      <c r="T7" s="203">
        <v>333</v>
      </c>
      <c r="U7" s="203">
        <v>176</v>
      </c>
      <c r="V7" s="203">
        <v>68</v>
      </c>
      <c r="W7" s="208">
        <v>1164</v>
      </c>
      <c r="X7" s="207">
        <v>1164</v>
      </c>
    </row>
    <row r="8" spans="2:24" ht="21" customHeight="1" x14ac:dyDescent="0.2">
      <c r="B8" s="421" t="s">
        <v>6</v>
      </c>
      <c r="C8" s="424">
        <v>0</v>
      </c>
      <c r="D8" s="203">
        <v>0</v>
      </c>
      <c r="E8" s="208">
        <v>0</v>
      </c>
      <c r="F8" s="205">
        <v>0</v>
      </c>
      <c r="G8" s="203">
        <v>764</v>
      </c>
      <c r="H8" s="203">
        <v>548</v>
      </c>
      <c r="I8" s="203">
        <v>288</v>
      </c>
      <c r="J8" s="203">
        <v>168</v>
      </c>
      <c r="K8" s="203">
        <v>95</v>
      </c>
      <c r="L8" s="208">
        <v>1863</v>
      </c>
      <c r="M8" s="207">
        <v>1863</v>
      </c>
      <c r="N8" s="203">
        <v>0</v>
      </c>
      <c r="O8" s="203">
        <v>0</v>
      </c>
      <c r="P8" s="208">
        <v>0</v>
      </c>
      <c r="Q8" s="205">
        <v>0</v>
      </c>
      <c r="R8" s="203">
        <v>87</v>
      </c>
      <c r="S8" s="203">
        <v>129</v>
      </c>
      <c r="T8" s="203">
        <v>137</v>
      </c>
      <c r="U8" s="203">
        <v>81</v>
      </c>
      <c r="V8" s="203">
        <v>52</v>
      </c>
      <c r="W8" s="208">
        <v>486</v>
      </c>
      <c r="X8" s="207">
        <v>486</v>
      </c>
    </row>
    <row r="9" spans="2:24" ht="21" customHeight="1" x14ac:dyDescent="0.2">
      <c r="B9" s="421" t="s">
        <v>14</v>
      </c>
      <c r="C9" s="424">
        <v>0</v>
      </c>
      <c r="D9" s="203">
        <v>0</v>
      </c>
      <c r="E9" s="208">
        <v>0</v>
      </c>
      <c r="F9" s="205">
        <v>0</v>
      </c>
      <c r="G9" s="203">
        <v>510</v>
      </c>
      <c r="H9" s="203">
        <v>562</v>
      </c>
      <c r="I9" s="203">
        <v>374</v>
      </c>
      <c r="J9" s="203">
        <v>172</v>
      </c>
      <c r="K9" s="203">
        <v>36</v>
      </c>
      <c r="L9" s="208">
        <v>1654</v>
      </c>
      <c r="M9" s="207">
        <v>1654</v>
      </c>
      <c r="N9" s="203">
        <v>0</v>
      </c>
      <c r="O9" s="203">
        <v>0</v>
      </c>
      <c r="P9" s="208">
        <v>0</v>
      </c>
      <c r="Q9" s="205">
        <v>0</v>
      </c>
      <c r="R9" s="203">
        <v>5</v>
      </c>
      <c r="S9" s="203">
        <v>24</v>
      </c>
      <c r="T9" s="203">
        <v>20</v>
      </c>
      <c r="U9" s="203">
        <v>0</v>
      </c>
      <c r="V9" s="203">
        <v>0</v>
      </c>
      <c r="W9" s="208">
        <v>49</v>
      </c>
      <c r="X9" s="207">
        <v>49</v>
      </c>
    </row>
    <row r="10" spans="2:24" ht="21" customHeight="1" x14ac:dyDescent="0.2">
      <c r="B10" s="421" t="s">
        <v>7</v>
      </c>
      <c r="C10" s="424">
        <v>0</v>
      </c>
      <c r="D10" s="203">
        <v>0</v>
      </c>
      <c r="E10" s="208">
        <v>0</v>
      </c>
      <c r="F10" s="205">
        <v>0</v>
      </c>
      <c r="G10" s="203">
        <v>453</v>
      </c>
      <c r="H10" s="203">
        <v>398</v>
      </c>
      <c r="I10" s="203">
        <v>150</v>
      </c>
      <c r="J10" s="203">
        <v>76</v>
      </c>
      <c r="K10" s="203">
        <v>25</v>
      </c>
      <c r="L10" s="208">
        <v>1102</v>
      </c>
      <c r="M10" s="207">
        <v>1102</v>
      </c>
      <c r="N10" s="203">
        <v>0</v>
      </c>
      <c r="O10" s="203">
        <v>0</v>
      </c>
      <c r="P10" s="208">
        <v>0</v>
      </c>
      <c r="Q10" s="205">
        <v>0</v>
      </c>
      <c r="R10" s="203">
        <v>25</v>
      </c>
      <c r="S10" s="203">
        <v>32</v>
      </c>
      <c r="T10" s="203">
        <v>49</v>
      </c>
      <c r="U10" s="203">
        <v>39</v>
      </c>
      <c r="V10" s="203">
        <v>17</v>
      </c>
      <c r="W10" s="208">
        <v>162</v>
      </c>
      <c r="X10" s="207">
        <v>162</v>
      </c>
    </row>
    <row r="11" spans="2:24" ht="21" customHeight="1" x14ac:dyDescent="0.2">
      <c r="B11" s="421" t="s">
        <v>8</v>
      </c>
      <c r="C11" s="424">
        <v>0</v>
      </c>
      <c r="D11" s="203">
        <v>0</v>
      </c>
      <c r="E11" s="208">
        <v>0</v>
      </c>
      <c r="F11" s="205">
        <v>0</v>
      </c>
      <c r="G11" s="203">
        <v>180</v>
      </c>
      <c r="H11" s="203">
        <v>279</v>
      </c>
      <c r="I11" s="203">
        <v>85</v>
      </c>
      <c r="J11" s="203">
        <v>39</v>
      </c>
      <c r="K11" s="203">
        <v>12</v>
      </c>
      <c r="L11" s="208">
        <v>595</v>
      </c>
      <c r="M11" s="207">
        <v>595</v>
      </c>
      <c r="N11" s="203">
        <v>0</v>
      </c>
      <c r="O11" s="203">
        <v>0</v>
      </c>
      <c r="P11" s="208">
        <v>0</v>
      </c>
      <c r="Q11" s="205">
        <v>0</v>
      </c>
      <c r="R11" s="203">
        <v>3</v>
      </c>
      <c r="S11" s="203">
        <v>0</v>
      </c>
      <c r="T11" s="203">
        <v>0</v>
      </c>
      <c r="U11" s="203">
        <v>8</v>
      </c>
      <c r="V11" s="203">
        <v>0</v>
      </c>
      <c r="W11" s="208">
        <v>11</v>
      </c>
      <c r="X11" s="207">
        <v>11</v>
      </c>
    </row>
    <row r="12" spans="2:24" ht="21" customHeight="1" x14ac:dyDescent="0.2">
      <c r="B12" s="421" t="s">
        <v>9</v>
      </c>
      <c r="C12" s="424">
        <v>0</v>
      </c>
      <c r="D12" s="203">
        <v>0</v>
      </c>
      <c r="E12" s="208">
        <v>0</v>
      </c>
      <c r="F12" s="205">
        <v>0</v>
      </c>
      <c r="G12" s="203">
        <v>271</v>
      </c>
      <c r="H12" s="203">
        <v>179</v>
      </c>
      <c r="I12" s="203">
        <v>142</v>
      </c>
      <c r="J12" s="203">
        <v>65</v>
      </c>
      <c r="K12" s="203">
        <v>36</v>
      </c>
      <c r="L12" s="208">
        <v>693</v>
      </c>
      <c r="M12" s="207">
        <v>693</v>
      </c>
      <c r="N12" s="203">
        <v>0</v>
      </c>
      <c r="O12" s="203">
        <v>0</v>
      </c>
      <c r="P12" s="208">
        <v>0</v>
      </c>
      <c r="Q12" s="205">
        <v>0</v>
      </c>
      <c r="R12" s="203">
        <v>0</v>
      </c>
      <c r="S12" s="203">
        <v>0</v>
      </c>
      <c r="T12" s="203">
        <v>1</v>
      </c>
      <c r="U12" s="203">
        <v>0</v>
      </c>
      <c r="V12" s="203">
        <v>12</v>
      </c>
      <c r="W12" s="208">
        <v>13</v>
      </c>
      <c r="X12" s="207">
        <v>13</v>
      </c>
    </row>
    <row r="13" spans="2:24" ht="21" customHeight="1" x14ac:dyDescent="0.2">
      <c r="B13" s="421" t="s">
        <v>10</v>
      </c>
      <c r="C13" s="424">
        <v>0</v>
      </c>
      <c r="D13" s="203">
        <v>0</v>
      </c>
      <c r="E13" s="208">
        <v>0</v>
      </c>
      <c r="F13" s="205">
        <v>0</v>
      </c>
      <c r="G13" s="203">
        <v>265</v>
      </c>
      <c r="H13" s="203">
        <v>110</v>
      </c>
      <c r="I13" s="203">
        <v>123</v>
      </c>
      <c r="J13" s="203">
        <v>72</v>
      </c>
      <c r="K13" s="203">
        <v>28</v>
      </c>
      <c r="L13" s="208">
        <v>598</v>
      </c>
      <c r="M13" s="207">
        <v>598</v>
      </c>
      <c r="N13" s="203">
        <v>0</v>
      </c>
      <c r="O13" s="203">
        <v>0</v>
      </c>
      <c r="P13" s="208">
        <v>0</v>
      </c>
      <c r="Q13" s="205">
        <v>0</v>
      </c>
      <c r="R13" s="203">
        <v>26</v>
      </c>
      <c r="S13" s="203">
        <v>0</v>
      </c>
      <c r="T13" s="203">
        <v>14</v>
      </c>
      <c r="U13" s="203">
        <v>0</v>
      </c>
      <c r="V13" s="203">
        <v>0</v>
      </c>
      <c r="W13" s="208">
        <v>40</v>
      </c>
      <c r="X13" s="207">
        <v>40</v>
      </c>
    </row>
    <row r="14" spans="2:24" ht="21" customHeight="1" x14ac:dyDescent="0.2">
      <c r="B14" s="421" t="s">
        <v>11</v>
      </c>
      <c r="C14" s="424">
        <v>0</v>
      </c>
      <c r="D14" s="203">
        <v>0</v>
      </c>
      <c r="E14" s="208">
        <v>0</v>
      </c>
      <c r="F14" s="205">
        <v>0</v>
      </c>
      <c r="G14" s="203">
        <v>107</v>
      </c>
      <c r="H14" s="203">
        <v>35</v>
      </c>
      <c r="I14" s="203">
        <v>44</v>
      </c>
      <c r="J14" s="203">
        <v>34</v>
      </c>
      <c r="K14" s="203">
        <v>21</v>
      </c>
      <c r="L14" s="208">
        <v>241</v>
      </c>
      <c r="M14" s="207">
        <v>241</v>
      </c>
      <c r="N14" s="203">
        <v>0</v>
      </c>
      <c r="O14" s="203">
        <v>0</v>
      </c>
      <c r="P14" s="208">
        <v>0</v>
      </c>
      <c r="Q14" s="205">
        <v>0</v>
      </c>
      <c r="R14" s="203">
        <v>15</v>
      </c>
      <c r="S14" s="203">
        <v>56</v>
      </c>
      <c r="T14" s="203">
        <v>18</v>
      </c>
      <c r="U14" s="203">
        <v>0</v>
      </c>
      <c r="V14" s="203">
        <v>0</v>
      </c>
      <c r="W14" s="208">
        <v>89</v>
      </c>
      <c r="X14" s="207">
        <v>89</v>
      </c>
    </row>
    <row r="15" spans="2:24" ht="21" customHeight="1" x14ac:dyDescent="0.2">
      <c r="B15" s="421" t="s">
        <v>12</v>
      </c>
      <c r="C15" s="424">
        <v>0</v>
      </c>
      <c r="D15" s="203">
        <v>0</v>
      </c>
      <c r="E15" s="208">
        <v>0</v>
      </c>
      <c r="F15" s="205">
        <v>0</v>
      </c>
      <c r="G15" s="203">
        <v>163</v>
      </c>
      <c r="H15" s="203">
        <v>156</v>
      </c>
      <c r="I15" s="203">
        <v>84</v>
      </c>
      <c r="J15" s="203">
        <v>22</v>
      </c>
      <c r="K15" s="203">
        <v>6</v>
      </c>
      <c r="L15" s="208">
        <v>431</v>
      </c>
      <c r="M15" s="207">
        <v>431</v>
      </c>
      <c r="N15" s="203">
        <v>0</v>
      </c>
      <c r="O15" s="203">
        <v>0</v>
      </c>
      <c r="P15" s="208">
        <v>0</v>
      </c>
      <c r="Q15" s="205">
        <v>0</v>
      </c>
      <c r="R15" s="203">
        <v>0</v>
      </c>
      <c r="S15" s="203">
        <v>0</v>
      </c>
      <c r="T15" s="203">
        <v>0</v>
      </c>
      <c r="U15" s="203">
        <v>0</v>
      </c>
      <c r="V15" s="203">
        <v>0</v>
      </c>
      <c r="W15" s="208">
        <v>0</v>
      </c>
      <c r="X15" s="207">
        <v>0</v>
      </c>
    </row>
    <row r="16" spans="2:24" ht="21" customHeight="1" x14ac:dyDescent="0.2">
      <c r="B16" s="421" t="s">
        <v>13</v>
      </c>
      <c r="C16" s="424">
        <v>0</v>
      </c>
      <c r="D16" s="203">
        <v>0</v>
      </c>
      <c r="E16" s="208">
        <v>0</v>
      </c>
      <c r="F16" s="205">
        <v>0</v>
      </c>
      <c r="G16" s="203">
        <v>144</v>
      </c>
      <c r="H16" s="203">
        <v>75</v>
      </c>
      <c r="I16" s="203">
        <v>42</v>
      </c>
      <c r="J16" s="203">
        <v>28</v>
      </c>
      <c r="K16" s="203">
        <v>0</v>
      </c>
      <c r="L16" s="208">
        <v>289</v>
      </c>
      <c r="M16" s="207">
        <v>289</v>
      </c>
      <c r="N16" s="203">
        <v>0</v>
      </c>
      <c r="O16" s="203">
        <v>0</v>
      </c>
      <c r="P16" s="208">
        <v>0</v>
      </c>
      <c r="Q16" s="205">
        <v>0</v>
      </c>
      <c r="R16" s="203">
        <v>0</v>
      </c>
      <c r="S16" s="203">
        <v>11</v>
      </c>
      <c r="T16" s="203">
        <v>31</v>
      </c>
      <c r="U16" s="203">
        <v>0</v>
      </c>
      <c r="V16" s="203">
        <v>4</v>
      </c>
      <c r="W16" s="208">
        <v>46</v>
      </c>
      <c r="X16" s="207">
        <v>46</v>
      </c>
    </row>
    <row r="17" spans="2:24" ht="21" customHeight="1" x14ac:dyDescent="0.2">
      <c r="B17" s="421" t="s">
        <v>15</v>
      </c>
      <c r="C17" s="424">
        <v>0</v>
      </c>
      <c r="D17" s="203">
        <v>0</v>
      </c>
      <c r="E17" s="208">
        <v>0</v>
      </c>
      <c r="F17" s="205">
        <v>0</v>
      </c>
      <c r="G17" s="203">
        <v>48</v>
      </c>
      <c r="H17" s="203">
        <v>44</v>
      </c>
      <c r="I17" s="203">
        <v>27</v>
      </c>
      <c r="J17" s="203">
        <v>12</v>
      </c>
      <c r="K17" s="203">
        <v>0</v>
      </c>
      <c r="L17" s="208">
        <v>131</v>
      </c>
      <c r="M17" s="207">
        <v>131</v>
      </c>
      <c r="N17" s="203">
        <v>0</v>
      </c>
      <c r="O17" s="203">
        <v>9</v>
      </c>
      <c r="P17" s="208">
        <v>9</v>
      </c>
      <c r="Q17" s="205">
        <v>0</v>
      </c>
      <c r="R17" s="203">
        <v>6</v>
      </c>
      <c r="S17" s="203">
        <v>0</v>
      </c>
      <c r="T17" s="203">
        <v>0</v>
      </c>
      <c r="U17" s="203">
        <v>5</v>
      </c>
      <c r="V17" s="203">
        <v>0</v>
      </c>
      <c r="W17" s="208">
        <v>11</v>
      </c>
      <c r="X17" s="207">
        <v>20</v>
      </c>
    </row>
    <row r="18" spans="2:24" ht="21" customHeight="1" x14ac:dyDescent="0.2">
      <c r="B18" s="421" t="s">
        <v>16</v>
      </c>
      <c r="C18" s="424">
        <v>0</v>
      </c>
      <c r="D18" s="203">
        <v>0</v>
      </c>
      <c r="E18" s="208">
        <v>0</v>
      </c>
      <c r="F18" s="205">
        <v>0</v>
      </c>
      <c r="G18" s="203">
        <v>45</v>
      </c>
      <c r="H18" s="203">
        <v>82</v>
      </c>
      <c r="I18" s="203">
        <v>46</v>
      </c>
      <c r="J18" s="203">
        <v>13</v>
      </c>
      <c r="K18" s="203">
        <v>5</v>
      </c>
      <c r="L18" s="208">
        <v>191</v>
      </c>
      <c r="M18" s="207">
        <v>191</v>
      </c>
      <c r="N18" s="203">
        <v>0</v>
      </c>
      <c r="O18" s="203">
        <v>0</v>
      </c>
      <c r="P18" s="208">
        <v>0</v>
      </c>
      <c r="Q18" s="205">
        <v>0</v>
      </c>
      <c r="R18" s="203">
        <v>12</v>
      </c>
      <c r="S18" s="203">
        <v>18</v>
      </c>
      <c r="T18" s="203">
        <v>4</v>
      </c>
      <c r="U18" s="203">
        <v>0</v>
      </c>
      <c r="V18" s="203">
        <v>0</v>
      </c>
      <c r="W18" s="208">
        <v>34</v>
      </c>
      <c r="X18" s="207">
        <v>34</v>
      </c>
    </row>
    <row r="19" spans="2:24" ht="21" customHeight="1" x14ac:dyDescent="0.2">
      <c r="B19" s="421" t="s">
        <v>17</v>
      </c>
      <c r="C19" s="424">
        <v>0</v>
      </c>
      <c r="D19" s="203">
        <v>0</v>
      </c>
      <c r="E19" s="208">
        <v>0</v>
      </c>
      <c r="F19" s="205">
        <v>0</v>
      </c>
      <c r="G19" s="203">
        <v>158</v>
      </c>
      <c r="H19" s="203">
        <v>139</v>
      </c>
      <c r="I19" s="203">
        <v>78</v>
      </c>
      <c r="J19" s="203">
        <v>12</v>
      </c>
      <c r="K19" s="203">
        <v>0</v>
      </c>
      <c r="L19" s="208">
        <v>387</v>
      </c>
      <c r="M19" s="207">
        <v>387</v>
      </c>
      <c r="N19" s="203">
        <v>4</v>
      </c>
      <c r="O19" s="203">
        <v>0</v>
      </c>
      <c r="P19" s="208">
        <v>4</v>
      </c>
      <c r="Q19" s="205">
        <v>0</v>
      </c>
      <c r="R19" s="203">
        <v>13</v>
      </c>
      <c r="S19" s="203">
        <v>15</v>
      </c>
      <c r="T19" s="203">
        <v>0</v>
      </c>
      <c r="U19" s="203">
        <v>0</v>
      </c>
      <c r="V19" s="203">
        <v>0</v>
      </c>
      <c r="W19" s="208">
        <v>28</v>
      </c>
      <c r="X19" s="207">
        <v>32</v>
      </c>
    </row>
    <row r="20" spans="2:24" ht="21" customHeight="1" x14ac:dyDescent="0.2">
      <c r="B20" s="421" t="s">
        <v>18</v>
      </c>
      <c r="C20" s="424">
        <v>0</v>
      </c>
      <c r="D20" s="203">
        <v>0</v>
      </c>
      <c r="E20" s="208">
        <v>0</v>
      </c>
      <c r="F20" s="205">
        <v>0</v>
      </c>
      <c r="G20" s="203">
        <v>137</v>
      </c>
      <c r="H20" s="203">
        <v>121</v>
      </c>
      <c r="I20" s="203">
        <v>46</v>
      </c>
      <c r="J20" s="203">
        <v>0</v>
      </c>
      <c r="K20" s="203">
        <v>0</v>
      </c>
      <c r="L20" s="208">
        <v>304</v>
      </c>
      <c r="M20" s="207">
        <v>304</v>
      </c>
      <c r="N20" s="203">
        <v>0</v>
      </c>
      <c r="O20" s="203">
        <v>0</v>
      </c>
      <c r="P20" s="208">
        <v>0</v>
      </c>
      <c r="Q20" s="205">
        <v>0</v>
      </c>
      <c r="R20" s="203">
        <v>0</v>
      </c>
      <c r="S20" s="203">
        <v>19</v>
      </c>
      <c r="T20" s="203">
        <v>47</v>
      </c>
      <c r="U20" s="203">
        <v>21</v>
      </c>
      <c r="V20" s="203">
        <v>0</v>
      </c>
      <c r="W20" s="208">
        <v>87</v>
      </c>
      <c r="X20" s="207">
        <v>87</v>
      </c>
    </row>
    <row r="21" spans="2:24" ht="21" customHeight="1" x14ac:dyDescent="0.2">
      <c r="B21" s="421" t="s">
        <v>19</v>
      </c>
      <c r="C21" s="424">
        <v>0</v>
      </c>
      <c r="D21" s="203">
        <v>0</v>
      </c>
      <c r="E21" s="208">
        <v>0</v>
      </c>
      <c r="F21" s="205">
        <v>0</v>
      </c>
      <c r="G21" s="203">
        <v>54</v>
      </c>
      <c r="H21" s="203">
        <v>31</v>
      </c>
      <c r="I21" s="203">
        <v>20</v>
      </c>
      <c r="J21" s="203">
        <v>0</v>
      </c>
      <c r="K21" s="203">
        <v>0</v>
      </c>
      <c r="L21" s="208">
        <v>105</v>
      </c>
      <c r="M21" s="207">
        <v>105</v>
      </c>
      <c r="N21" s="203">
        <v>0</v>
      </c>
      <c r="O21" s="203">
        <v>0</v>
      </c>
      <c r="P21" s="208">
        <v>0</v>
      </c>
      <c r="Q21" s="205">
        <v>0</v>
      </c>
      <c r="R21" s="203">
        <v>11</v>
      </c>
      <c r="S21" s="203">
        <v>10</v>
      </c>
      <c r="T21" s="203">
        <v>40</v>
      </c>
      <c r="U21" s="203">
        <v>0</v>
      </c>
      <c r="V21" s="203">
        <v>0</v>
      </c>
      <c r="W21" s="208">
        <v>61</v>
      </c>
      <c r="X21" s="207">
        <v>61</v>
      </c>
    </row>
    <row r="22" spans="2:24" ht="21" customHeight="1" x14ac:dyDescent="0.2">
      <c r="B22" s="421" t="s">
        <v>20</v>
      </c>
      <c r="C22" s="424">
        <v>0</v>
      </c>
      <c r="D22" s="203">
        <v>0</v>
      </c>
      <c r="E22" s="208">
        <v>0</v>
      </c>
      <c r="F22" s="205">
        <v>0</v>
      </c>
      <c r="G22" s="203">
        <v>97</v>
      </c>
      <c r="H22" s="203">
        <v>67</v>
      </c>
      <c r="I22" s="203">
        <v>40</v>
      </c>
      <c r="J22" s="203">
        <v>9</v>
      </c>
      <c r="K22" s="203">
        <v>24</v>
      </c>
      <c r="L22" s="208">
        <v>237</v>
      </c>
      <c r="M22" s="207">
        <v>237</v>
      </c>
      <c r="N22" s="203">
        <v>0</v>
      </c>
      <c r="O22" s="203">
        <v>0</v>
      </c>
      <c r="P22" s="208">
        <v>0</v>
      </c>
      <c r="Q22" s="205">
        <v>0</v>
      </c>
      <c r="R22" s="203">
        <v>0</v>
      </c>
      <c r="S22" s="203">
        <v>0</v>
      </c>
      <c r="T22" s="203">
        <v>0</v>
      </c>
      <c r="U22" s="203">
        <v>0</v>
      </c>
      <c r="V22" s="203">
        <v>0</v>
      </c>
      <c r="W22" s="208">
        <v>0</v>
      </c>
      <c r="X22" s="207">
        <v>0</v>
      </c>
    </row>
    <row r="23" spans="2:24" ht="21" customHeight="1" x14ac:dyDescent="0.2">
      <c r="B23" s="421" t="s">
        <v>21</v>
      </c>
      <c r="C23" s="424">
        <v>0</v>
      </c>
      <c r="D23" s="203">
        <v>0</v>
      </c>
      <c r="E23" s="208">
        <v>0</v>
      </c>
      <c r="F23" s="205">
        <v>0</v>
      </c>
      <c r="G23" s="203">
        <v>114</v>
      </c>
      <c r="H23" s="203">
        <v>46</v>
      </c>
      <c r="I23" s="203">
        <v>25</v>
      </c>
      <c r="J23" s="203">
        <v>21</v>
      </c>
      <c r="K23" s="203">
        <v>0</v>
      </c>
      <c r="L23" s="208">
        <v>206</v>
      </c>
      <c r="M23" s="207">
        <v>206</v>
      </c>
      <c r="N23" s="203">
        <v>0</v>
      </c>
      <c r="O23" s="203">
        <v>0</v>
      </c>
      <c r="P23" s="208">
        <v>0</v>
      </c>
      <c r="Q23" s="205">
        <v>0</v>
      </c>
      <c r="R23" s="203">
        <v>0</v>
      </c>
      <c r="S23" s="203">
        <v>0</v>
      </c>
      <c r="T23" s="203">
        <v>0</v>
      </c>
      <c r="U23" s="203">
        <v>0</v>
      </c>
      <c r="V23" s="203">
        <v>0</v>
      </c>
      <c r="W23" s="208">
        <v>0</v>
      </c>
      <c r="X23" s="207">
        <v>0</v>
      </c>
    </row>
    <row r="24" spans="2:24" ht="21" customHeight="1" x14ac:dyDescent="0.2">
      <c r="B24" s="421" t="s">
        <v>22</v>
      </c>
      <c r="C24" s="424">
        <v>0</v>
      </c>
      <c r="D24" s="203">
        <v>0</v>
      </c>
      <c r="E24" s="208">
        <v>0</v>
      </c>
      <c r="F24" s="205">
        <v>0</v>
      </c>
      <c r="G24" s="203">
        <v>25</v>
      </c>
      <c r="H24" s="203">
        <v>27</v>
      </c>
      <c r="I24" s="203">
        <v>6</v>
      </c>
      <c r="J24" s="203">
        <v>8</v>
      </c>
      <c r="K24" s="203">
        <v>17</v>
      </c>
      <c r="L24" s="208">
        <v>83</v>
      </c>
      <c r="M24" s="207">
        <v>83</v>
      </c>
      <c r="N24" s="203">
        <v>0</v>
      </c>
      <c r="O24" s="203">
        <v>0</v>
      </c>
      <c r="P24" s="208">
        <v>0</v>
      </c>
      <c r="Q24" s="205">
        <v>0</v>
      </c>
      <c r="R24" s="203">
        <v>0</v>
      </c>
      <c r="S24" s="203">
        <v>0</v>
      </c>
      <c r="T24" s="203">
        <v>12</v>
      </c>
      <c r="U24" s="203">
        <v>0</v>
      </c>
      <c r="V24" s="203">
        <v>0</v>
      </c>
      <c r="W24" s="208">
        <v>12</v>
      </c>
      <c r="X24" s="207">
        <v>12</v>
      </c>
    </row>
    <row r="25" spans="2:24" ht="21" customHeight="1" x14ac:dyDescent="0.2">
      <c r="B25" s="421" t="s">
        <v>23</v>
      </c>
      <c r="C25" s="424">
        <v>0</v>
      </c>
      <c r="D25" s="203">
        <v>0</v>
      </c>
      <c r="E25" s="208">
        <v>0</v>
      </c>
      <c r="F25" s="205">
        <v>0</v>
      </c>
      <c r="G25" s="203">
        <v>12</v>
      </c>
      <c r="H25" s="203">
        <v>10</v>
      </c>
      <c r="I25" s="203">
        <v>7</v>
      </c>
      <c r="J25" s="203">
        <v>0</v>
      </c>
      <c r="K25" s="203">
        <v>0</v>
      </c>
      <c r="L25" s="208">
        <v>29</v>
      </c>
      <c r="M25" s="207">
        <v>29</v>
      </c>
      <c r="N25" s="203">
        <v>0</v>
      </c>
      <c r="O25" s="203">
        <v>0</v>
      </c>
      <c r="P25" s="208">
        <v>0</v>
      </c>
      <c r="Q25" s="205">
        <v>0</v>
      </c>
      <c r="R25" s="203">
        <v>0</v>
      </c>
      <c r="S25" s="203">
        <v>0</v>
      </c>
      <c r="T25" s="203">
        <v>0</v>
      </c>
      <c r="U25" s="203">
        <v>0</v>
      </c>
      <c r="V25" s="203">
        <v>0</v>
      </c>
      <c r="W25" s="208">
        <v>0</v>
      </c>
      <c r="X25" s="207">
        <v>0</v>
      </c>
    </row>
    <row r="26" spans="2:24" ht="21" customHeight="1" x14ac:dyDescent="0.2">
      <c r="B26" s="421" t="s">
        <v>24</v>
      </c>
      <c r="C26" s="424">
        <v>0</v>
      </c>
      <c r="D26" s="203">
        <v>0</v>
      </c>
      <c r="E26" s="208">
        <v>0</v>
      </c>
      <c r="F26" s="205">
        <v>0</v>
      </c>
      <c r="G26" s="203">
        <v>5</v>
      </c>
      <c r="H26" s="203">
        <v>7</v>
      </c>
      <c r="I26" s="203">
        <v>7</v>
      </c>
      <c r="J26" s="203">
        <v>0</v>
      </c>
      <c r="K26" s="203">
        <v>0</v>
      </c>
      <c r="L26" s="208">
        <v>19</v>
      </c>
      <c r="M26" s="207">
        <v>19</v>
      </c>
      <c r="N26" s="203">
        <v>0</v>
      </c>
      <c r="O26" s="203">
        <v>0</v>
      </c>
      <c r="P26" s="208">
        <v>0</v>
      </c>
      <c r="Q26" s="205">
        <v>0</v>
      </c>
      <c r="R26" s="203">
        <v>0</v>
      </c>
      <c r="S26" s="203">
        <v>0</v>
      </c>
      <c r="T26" s="203">
        <v>11</v>
      </c>
      <c r="U26" s="203">
        <v>0</v>
      </c>
      <c r="V26" s="203">
        <v>0</v>
      </c>
      <c r="W26" s="208">
        <v>11</v>
      </c>
      <c r="X26" s="207">
        <v>11</v>
      </c>
    </row>
    <row r="27" spans="2:24" ht="21" customHeight="1" x14ac:dyDescent="0.2">
      <c r="B27" s="421" t="s">
        <v>25</v>
      </c>
      <c r="C27" s="424">
        <v>0</v>
      </c>
      <c r="D27" s="203">
        <v>0</v>
      </c>
      <c r="E27" s="208">
        <v>0</v>
      </c>
      <c r="F27" s="205">
        <v>0</v>
      </c>
      <c r="G27" s="203">
        <v>28</v>
      </c>
      <c r="H27" s="203">
        <v>15</v>
      </c>
      <c r="I27" s="203">
        <v>3</v>
      </c>
      <c r="J27" s="203">
        <v>0</v>
      </c>
      <c r="K27" s="203">
        <v>3</v>
      </c>
      <c r="L27" s="208">
        <v>49</v>
      </c>
      <c r="M27" s="207">
        <v>49</v>
      </c>
      <c r="N27" s="203">
        <v>0</v>
      </c>
      <c r="O27" s="203">
        <v>0</v>
      </c>
      <c r="P27" s="208">
        <v>0</v>
      </c>
      <c r="Q27" s="205">
        <v>0</v>
      </c>
      <c r="R27" s="203">
        <v>0</v>
      </c>
      <c r="S27" s="203">
        <v>0</v>
      </c>
      <c r="T27" s="203">
        <v>0</v>
      </c>
      <c r="U27" s="203">
        <v>0</v>
      </c>
      <c r="V27" s="203">
        <v>0</v>
      </c>
      <c r="W27" s="208">
        <v>0</v>
      </c>
      <c r="X27" s="207">
        <v>0</v>
      </c>
    </row>
    <row r="28" spans="2:24" ht="21" customHeight="1" x14ac:dyDescent="0.2">
      <c r="B28" s="421" t="s">
        <v>26</v>
      </c>
      <c r="C28" s="424">
        <v>0</v>
      </c>
      <c r="D28" s="203">
        <v>0</v>
      </c>
      <c r="E28" s="208">
        <v>0</v>
      </c>
      <c r="F28" s="205">
        <v>0</v>
      </c>
      <c r="G28" s="203">
        <v>44</v>
      </c>
      <c r="H28" s="203">
        <v>13</v>
      </c>
      <c r="I28" s="203">
        <v>8</v>
      </c>
      <c r="J28" s="203">
        <v>8</v>
      </c>
      <c r="K28" s="203">
        <v>5</v>
      </c>
      <c r="L28" s="208">
        <v>78</v>
      </c>
      <c r="M28" s="207">
        <v>78</v>
      </c>
      <c r="N28" s="203">
        <v>0</v>
      </c>
      <c r="O28" s="203">
        <v>0</v>
      </c>
      <c r="P28" s="208">
        <v>0</v>
      </c>
      <c r="Q28" s="205">
        <v>0</v>
      </c>
      <c r="R28" s="203">
        <v>0</v>
      </c>
      <c r="S28" s="203">
        <v>0</v>
      </c>
      <c r="T28" s="203">
        <v>13</v>
      </c>
      <c r="U28" s="203">
        <v>0</v>
      </c>
      <c r="V28" s="203">
        <v>0</v>
      </c>
      <c r="W28" s="208">
        <v>13</v>
      </c>
      <c r="X28" s="207">
        <v>13</v>
      </c>
    </row>
    <row r="29" spans="2:24" ht="21" customHeight="1" x14ac:dyDescent="0.2">
      <c r="B29" s="421" t="s">
        <v>27</v>
      </c>
      <c r="C29" s="424">
        <v>0</v>
      </c>
      <c r="D29" s="203">
        <v>0</v>
      </c>
      <c r="E29" s="208">
        <v>0</v>
      </c>
      <c r="F29" s="205">
        <v>0</v>
      </c>
      <c r="G29" s="203">
        <v>0</v>
      </c>
      <c r="H29" s="203">
        <v>4</v>
      </c>
      <c r="I29" s="203">
        <v>0</v>
      </c>
      <c r="J29" s="203">
        <v>0</v>
      </c>
      <c r="K29" s="203">
        <v>0</v>
      </c>
      <c r="L29" s="208">
        <v>4</v>
      </c>
      <c r="M29" s="207">
        <v>4</v>
      </c>
      <c r="N29" s="203">
        <v>0</v>
      </c>
      <c r="O29" s="203">
        <v>0</v>
      </c>
      <c r="P29" s="208">
        <v>0</v>
      </c>
      <c r="Q29" s="205">
        <v>0</v>
      </c>
      <c r="R29" s="203">
        <v>0</v>
      </c>
      <c r="S29" s="203">
        <v>0</v>
      </c>
      <c r="T29" s="203">
        <v>0</v>
      </c>
      <c r="U29" s="203">
        <v>5</v>
      </c>
      <c r="V29" s="203">
        <v>0</v>
      </c>
      <c r="W29" s="208">
        <v>5</v>
      </c>
      <c r="X29" s="207">
        <v>5</v>
      </c>
    </row>
    <row r="30" spans="2:24" ht="21" customHeight="1" x14ac:dyDescent="0.2">
      <c r="B30" s="421" t="s">
        <v>28</v>
      </c>
      <c r="C30" s="424">
        <v>0</v>
      </c>
      <c r="D30" s="203">
        <v>0</v>
      </c>
      <c r="E30" s="208">
        <v>0</v>
      </c>
      <c r="F30" s="205">
        <v>0</v>
      </c>
      <c r="G30" s="203">
        <v>31</v>
      </c>
      <c r="H30" s="203">
        <v>0</v>
      </c>
      <c r="I30" s="203">
        <v>0</v>
      </c>
      <c r="J30" s="203">
        <v>0</v>
      </c>
      <c r="K30" s="203">
        <v>0</v>
      </c>
      <c r="L30" s="208">
        <v>31</v>
      </c>
      <c r="M30" s="207">
        <v>31</v>
      </c>
      <c r="N30" s="203">
        <v>0</v>
      </c>
      <c r="O30" s="203">
        <v>0</v>
      </c>
      <c r="P30" s="208">
        <v>0</v>
      </c>
      <c r="Q30" s="205">
        <v>0</v>
      </c>
      <c r="R30" s="203">
        <v>0</v>
      </c>
      <c r="S30" s="203">
        <v>0</v>
      </c>
      <c r="T30" s="203">
        <v>0</v>
      </c>
      <c r="U30" s="203">
        <v>0</v>
      </c>
      <c r="V30" s="203">
        <v>0</v>
      </c>
      <c r="W30" s="208">
        <v>0</v>
      </c>
      <c r="X30" s="207">
        <v>0</v>
      </c>
    </row>
    <row r="31" spans="2:24" ht="21" customHeight="1" x14ac:dyDescent="0.2">
      <c r="B31" s="421" t="s">
        <v>29</v>
      </c>
      <c r="C31" s="424">
        <v>0</v>
      </c>
      <c r="D31" s="203">
        <v>0</v>
      </c>
      <c r="E31" s="208">
        <v>0</v>
      </c>
      <c r="F31" s="205">
        <v>0</v>
      </c>
      <c r="G31" s="203">
        <v>0</v>
      </c>
      <c r="H31" s="203">
        <v>13</v>
      </c>
      <c r="I31" s="203">
        <v>4</v>
      </c>
      <c r="J31" s="203">
        <v>0</v>
      </c>
      <c r="K31" s="203">
        <v>0</v>
      </c>
      <c r="L31" s="208">
        <v>17</v>
      </c>
      <c r="M31" s="207">
        <v>17</v>
      </c>
      <c r="N31" s="203">
        <v>0</v>
      </c>
      <c r="O31" s="203">
        <v>0</v>
      </c>
      <c r="P31" s="208">
        <v>0</v>
      </c>
      <c r="Q31" s="205">
        <v>0</v>
      </c>
      <c r="R31" s="203">
        <v>0</v>
      </c>
      <c r="S31" s="203">
        <v>0</v>
      </c>
      <c r="T31" s="203">
        <v>0</v>
      </c>
      <c r="U31" s="203">
        <v>0</v>
      </c>
      <c r="V31" s="203">
        <v>0</v>
      </c>
      <c r="W31" s="208">
        <v>0</v>
      </c>
      <c r="X31" s="207">
        <v>0</v>
      </c>
    </row>
    <row r="32" spans="2:24" ht="21" customHeight="1" x14ac:dyDescent="0.2">
      <c r="B32" s="421" t="s">
        <v>30</v>
      </c>
      <c r="C32" s="424">
        <v>0</v>
      </c>
      <c r="D32" s="203">
        <v>0</v>
      </c>
      <c r="E32" s="208">
        <v>0</v>
      </c>
      <c r="F32" s="205">
        <v>0</v>
      </c>
      <c r="G32" s="203">
        <v>8</v>
      </c>
      <c r="H32" s="203">
        <v>0</v>
      </c>
      <c r="I32" s="203">
        <v>3</v>
      </c>
      <c r="J32" s="203">
        <v>0</v>
      </c>
      <c r="K32" s="203">
        <v>0</v>
      </c>
      <c r="L32" s="208">
        <v>11</v>
      </c>
      <c r="M32" s="207">
        <v>11</v>
      </c>
      <c r="N32" s="203">
        <v>0</v>
      </c>
      <c r="O32" s="203">
        <v>0</v>
      </c>
      <c r="P32" s="208">
        <v>0</v>
      </c>
      <c r="Q32" s="205">
        <v>0</v>
      </c>
      <c r="R32" s="203">
        <v>0</v>
      </c>
      <c r="S32" s="203">
        <v>0</v>
      </c>
      <c r="T32" s="203">
        <v>0</v>
      </c>
      <c r="U32" s="203">
        <v>0</v>
      </c>
      <c r="V32" s="203">
        <v>0</v>
      </c>
      <c r="W32" s="208">
        <v>0</v>
      </c>
      <c r="X32" s="207">
        <v>0</v>
      </c>
    </row>
    <row r="33" spans="2:24" ht="21" customHeight="1" x14ac:dyDescent="0.2">
      <c r="B33" s="421" t="s">
        <v>31</v>
      </c>
      <c r="C33" s="424">
        <v>0</v>
      </c>
      <c r="D33" s="203">
        <v>0</v>
      </c>
      <c r="E33" s="208">
        <v>0</v>
      </c>
      <c r="F33" s="205">
        <v>0</v>
      </c>
      <c r="G33" s="203">
        <v>0</v>
      </c>
      <c r="H33" s="203">
        <v>3</v>
      </c>
      <c r="I33" s="203">
        <v>1</v>
      </c>
      <c r="J33" s="203">
        <v>0</v>
      </c>
      <c r="K33" s="203">
        <v>0</v>
      </c>
      <c r="L33" s="208">
        <v>4</v>
      </c>
      <c r="M33" s="207">
        <v>4</v>
      </c>
      <c r="N33" s="203">
        <v>0</v>
      </c>
      <c r="O33" s="203">
        <v>0</v>
      </c>
      <c r="P33" s="208">
        <v>0</v>
      </c>
      <c r="Q33" s="205">
        <v>0</v>
      </c>
      <c r="R33" s="203">
        <v>0</v>
      </c>
      <c r="S33" s="203">
        <v>0</v>
      </c>
      <c r="T33" s="203">
        <v>0</v>
      </c>
      <c r="U33" s="203">
        <v>16</v>
      </c>
      <c r="V33" s="203">
        <v>0</v>
      </c>
      <c r="W33" s="208">
        <v>16</v>
      </c>
      <c r="X33" s="207">
        <v>16</v>
      </c>
    </row>
    <row r="34" spans="2:24" ht="21" customHeight="1" x14ac:dyDescent="0.2">
      <c r="B34" s="421" t="s">
        <v>32</v>
      </c>
      <c r="C34" s="424">
        <v>0</v>
      </c>
      <c r="D34" s="203">
        <v>0</v>
      </c>
      <c r="E34" s="208">
        <v>0</v>
      </c>
      <c r="F34" s="205">
        <v>0</v>
      </c>
      <c r="G34" s="203">
        <v>12</v>
      </c>
      <c r="H34" s="203">
        <v>29</v>
      </c>
      <c r="I34" s="203">
        <v>0</v>
      </c>
      <c r="J34" s="203">
        <v>0</v>
      </c>
      <c r="K34" s="203">
        <v>3</v>
      </c>
      <c r="L34" s="208">
        <v>44</v>
      </c>
      <c r="M34" s="207">
        <v>44</v>
      </c>
      <c r="N34" s="203">
        <v>0</v>
      </c>
      <c r="O34" s="203">
        <v>0</v>
      </c>
      <c r="P34" s="208">
        <v>0</v>
      </c>
      <c r="Q34" s="205">
        <v>0</v>
      </c>
      <c r="R34" s="203">
        <v>0</v>
      </c>
      <c r="S34" s="203">
        <v>0</v>
      </c>
      <c r="T34" s="203">
        <v>0</v>
      </c>
      <c r="U34" s="203">
        <v>0</v>
      </c>
      <c r="V34" s="203">
        <v>0</v>
      </c>
      <c r="W34" s="208">
        <v>0</v>
      </c>
      <c r="X34" s="207">
        <v>0</v>
      </c>
    </row>
    <row r="35" spans="2:24" ht="21" customHeight="1" x14ac:dyDescent="0.2">
      <c r="B35" s="421" t="s">
        <v>33</v>
      </c>
      <c r="C35" s="424">
        <v>0</v>
      </c>
      <c r="D35" s="203">
        <v>0</v>
      </c>
      <c r="E35" s="208">
        <v>0</v>
      </c>
      <c r="F35" s="205">
        <v>0</v>
      </c>
      <c r="G35" s="203">
        <v>8</v>
      </c>
      <c r="H35" s="203">
        <v>0</v>
      </c>
      <c r="I35" s="203">
        <v>0</v>
      </c>
      <c r="J35" s="203">
        <v>0</v>
      </c>
      <c r="K35" s="203">
        <v>0</v>
      </c>
      <c r="L35" s="208">
        <v>8</v>
      </c>
      <c r="M35" s="207">
        <v>8</v>
      </c>
      <c r="N35" s="203">
        <v>0</v>
      </c>
      <c r="O35" s="203">
        <v>0</v>
      </c>
      <c r="P35" s="208">
        <v>0</v>
      </c>
      <c r="Q35" s="205">
        <v>0</v>
      </c>
      <c r="R35" s="203">
        <v>0</v>
      </c>
      <c r="S35" s="203">
        <v>0</v>
      </c>
      <c r="T35" s="203">
        <v>0</v>
      </c>
      <c r="U35" s="203">
        <v>0</v>
      </c>
      <c r="V35" s="203">
        <v>0</v>
      </c>
      <c r="W35" s="208">
        <v>0</v>
      </c>
      <c r="X35" s="207">
        <v>0</v>
      </c>
    </row>
    <row r="36" spans="2:24" ht="21" customHeight="1" x14ac:dyDescent="0.2">
      <c r="B36" s="421" t="s">
        <v>34</v>
      </c>
      <c r="C36" s="424">
        <v>0</v>
      </c>
      <c r="D36" s="203">
        <v>0</v>
      </c>
      <c r="E36" s="208">
        <v>0</v>
      </c>
      <c r="F36" s="205">
        <v>0</v>
      </c>
      <c r="G36" s="203">
        <v>9</v>
      </c>
      <c r="H36" s="203">
        <v>12</v>
      </c>
      <c r="I36" s="203">
        <v>0</v>
      </c>
      <c r="J36" s="203">
        <v>0</v>
      </c>
      <c r="K36" s="203">
        <v>0</v>
      </c>
      <c r="L36" s="208">
        <v>21</v>
      </c>
      <c r="M36" s="207">
        <v>21</v>
      </c>
      <c r="N36" s="203">
        <v>0</v>
      </c>
      <c r="O36" s="203">
        <v>0</v>
      </c>
      <c r="P36" s="208">
        <v>0</v>
      </c>
      <c r="Q36" s="205">
        <v>0</v>
      </c>
      <c r="R36" s="203">
        <v>0</v>
      </c>
      <c r="S36" s="203">
        <v>0</v>
      </c>
      <c r="T36" s="203">
        <v>0</v>
      </c>
      <c r="U36" s="203">
        <v>0</v>
      </c>
      <c r="V36" s="203">
        <v>0</v>
      </c>
      <c r="W36" s="208">
        <v>0</v>
      </c>
      <c r="X36" s="207">
        <v>0</v>
      </c>
    </row>
    <row r="37" spans="2:24" ht="21" customHeight="1" x14ac:dyDescent="0.2">
      <c r="B37" s="421" t="s">
        <v>35</v>
      </c>
      <c r="C37" s="424">
        <v>0</v>
      </c>
      <c r="D37" s="203">
        <v>0</v>
      </c>
      <c r="E37" s="208">
        <v>0</v>
      </c>
      <c r="F37" s="205">
        <v>0</v>
      </c>
      <c r="G37" s="203">
        <v>0</v>
      </c>
      <c r="H37" s="203">
        <v>20</v>
      </c>
      <c r="I37" s="203">
        <v>0</v>
      </c>
      <c r="J37" s="203">
        <v>0</v>
      </c>
      <c r="K37" s="203">
        <v>0</v>
      </c>
      <c r="L37" s="208">
        <v>20</v>
      </c>
      <c r="M37" s="207">
        <v>20</v>
      </c>
      <c r="N37" s="203">
        <v>0</v>
      </c>
      <c r="O37" s="203">
        <v>0</v>
      </c>
      <c r="P37" s="208">
        <v>0</v>
      </c>
      <c r="Q37" s="205">
        <v>0</v>
      </c>
      <c r="R37" s="203">
        <v>0</v>
      </c>
      <c r="S37" s="203">
        <v>0</v>
      </c>
      <c r="T37" s="203">
        <v>0</v>
      </c>
      <c r="U37" s="203">
        <v>0</v>
      </c>
      <c r="V37" s="203">
        <v>0</v>
      </c>
      <c r="W37" s="208">
        <v>0</v>
      </c>
      <c r="X37" s="207">
        <v>0</v>
      </c>
    </row>
    <row r="38" spans="2:24" ht="21" customHeight="1" x14ac:dyDescent="0.2">
      <c r="B38" s="421" t="s">
        <v>36</v>
      </c>
      <c r="C38" s="424">
        <v>0</v>
      </c>
      <c r="D38" s="203">
        <v>0</v>
      </c>
      <c r="E38" s="208">
        <v>0</v>
      </c>
      <c r="F38" s="205">
        <v>0</v>
      </c>
      <c r="G38" s="203">
        <v>16</v>
      </c>
      <c r="H38" s="203">
        <v>3</v>
      </c>
      <c r="I38" s="203">
        <v>0</v>
      </c>
      <c r="J38" s="203">
        <v>7</v>
      </c>
      <c r="K38" s="203">
        <v>0</v>
      </c>
      <c r="L38" s="208">
        <v>26</v>
      </c>
      <c r="M38" s="207">
        <v>26</v>
      </c>
      <c r="N38" s="203">
        <v>0</v>
      </c>
      <c r="O38" s="203">
        <v>0</v>
      </c>
      <c r="P38" s="208">
        <v>0</v>
      </c>
      <c r="Q38" s="205">
        <v>0</v>
      </c>
      <c r="R38" s="203">
        <v>0</v>
      </c>
      <c r="S38" s="203">
        <v>0</v>
      </c>
      <c r="T38" s="203">
        <v>0</v>
      </c>
      <c r="U38" s="203">
        <v>0</v>
      </c>
      <c r="V38" s="203">
        <v>0</v>
      </c>
      <c r="W38" s="208">
        <v>0</v>
      </c>
      <c r="X38" s="207">
        <v>0</v>
      </c>
    </row>
    <row r="39" spans="2:24" ht="21" customHeight="1" thickBot="1" x14ac:dyDescent="0.25">
      <c r="B39" s="422" t="s">
        <v>37</v>
      </c>
      <c r="C39" s="425">
        <v>0</v>
      </c>
      <c r="D39" s="210">
        <v>0</v>
      </c>
      <c r="E39" s="215">
        <v>0</v>
      </c>
      <c r="F39" s="212">
        <v>0</v>
      </c>
      <c r="G39" s="210">
        <v>0</v>
      </c>
      <c r="H39" s="210">
        <v>0</v>
      </c>
      <c r="I39" s="210">
        <v>0</v>
      </c>
      <c r="J39" s="210">
        <v>0</v>
      </c>
      <c r="K39" s="210">
        <v>0</v>
      </c>
      <c r="L39" s="215">
        <v>0</v>
      </c>
      <c r="M39" s="214">
        <v>0</v>
      </c>
      <c r="N39" s="210">
        <v>0</v>
      </c>
      <c r="O39" s="210">
        <v>0</v>
      </c>
      <c r="P39" s="215">
        <v>0</v>
      </c>
      <c r="Q39" s="212">
        <v>0</v>
      </c>
      <c r="R39" s="210">
        <v>0</v>
      </c>
      <c r="S39" s="210">
        <v>0</v>
      </c>
      <c r="T39" s="210">
        <v>0</v>
      </c>
      <c r="U39" s="210">
        <v>0</v>
      </c>
      <c r="V39" s="210">
        <v>0</v>
      </c>
      <c r="W39" s="215">
        <v>0</v>
      </c>
      <c r="X39" s="214">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38" customWidth="1"/>
    <col min="2" max="2" width="9.77734375" style="187" customWidth="1"/>
    <col min="3" max="4" width="9" style="187"/>
    <col min="5" max="5" width="10" style="187" customWidth="1"/>
    <col min="6" max="6" width="7.77734375" style="187" customWidth="1"/>
    <col min="7" max="7" width="10.77734375" style="187" customWidth="1"/>
    <col min="8" max="16" width="9" style="187"/>
    <col min="17" max="17" width="7.6640625" style="187" customWidth="1"/>
    <col min="18" max="16384" width="9" style="187"/>
  </cols>
  <sheetData>
    <row r="1" spans="2:24" ht="24" customHeight="1" x14ac:dyDescent="0.2">
      <c r="B1" s="186" t="s">
        <v>123</v>
      </c>
      <c r="H1" s="464">
        <f>第１表!F2</f>
        <v>6</v>
      </c>
      <c r="I1" s="464"/>
      <c r="J1" s="43">
        <f>第１表!G2</f>
        <v>4</v>
      </c>
      <c r="K1" s="503">
        <f>IF(J1&lt;3,J1+12-2,J1-2)</f>
        <v>2</v>
      </c>
      <c r="L1" s="503"/>
    </row>
    <row r="2" spans="2:24" ht="24" customHeight="1" thickBot="1" x14ac:dyDescent="0.25">
      <c r="B2" s="186" t="s">
        <v>152</v>
      </c>
    </row>
    <row r="3" spans="2:24" ht="21" customHeight="1" x14ac:dyDescent="0.2">
      <c r="B3" s="526"/>
      <c r="C3" s="509" t="s">
        <v>139</v>
      </c>
      <c r="D3" s="498"/>
      <c r="E3" s="498"/>
      <c r="F3" s="498"/>
      <c r="G3" s="498"/>
      <c r="H3" s="498"/>
      <c r="I3" s="498"/>
      <c r="J3" s="498"/>
      <c r="K3" s="498"/>
      <c r="L3" s="498"/>
      <c r="M3" s="529"/>
      <c r="N3" s="498" t="s">
        <v>112</v>
      </c>
      <c r="O3" s="498"/>
      <c r="P3" s="498"/>
      <c r="Q3" s="498"/>
      <c r="R3" s="498"/>
      <c r="S3" s="498"/>
      <c r="T3" s="498"/>
      <c r="U3" s="498"/>
      <c r="V3" s="498"/>
      <c r="W3" s="498"/>
      <c r="X3" s="529"/>
    </row>
    <row r="4" spans="2:24" ht="21" customHeight="1" x14ac:dyDescent="0.2">
      <c r="B4" s="527"/>
      <c r="C4" s="530" t="s">
        <v>61</v>
      </c>
      <c r="D4" s="531"/>
      <c r="E4" s="532"/>
      <c r="F4" s="530" t="s">
        <v>62</v>
      </c>
      <c r="G4" s="531"/>
      <c r="H4" s="531"/>
      <c r="I4" s="531"/>
      <c r="J4" s="531"/>
      <c r="K4" s="531"/>
      <c r="L4" s="533"/>
      <c r="M4" s="534" t="s">
        <v>52</v>
      </c>
      <c r="N4" s="531" t="s">
        <v>61</v>
      </c>
      <c r="O4" s="531"/>
      <c r="P4" s="532"/>
      <c r="Q4" s="530" t="s">
        <v>62</v>
      </c>
      <c r="R4" s="531"/>
      <c r="S4" s="531"/>
      <c r="T4" s="531"/>
      <c r="U4" s="531"/>
      <c r="V4" s="531"/>
      <c r="W4" s="533"/>
      <c r="X4" s="534" t="s">
        <v>52</v>
      </c>
    </row>
    <row r="5" spans="2:24" ht="30" customHeight="1" thickBot="1" x14ac:dyDescent="0.25">
      <c r="B5" s="528"/>
      <c r="C5" s="188" t="s">
        <v>43</v>
      </c>
      <c r="D5" s="189" t="s">
        <v>44</v>
      </c>
      <c r="E5" s="193" t="s">
        <v>45</v>
      </c>
      <c r="F5" s="191" t="s">
        <v>83</v>
      </c>
      <c r="G5" s="189" t="s">
        <v>47</v>
      </c>
      <c r="H5" s="189" t="s">
        <v>48</v>
      </c>
      <c r="I5" s="189" t="s">
        <v>49</v>
      </c>
      <c r="J5" s="189" t="s">
        <v>50</v>
      </c>
      <c r="K5" s="189" t="s">
        <v>51</v>
      </c>
      <c r="L5" s="193" t="s">
        <v>45</v>
      </c>
      <c r="M5" s="502"/>
      <c r="N5" s="189" t="s">
        <v>43</v>
      </c>
      <c r="O5" s="189" t="s">
        <v>44</v>
      </c>
      <c r="P5" s="193" t="s">
        <v>45</v>
      </c>
      <c r="Q5" s="191" t="s">
        <v>83</v>
      </c>
      <c r="R5" s="189" t="s">
        <v>47</v>
      </c>
      <c r="S5" s="189" t="s">
        <v>48</v>
      </c>
      <c r="T5" s="189" t="s">
        <v>49</v>
      </c>
      <c r="U5" s="189" t="s">
        <v>50</v>
      </c>
      <c r="V5" s="189" t="s">
        <v>51</v>
      </c>
      <c r="W5" s="193" t="s">
        <v>45</v>
      </c>
      <c r="X5" s="502"/>
    </row>
    <row r="6" spans="2:24" ht="21" customHeight="1" x14ac:dyDescent="0.2">
      <c r="B6" s="426" t="s">
        <v>4</v>
      </c>
      <c r="C6" s="423">
        <v>0</v>
      </c>
      <c r="D6" s="196">
        <v>0</v>
      </c>
      <c r="E6" s="201">
        <v>0</v>
      </c>
      <c r="F6" s="198">
        <v>0</v>
      </c>
      <c r="G6" s="196">
        <v>5449</v>
      </c>
      <c r="H6" s="196">
        <v>4923</v>
      </c>
      <c r="I6" s="196">
        <v>2553</v>
      </c>
      <c r="J6" s="196">
        <v>1006</v>
      </c>
      <c r="K6" s="196">
        <v>518</v>
      </c>
      <c r="L6" s="201">
        <v>14449</v>
      </c>
      <c r="M6" s="200">
        <v>14449</v>
      </c>
      <c r="N6" s="196">
        <v>5</v>
      </c>
      <c r="O6" s="196">
        <v>0</v>
      </c>
      <c r="P6" s="201">
        <v>5</v>
      </c>
      <c r="Q6" s="198">
        <v>0</v>
      </c>
      <c r="R6" s="196">
        <v>322</v>
      </c>
      <c r="S6" s="196">
        <v>512</v>
      </c>
      <c r="T6" s="196">
        <v>685</v>
      </c>
      <c r="U6" s="196">
        <v>174</v>
      </c>
      <c r="V6" s="196">
        <v>220</v>
      </c>
      <c r="W6" s="201">
        <v>1913</v>
      </c>
      <c r="X6" s="200">
        <v>1918</v>
      </c>
    </row>
    <row r="7" spans="2:24" ht="21" customHeight="1" x14ac:dyDescent="0.2">
      <c r="B7" s="420" t="s">
        <v>5</v>
      </c>
      <c r="C7" s="424">
        <v>0</v>
      </c>
      <c r="D7" s="203">
        <v>0</v>
      </c>
      <c r="E7" s="208">
        <v>0</v>
      </c>
      <c r="F7" s="205">
        <v>0</v>
      </c>
      <c r="G7" s="203">
        <v>2028</v>
      </c>
      <c r="H7" s="203">
        <v>2603</v>
      </c>
      <c r="I7" s="203">
        <v>1328</v>
      </c>
      <c r="J7" s="203">
        <v>475</v>
      </c>
      <c r="K7" s="203">
        <v>176</v>
      </c>
      <c r="L7" s="208">
        <v>6610</v>
      </c>
      <c r="M7" s="207">
        <v>6610</v>
      </c>
      <c r="N7" s="203">
        <v>5</v>
      </c>
      <c r="O7" s="203">
        <v>0</v>
      </c>
      <c r="P7" s="208">
        <v>5</v>
      </c>
      <c r="Q7" s="205">
        <v>0</v>
      </c>
      <c r="R7" s="203">
        <v>155</v>
      </c>
      <c r="S7" s="203">
        <v>256</v>
      </c>
      <c r="T7" s="203">
        <v>365</v>
      </c>
      <c r="U7" s="203">
        <v>92</v>
      </c>
      <c r="V7" s="203">
        <v>158</v>
      </c>
      <c r="W7" s="208">
        <v>1026</v>
      </c>
      <c r="X7" s="207">
        <v>1031</v>
      </c>
    </row>
    <row r="8" spans="2:24" ht="21" customHeight="1" x14ac:dyDescent="0.2">
      <c r="B8" s="421" t="s">
        <v>6</v>
      </c>
      <c r="C8" s="424">
        <v>0</v>
      </c>
      <c r="D8" s="203">
        <v>0</v>
      </c>
      <c r="E8" s="208">
        <v>0</v>
      </c>
      <c r="F8" s="205">
        <v>0</v>
      </c>
      <c r="G8" s="203">
        <v>896</v>
      </c>
      <c r="H8" s="203">
        <v>613</v>
      </c>
      <c r="I8" s="203">
        <v>293</v>
      </c>
      <c r="J8" s="203">
        <v>128</v>
      </c>
      <c r="K8" s="203">
        <v>109</v>
      </c>
      <c r="L8" s="208">
        <v>2039</v>
      </c>
      <c r="M8" s="207">
        <v>2039</v>
      </c>
      <c r="N8" s="203">
        <v>0</v>
      </c>
      <c r="O8" s="203">
        <v>0</v>
      </c>
      <c r="P8" s="208">
        <v>0</v>
      </c>
      <c r="Q8" s="205">
        <v>0</v>
      </c>
      <c r="R8" s="203">
        <v>76</v>
      </c>
      <c r="S8" s="203">
        <v>169</v>
      </c>
      <c r="T8" s="203">
        <v>239</v>
      </c>
      <c r="U8" s="203">
        <v>27</v>
      </c>
      <c r="V8" s="203">
        <v>53</v>
      </c>
      <c r="W8" s="208">
        <v>564</v>
      </c>
      <c r="X8" s="207">
        <v>564</v>
      </c>
    </row>
    <row r="9" spans="2:24" ht="21" customHeight="1" x14ac:dyDescent="0.2">
      <c r="B9" s="421" t="s">
        <v>14</v>
      </c>
      <c r="C9" s="424">
        <v>0</v>
      </c>
      <c r="D9" s="203">
        <v>0</v>
      </c>
      <c r="E9" s="208">
        <v>0</v>
      </c>
      <c r="F9" s="205">
        <v>0</v>
      </c>
      <c r="G9" s="203">
        <v>223</v>
      </c>
      <c r="H9" s="203">
        <v>363</v>
      </c>
      <c r="I9" s="203">
        <v>171</v>
      </c>
      <c r="J9" s="203">
        <v>95</v>
      </c>
      <c r="K9" s="203">
        <v>38</v>
      </c>
      <c r="L9" s="208">
        <v>890</v>
      </c>
      <c r="M9" s="207">
        <v>890</v>
      </c>
      <c r="N9" s="203">
        <v>0</v>
      </c>
      <c r="O9" s="203">
        <v>0</v>
      </c>
      <c r="P9" s="208">
        <v>0</v>
      </c>
      <c r="Q9" s="205">
        <v>0</v>
      </c>
      <c r="R9" s="203">
        <v>2</v>
      </c>
      <c r="S9" s="203">
        <v>11</v>
      </c>
      <c r="T9" s="203">
        <v>4</v>
      </c>
      <c r="U9" s="203">
        <v>3</v>
      </c>
      <c r="V9" s="203">
        <v>0</v>
      </c>
      <c r="W9" s="208">
        <v>20</v>
      </c>
      <c r="X9" s="207">
        <v>20</v>
      </c>
    </row>
    <row r="10" spans="2:24" ht="21" customHeight="1" x14ac:dyDescent="0.2">
      <c r="B10" s="421" t="s">
        <v>7</v>
      </c>
      <c r="C10" s="424">
        <v>0</v>
      </c>
      <c r="D10" s="203">
        <v>0</v>
      </c>
      <c r="E10" s="208">
        <v>0</v>
      </c>
      <c r="F10" s="205">
        <v>0</v>
      </c>
      <c r="G10" s="203">
        <v>258</v>
      </c>
      <c r="H10" s="203">
        <v>135</v>
      </c>
      <c r="I10" s="203">
        <v>59</v>
      </c>
      <c r="J10" s="203">
        <v>24</v>
      </c>
      <c r="K10" s="203">
        <v>19</v>
      </c>
      <c r="L10" s="208">
        <v>495</v>
      </c>
      <c r="M10" s="207">
        <v>495</v>
      </c>
      <c r="N10" s="203">
        <v>0</v>
      </c>
      <c r="O10" s="203">
        <v>0</v>
      </c>
      <c r="P10" s="208">
        <v>0</v>
      </c>
      <c r="Q10" s="205">
        <v>0</v>
      </c>
      <c r="R10" s="203">
        <v>30</v>
      </c>
      <c r="S10" s="203">
        <v>39</v>
      </c>
      <c r="T10" s="203">
        <v>38</v>
      </c>
      <c r="U10" s="203">
        <v>9</v>
      </c>
      <c r="V10" s="203">
        <v>0</v>
      </c>
      <c r="W10" s="208">
        <v>116</v>
      </c>
      <c r="X10" s="207">
        <v>116</v>
      </c>
    </row>
    <row r="11" spans="2:24" ht="21" customHeight="1" x14ac:dyDescent="0.2">
      <c r="B11" s="421" t="s">
        <v>8</v>
      </c>
      <c r="C11" s="424">
        <v>0</v>
      </c>
      <c r="D11" s="203">
        <v>0</v>
      </c>
      <c r="E11" s="208">
        <v>0</v>
      </c>
      <c r="F11" s="205">
        <v>0</v>
      </c>
      <c r="G11" s="203">
        <v>278</v>
      </c>
      <c r="H11" s="203">
        <v>140</v>
      </c>
      <c r="I11" s="203">
        <v>42</v>
      </c>
      <c r="J11" s="203">
        <v>23</v>
      </c>
      <c r="K11" s="203">
        <v>23</v>
      </c>
      <c r="L11" s="208">
        <v>506</v>
      </c>
      <c r="M11" s="207">
        <v>506</v>
      </c>
      <c r="N11" s="203">
        <v>0</v>
      </c>
      <c r="O11" s="203">
        <v>0</v>
      </c>
      <c r="P11" s="208">
        <v>0</v>
      </c>
      <c r="Q11" s="205">
        <v>0</v>
      </c>
      <c r="R11" s="203">
        <v>0</v>
      </c>
      <c r="S11" s="203">
        <v>0</v>
      </c>
      <c r="T11" s="203">
        <v>0</v>
      </c>
      <c r="U11" s="203">
        <v>0</v>
      </c>
      <c r="V11" s="203">
        <v>0</v>
      </c>
      <c r="W11" s="208">
        <v>0</v>
      </c>
      <c r="X11" s="207">
        <v>0</v>
      </c>
    </row>
    <row r="12" spans="2:24" ht="21" customHeight="1" x14ac:dyDescent="0.2">
      <c r="B12" s="421" t="s">
        <v>9</v>
      </c>
      <c r="C12" s="424">
        <v>0</v>
      </c>
      <c r="D12" s="203">
        <v>0</v>
      </c>
      <c r="E12" s="208">
        <v>0</v>
      </c>
      <c r="F12" s="205">
        <v>0</v>
      </c>
      <c r="G12" s="203">
        <v>276</v>
      </c>
      <c r="H12" s="203">
        <v>143</v>
      </c>
      <c r="I12" s="203">
        <v>188</v>
      </c>
      <c r="J12" s="203">
        <v>46</v>
      </c>
      <c r="K12" s="203">
        <v>38</v>
      </c>
      <c r="L12" s="208">
        <v>691</v>
      </c>
      <c r="M12" s="207">
        <v>691</v>
      </c>
      <c r="N12" s="203">
        <v>0</v>
      </c>
      <c r="O12" s="203">
        <v>0</v>
      </c>
      <c r="P12" s="208">
        <v>0</v>
      </c>
      <c r="Q12" s="205">
        <v>0</v>
      </c>
      <c r="R12" s="203">
        <v>0</v>
      </c>
      <c r="S12" s="203">
        <v>4</v>
      </c>
      <c r="T12" s="203">
        <v>0</v>
      </c>
      <c r="U12" s="203">
        <v>0</v>
      </c>
      <c r="V12" s="203">
        <v>0</v>
      </c>
      <c r="W12" s="208">
        <v>4</v>
      </c>
      <c r="X12" s="207">
        <v>4</v>
      </c>
    </row>
    <row r="13" spans="2:24" ht="21" customHeight="1" x14ac:dyDescent="0.2">
      <c r="B13" s="421" t="s">
        <v>10</v>
      </c>
      <c r="C13" s="424">
        <v>0</v>
      </c>
      <c r="D13" s="203">
        <v>0</v>
      </c>
      <c r="E13" s="208">
        <v>0</v>
      </c>
      <c r="F13" s="205">
        <v>0</v>
      </c>
      <c r="G13" s="203">
        <v>258</v>
      </c>
      <c r="H13" s="203">
        <v>108</v>
      </c>
      <c r="I13" s="203">
        <v>30</v>
      </c>
      <c r="J13" s="203">
        <v>30</v>
      </c>
      <c r="K13" s="203">
        <v>0</v>
      </c>
      <c r="L13" s="208">
        <v>426</v>
      </c>
      <c r="M13" s="207">
        <v>426</v>
      </c>
      <c r="N13" s="203">
        <v>0</v>
      </c>
      <c r="O13" s="203">
        <v>0</v>
      </c>
      <c r="P13" s="208">
        <v>0</v>
      </c>
      <c r="Q13" s="205">
        <v>0</v>
      </c>
      <c r="R13" s="203">
        <v>6</v>
      </c>
      <c r="S13" s="203">
        <v>0</v>
      </c>
      <c r="T13" s="203">
        <v>16</v>
      </c>
      <c r="U13" s="203">
        <v>23</v>
      </c>
      <c r="V13" s="203">
        <v>0</v>
      </c>
      <c r="W13" s="208">
        <v>45</v>
      </c>
      <c r="X13" s="207">
        <v>45</v>
      </c>
    </row>
    <row r="14" spans="2:24" ht="21" customHeight="1" x14ac:dyDescent="0.2">
      <c r="B14" s="421" t="s">
        <v>11</v>
      </c>
      <c r="C14" s="424">
        <v>0</v>
      </c>
      <c r="D14" s="203">
        <v>0</v>
      </c>
      <c r="E14" s="208">
        <v>0</v>
      </c>
      <c r="F14" s="205">
        <v>0</v>
      </c>
      <c r="G14" s="203">
        <v>231</v>
      </c>
      <c r="H14" s="203">
        <v>87</v>
      </c>
      <c r="I14" s="203">
        <v>28</v>
      </c>
      <c r="J14" s="203">
        <v>43</v>
      </c>
      <c r="K14" s="203">
        <v>21</v>
      </c>
      <c r="L14" s="208">
        <v>410</v>
      </c>
      <c r="M14" s="207">
        <v>410</v>
      </c>
      <c r="N14" s="203">
        <v>0</v>
      </c>
      <c r="O14" s="203">
        <v>0</v>
      </c>
      <c r="P14" s="208">
        <v>0</v>
      </c>
      <c r="Q14" s="205">
        <v>0</v>
      </c>
      <c r="R14" s="203">
        <v>12</v>
      </c>
      <c r="S14" s="203">
        <v>0</v>
      </c>
      <c r="T14" s="203">
        <v>0</v>
      </c>
      <c r="U14" s="203">
        <v>0</v>
      </c>
      <c r="V14" s="203">
        <v>0</v>
      </c>
      <c r="W14" s="208">
        <v>12</v>
      </c>
      <c r="X14" s="207">
        <v>12</v>
      </c>
    </row>
    <row r="15" spans="2:24" ht="21" customHeight="1" x14ac:dyDescent="0.2">
      <c r="B15" s="421" t="s">
        <v>12</v>
      </c>
      <c r="C15" s="424">
        <v>0</v>
      </c>
      <c r="D15" s="203">
        <v>0</v>
      </c>
      <c r="E15" s="208">
        <v>0</v>
      </c>
      <c r="F15" s="205">
        <v>0</v>
      </c>
      <c r="G15" s="203">
        <v>115</v>
      </c>
      <c r="H15" s="203">
        <v>126</v>
      </c>
      <c r="I15" s="203">
        <v>38</v>
      </c>
      <c r="J15" s="203">
        <v>19</v>
      </c>
      <c r="K15" s="203">
        <v>39</v>
      </c>
      <c r="L15" s="208">
        <v>337</v>
      </c>
      <c r="M15" s="207">
        <v>337</v>
      </c>
      <c r="N15" s="203">
        <v>0</v>
      </c>
      <c r="O15" s="203">
        <v>0</v>
      </c>
      <c r="P15" s="208">
        <v>0</v>
      </c>
      <c r="Q15" s="205">
        <v>0</v>
      </c>
      <c r="R15" s="203">
        <v>0</v>
      </c>
      <c r="S15" s="203">
        <v>0</v>
      </c>
      <c r="T15" s="203">
        <v>0</v>
      </c>
      <c r="U15" s="203">
        <v>0</v>
      </c>
      <c r="V15" s="203">
        <v>0</v>
      </c>
      <c r="W15" s="208">
        <v>0</v>
      </c>
      <c r="X15" s="207">
        <v>0</v>
      </c>
    </row>
    <row r="16" spans="2:24" ht="21" customHeight="1" x14ac:dyDescent="0.2">
      <c r="B16" s="421" t="s">
        <v>13</v>
      </c>
      <c r="C16" s="424">
        <v>0</v>
      </c>
      <c r="D16" s="203">
        <v>0</v>
      </c>
      <c r="E16" s="208">
        <v>0</v>
      </c>
      <c r="F16" s="205">
        <v>0</v>
      </c>
      <c r="G16" s="203">
        <v>65</v>
      </c>
      <c r="H16" s="203">
        <v>106</v>
      </c>
      <c r="I16" s="203">
        <v>60</v>
      </c>
      <c r="J16" s="203">
        <v>12</v>
      </c>
      <c r="K16" s="203">
        <v>18</v>
      </c>
      <c r="L16" s="208">
        <v>261</v>
      </c>
      <c r="M16" s="207">
        <v>261</v>
      </c>
      <c r="N16" s="203">
        <v>0</v>
      </c>
      <c r="O16" s="203">
        <v>0</v>
      </c>
      <c r="P16" s="208">
        <v>0</v>
      </c>
      <c r="Q16" s="205">
        <v>0</v>
      </c>
      <c r="R16" s="203">
        <v>4</v>
      </c>
      <c r="S16" s="203">
        <v>0</v>
      </c>
      <c r="T16" s="203">
        <v>0</v>
      </c>
      <c r="U16" s="203">
        <v>0</v>
      </c>
      <c r="V16" s="203">
        <v>0</v>
      </c>
      <c r="W16" s="208">
        <v>4</v>
      </c>
      <c r="X16" s="207">
        <v>4</v>
      </c>
    </row>
    <row r="17" spans="2:24" ht="21" customHeight="1" x14ac:dyDescent="0.2">
      <c r="B17" s="421" t="s">
        <v>15</v>
      </c>
      <c r="C17" s="424">
        <v>0</v>
      </c>
      <c r="D17" s="203">
        <v>0</v>
      </c>
      <c r="E17" s="208">
        <v>0</v>
      </c>
      <c r="F17" s="205">
        <v>0</v>
      </c>
      <c r="G17" s="203">
        <v>52</v>
      </c>
      <c r="H17" s="203">
        <v>47</v>
      </c>
      <c r="I17" s="203">
        <v>4</v>
      </c>
      <c r="J17" s="203">
        <v>15</v>
      </c>
      <c r="K17" s="203">
        <v>13</v>
      </c>
      <c r="L17" s="208">
        <v>131</v>
      </c>
      <c r="M17" s="207">
        <v>131</v>
      </c>
      <c r="N17" s="203">
        <v>0</v>
      </c>
      <c r="O17" s="203">
        <v>0</v>
      </c>
      <c r="P17" s="208">
        <v>0</v>
      </c>
      <c r="Q17" s="205">
        <v>0</v>
      </c>
      <c r="R17" s="203">
        <v>0</v>
      </c>
      <c r="S17" s="203">
        <v>0</v>
      </c>
      <c r="T17" s="203">
        <v>0</v>
      </c>
      <c r="U17" s="203">
        <v>0</v>
      </c>
      <c r="V17" s="203">
        <v>0</v>
      </c>
      <c r="W17" s="208">
        <v>0</v>
      </c>
      <c r="X17" s="207">
        <v>0</v>
      </c>
    </row>
    <row r="18" spans="2:24" ht="21" customHeight="1" x14ac:dyDescent="0.2">
      <c r="B18" s="421" t="s">
        <v>16</v>
      </c>
      <c r="C18" s="424">
        <v>0</v>
      </c>
      <c r="D18" s="203">
        <v>0</v>
      </c>
      <c r="E18" s="208">
        <v>0</v>
      </c>
      <c r="F18" s="205">
        <v>0</v>
      </c>
      <c r="G18" s="203">
        <v>58</v>
      </c>
      <c r="H18" s="203">
        <v>70</v>
      </c>
      <c r="I18" s="203">
        <v>56</v>
      </c>
      <c r="J18" s="203">
        <v>3</v>
      </c>
      <c r="K18" s="203">
        <v>0</v>
      </c>
      <c r="L18" s="208">
        <v>187</v>
      </c>
      <c r="M18" s="207">
        <v>187</v>
      </c>
      <c r="N18" s="203">
        <v>0</v>
      </c>
      <c r="O18" s="203">
        <v>0</v>
      </c>
      <c r="P18" s="208">
        <v>0</v>
      </c>
      <c r="Q18" s="205">
        <v>0</v>
      </c>
      <c r="R18" s="203">
        <v>11</v>
      </c>
      <c r="S18" s="203">
        <v>12</v>
      </c>
      <c r="T18" s="203">
        <v>8</v>
      </c>
      <c r="U18" s="203">
        <v>0</v>
      </c>
      <c r="V18" s="203">
        <v>0</v>
      </c>
      <c r="W18" s="208">
        <v>31</v>
      </c>
      <c r="X18" s="207">
        <v>31</v>
      </c>
    </row>
    <row r="19" spans="2:24" ht="21" customHeight="1" x14ac:dyDescent="0.2">
      <c r="B19" s="421" t="s">
        <v>17</v>
      </c>
      <c r="C19" s="424">
        <v>0</v>
      </c>
      <c r="D19" s="203">
        <v>0</v>
      </c>
      <c r="E19" s="208">
        <v>0</v>
      </c>
      <c r="F19" s="205">
        <v>0</v>
      </c>
      <c r="G19" s="203">
        <v>141</v>
      </c>
      <c r="H19" s="203">
        <v>99</v>
      </c>
      <c r="I19" s="203">
        <v>74</v>
      </c>
      <c r="J19" s="203">
        <v>11</v>
      </c>
      <c r="K19" s="203">
        <v>7</v>
      </c>
      <c r="L19" s="208">
        <v>332</v>
      </c>
      <c r="M19" s="207">
        <v>332</v>
      </c>
      <c r="N19" s="203">
        <v>0</v>
      </c>
      <c r="O19" s="203">
        <v>0</v>
      </c>
      <c r="P19" s="208">
        <v>0</v>
      </c>
      <c r="Q19" s="205">
        <v>0</v>
      </c>
      <c r="R19" s="203">
        <v>0</v>
      </c>
      <c r="S19" s="203">
        <v>0</v>
      </c>
      <c r="T19" s="203">
        <v>0</v>
      </c>
      <c r="U19" s="203">
        <v>0</v>
      </c>
      <c r="V19" s="203">
        <v>2</v>
      </c>
      <c r="W19" s="208">
        <v>2</v>
      </c>
      <c r="X19" s="207">
        <v>2</v>
      </c>
    </row>
    <row r="20" spans="2:24" ht="21" customHeight="1" x14ac:dyDescent="0.2">
      <c r="B20" s="421" t="s">
        <v>18</v>
      </c>
      <c r="C20" s="424">
        <v>0</v>
      </c>
      <c r="D20" s="203">
        <v>0</v>
      </c>
      <c r="E20" s="208">
        <v>0</v>
      </c>
      <c r="F20" s="205">
        <v>0</v>
      </c>
      <c r="G20" s="203">
        <v>138</v>
      </c>
      <c r="H20" s="203">
        <v>53</v>
      </c>
      <c r="I20" s="203">
        <v>78</v>
      </c>
      <c r="J20" s="203">
        <v>26</v>
      </c>
      <c r="K20" s="203">
        <v>0</v>
      </c>
      <c r="L20" s="208">
        <v>295</v>
      </c>
      <c r="M20" s="207">
        <v>295</v>
      </c>
      <c r="N20" s="203">
        <v>0</v>
      </c>
      <c r="O20" s="203">
        <v>0</v>
      </c>
      <c r="P20" s="208">
        <v>0</v>
      </c>
      <c r="Q20" s="205">
        <v>0</v>
      </c>
      <c r="R20" s="203">
        <v>10</v>
      </c>
      <c r="S20" s="203">
        <v>0</v>
      </c>
      <c r="T20" s="203">
        <v>7</v>
      </c>
      <c r="U20" s="203">
        <v>12</v>
      </c>
      <c r="V20" s="203">
        <v>0</v>
      </c>
      <c r="W20" s="208">
        <v>29</v>
      </c>
      <c r="X20" s="207">
        <v>29</v>
      </c>
    </row>
    <row r="21" spans="2:24" ht="21" customHeight="1" x14ac:dyDescent="0.2">
      <c r="B21" s="421" t="s">
        <v>19</v>
      </c>
      <c r="C21" s="424">
        <v>0</v>
      </c>
      <c r="D21" s="203">
        <v>0</v>
      </c>
      <c r="E21" s="208">
        <v>0</v>
      </c>
      <c r="F21" s="205">
        <v>0</v>
      </c>
      <c r="G21" s="203">
        <v>54</v>
      </c>
      <c r="H21" s="203">
        <v>55</v>
      </c>
      <c r="I21" s="203">
        <v>6</v>
      </c>
      <c r="J21" s="203">
        <v>16</v>
      </c>
      <c r="K21" s="203">
        <v>0</v>
      </c>
      <c r="L21" s="208">
        <v>131</v>
      </c>
      <c r="M21" s="207">
        <v>131</v>
      </c>
      <c r="N21" s="203">
        <v>0</v>
      </c>
      <c r="O21" s="203">
        <v>0</v>
      </c>
      <c r="P21" s="208">
        <v>0</v>
      </c>
      <c r="Q21" s="205">
        <v>0</v>
      </c>
      <c r="R21" s="203">
        <v>5</v>
      </c>
      <c r="S21" s="203">
        <v>12</v>
      </c>
      <c r="T21" s="203">
        <v>0</v>
      </c>
      <c r="U21" s="203">
        <v>8</v>
      </c>
      <c r="V21" s="203">
        <v>0</v>
      </c>
      <c r="W21" s="208">
        <v>25</v>
      </c>
      <c r="X21" s="207">
        <v>25</v>
      </c>
    </row>
    <row r="22" spans="2:24" ht="21" customHeight="1" x14ac:dyDescent="0.2">
      <c r="B22" s="421" t="s">
        <v>20</v>
      </c>
      <c r="C22" s="424">
        <v>0</v>
      </c>
      <c r="D22" s="203">
        <v>0</v>
      </c>
      <c r="E22" s="208">
        <v>0</v>
      </c>
      <c r="F22" s="205">
        <v>0</v>
      </c>
      <c r="G22" s="203">
        <v>57</v>
      </c>
      <c r="H22" s="203">
        <v>44</v>
      </c>
      <c r="I22" s="203">
        <v>10</v>
      </c>
      <c r="J22" s="203">
        <v>3</v>
      </c>
      <c r="K22" s="203">
        <v>0</v>
      </c>
      <c r="L22" s="208">
        <v>114</v>
      </c>
      <c r="M22" s="207">
        <v>114</v>
      </c>
      <c r="N22" s="203">
        <v>0</v>
      </c>
      <c r="O22" s="203">
        <v>0</v>
      </c>
      <c r="P22" s="208">
        <v>0</v>
      </c>
      <c r="Q22" s="205">
        <v>0</v>
      </c>
      <c r="R22" s="203">
        <v>0</v>
      </c>
      <c r="S22" s="203">
        <v>0</v>
      </c>
      <c r="T22" s="203">
        <v>0</v>
      </c>
      <c r="U22" s="203">
        <v>0</v>
      </c>
      <c r="V22" s="203">
        <v>0</v>
      </c>
      <c r="W22" s="208">
        <v>0</v>
      </c>
      <c r="X22" s="207">
        <v>0</v>
      </c>
    </row>
    <row r="23" spans="2:24" ht="21" customHeight="1" x14ac:dyDescent="0.2">
      <c r="B23" s="421" t="s">
        <v>21</v>
      </c>
      <c r="C23" s="424">
        <v>0</v>
      </c>
      <c r="D23" s="203">
        <v>0</v>
      </c>
      <c r="E23" s="208">
        <v>0</v>
      </c>
      <c r="F23" s="205">
        <v>0</v>
      </c>
      <c r="G23" s="203">
        <v>95</v>
      </c>
      <c r="H23" s="203">
        <v>23</v>
      </c>
      <c r="I23" s="203">
        <v>10</v>
      </c>
      <c r="J23" s="203">
        <v>4</v>
      </c>
      <c r="K23" s="203">
        <v>0</v>
      </c>
      <c r="L23" s="208">
        <v>132</v>
      </c>
      <c r="M23" s="207">
        <v>132</v>
      </c>
      <c r="N23" s="203">
        <v>0</v>
      </c>
      <c r="O23" s="203">
        <v>0</v>
      </c>
      <c r="P23" s="208">
        <v>0</v>
      </c>
      <c r="Q23" s="205">
        <v>0</v>
      </c>
      <c r="R23" s="203">
        <v>0</v>
      </c>
      <c r="S23" s="203">
        <v>0</v>
      </c>
      <c r="T23" s="203">
        <v>0</v>
      </c>
      <c r="U23" s="203">
        <v>0</v>
      </c>
      <c r="V23" s="203">
        <v>0</v>
      </c>
      <c r="W23" s="208">
        <v>0</v>
      </c>
      <c r="X23" s="207">
        <v>0</v>
      </c>
    </row>
    <row r="24" spans="2:24" ht="21" customHeight="1" x14ac:dyDescent="0.2">
      <c r="B24" s="421" t="s">
        <v>22</v>
      </c>
      <c r="C24" s="424">
        <v>0</v>
      </c>
      <c r="D24" s="203">
        <v>0</v>
      </c>
      <c r="E24" s="208">
        <v>0</v>
      </c>
      <c r="F24" s="205">
        <v>0</v>
      </c>
      <c r="G24" s="203">
        <v>56</v>
      </c>
      <c r="H24" s="203">
        <v>37</v>
      </c>
      <c r="I24" s="203">
        <v>0</v>
      </c>
      <c r="J24" s="203">
        <v>7</v>
      </c>
      <c r="K24" s="203">
        <v>0</v>
      </c>
      <c r="L24" s="208">
        <v>100</v>
      </c>
      <c r="M24" s="207">
        <v>100</v>
      </c>
      <c r="N24" s="203">
        <v>0</v>
      </c>
      <c r="O24" s="203">
        <v>0</v>
      </c>
      <c r="P24" s="208">
        <v>0</v>
      </c>
      <c r="Q24" s="205">
        <v>0</v>
      </c>
      <c r="R24" s="203">
        <v>0</v>
      </c>
      <c r="S24" s="203">
        <v>0</v>
      </c>
      <c r="T24" s="203">
        <v>0</v>
      </c>
      <c r="U24" s="203">
        <v>0</v>
      </c>
      <c r="V24" s="203">
        <v>0</v>
      </c>
      <c r="W24" s="208">
        <v>0</v>
      </c>
      <c r="X24" s="207">
        <v>0</v>
      </c>
    </row>
    <row r="25" spans="2:24" ht="21" customHeight="1" x14ac:dyDescent="0.2">
      <c r="B25" s="421" t="s">
        <v>23</v>
      </c>
      <c r="C25" s="424">
        <v>0</v>
      </c>
      <c r="D25" s="203">
        <v>0</v>
      </c>
      <c r="E25" s="208">
        <v>0</v>
      </c>
      <c r="F25" s="205">
        <v>0</v>
      </c>
      <c r="G25" s="203">
        <v>7</v>
      </c>
      <c r="H25" s="203">
        <v>19</v>
      </c>
      <c r="I25" s="203">
        <v>16</v>
      </c>
      <c r="J25" s="203">
        <v>0</v>
      </c>
      <c r="K25" s="203">
        <v>0</v>
      </c>
      <c r="L25" s="208">
        <v>42</v>
      </c>
      <c r="M25" s="207">
        <v>42</v>
      </c>
      <c r="N25" s="203">
        <v>0</v>
      </c>
      <c r="O25" s="203">
        <v>0</v>
      </c>
      <c r="P25" s="208">
        <v>0</v>
      </c>
      <c r="Q25" s="205">
        <v>0</v>
      </c>
      <c r="R25" s="203">
        <v>0</v>
      </c>
      <c r="S25" s="203">
        <v>0</v>
      </c>
      <c r="T25" s="203">
        <v>0</v>
      </c>
      <c r="U25" s="203">
        <v>0</v>
      </c>
      <c r="V25" s="203">
        <v>0</v>
      </c>
      <c r="W25" s="208">
        <v>0</v>
      </c>
      <c r="X25" s="207">
        <v>0</v>
      </c>
    </row>
    <row r="26" spans="2:24" ht="21" customHeight="1" x14ac:dyDescent="0.2">
      <c r="B26" s="421" t="s">
        <v>24</v>
      </c>
      <c r="C26" s="424">
        <v>0</v>
      </c>
      <c r="D26" s="203">
        <v>0</v>
      </c>
      <c r="E26" s="208">
        <v>0</v>
      </c>
      <c r="F26" s="205">
        <v>0</v>
      </c>
      <c r="G26" s="203">
        <v>0</v>
      </c>
      <c r="H26" s="203">
        <v>1</v>
      </c>
      <c r="I26" s="203">
        <v>0</v>
      </c>
      <c r="J26" s="203">
        <v>12</v>
      </c>
      <c r="K26" s="203">
        <v>0</v>
      </c>
      <c r="L26" s="208">
        <v>13</v>
      </c>
      <c r="M26" s="207">
        <v>13</v>
      </c>
      <c r="N26" s="203">
        <v>0</v>
      </c>
      <c r="O26" s="203">
        <v>0</v>
      </c>
      <c r="P26" s="208">
        <v>0</v>
      </c>
      <c r="Q26" s="205">
        <v>0</v>
      </c>
      <c r="R26" s="203">
        <v>0</v>
      </c>
      <c r="S26" s="203">
        <v>0</v>
      </c>
      <c r="T26" s="203">
        <v>0</v>
      </c>
      <c r="U26" s="203">
        <v>0</v>
      </c>
      <c r="V26" s="203">
        <v>7</v>
      </c>
      <c r="W26" s="208">
        <v>7</v>
      </c>
      <c r="X26" s="207">
        <v>7</v>
      </c>
    </row>
    <row r="27" spans="2:24" ht="21" customHeight="1" x14ac:dyDescent="0.2">
      <c r="B27" s="421" t="s">
        <v>25</v>
      </c>
      <c r="C27" s="424">
        <v>0</v>
      </c>
      <c r="D27" s="203">
        <v>0</v>
      </c>
      <c r="E27" s="208">
        <v>0</v>
      </c>
      <c r="F27" s="205">
        <v>0</v>
      </c>
      <c r="G27" s="203">
        <v>37</v>
      </c>
      <c r="H27" s="203">
        <v>12</v>
      </c>
      <c r="I27" s="203">
        <v>4</v>
      </c>
      <c r="J27" s="203">
        <v>0</v>
      </c>
      <c r="K27" s="203">
        <v>0</v>
      </c>
      <c r="L27" s="208">
        <v>53</v>
      </c>
      <c r="M27" s="207">
        <v>53</v>
      </c>
      <c r="N27" s="203">
        <v>0</v>
      </c>
      <c r="O27" s="203">
        <v>0</v>
      </c>
      <c r="P27" s="208">
        <v>0</v>
      </c>
      <c r="Q27" s="205">
        <v>0</v>
      </c>
      <c r="R27" s="203">
        <v>0</v>
      </c>
      <c r="S27" s="203">
        <v>0</v>
      </c>
      <c r="T27" s="203">
        <v>0</v>
      </c>
      <c r="U27" s="203">
        <v>0</v>
      </c>
      <c r="V27" s="203">
        <v>0</v>
      </c>
      <c r="W27" s="208">
        <v>0</v>
      </c>
      <c r="X27" s="207">
        <v>0</v>
      </c>
    </row>
    <row r="28" spans="2:24" ht="21" customHeight="1" x14ac:dyDescent="0.2">
      <c r="B28" s="421" t="s">
        <v>26</v>
      </c>
      <c r="C28" s="424">
        <v>0</v>
      </c>
      <c r="D28" s="203">
        <v>0</v>
      </c>
      <c r="E28" s="208">
        <v>0</v>
      </c>
      <c r="F28" s="205">
        <v>0</v>
      </c>
      <c r="G28" s="203">
        <v>3</v>
      </c>
      <c r="H28" s="203">
        <v>15</v>
      </c>
      <c r="I28" s="203">
        <v>26</v>
      </c>
      <c r="J28" s="203">
        <v>0</v>
      </c>
      <c r="K28" s="203">
        <v>4</v>
      </c>
      <c r="L28" s="208">
        <v>48</v>
      </c>
      <c r="M28" s="207">
        <v>48</v>
      </c>
      <c r="N28" s="203">
        <v>0</v>
      </c>
      <c r="O28" s="203">
        <v>0</v>
      </c>
      <c r="P28" s="208">
        <v>0</v>
      </c>
      <c r="Q28" s="205">
        <v>0</v>
      </c>
      <c r="R28" s="203">
        <v>0</v>
      </c>
      <c r="S28" s="203">
        <v>0</v>
      </c>
      <c r="T28" s="203">
        <v>0</v>
      </c>
      <c r="U28" s="203">
        <v>0</v>
      </c>
      <c r="V28" s="203">
        <v>0</v>
      </c>
      <c r="W28" s="208">
        <v>0</v>
      </c>
      <c r="X28" s="207">
        <v>0</v>
      </c>
    </row>
    <row r="29" spans="2:24" ht="21" customHeight="1" x14ac:dyDescent="0.2">
      <c r="B29" s="421" t="s">
        <v>27</v>
      </c>
      <c r="C29" s="424">
        <v>0</v>
      </c>
      <c r="D29" s="203">
        <v>0</v>
      </c>
      <c r="E29" s="208">
        <v>0</v>
      </c>
      <c r="F29" s="205">
        <v>0</v>
      </c>
      <c r="G29" s="203">
        <v>27</v>
      </c>
      <c r="H29" s="203">
        <v>11</v>
      </c>
      <c r="I29" s="203">
        <v>0</v>
      </c>
      <c r="J29" s="203">
        <v>0</v>
      </c>
      <c r="K29" s="203">
        <v>0</v>
      </c>
      <c r="L29" s="208">
        <v>38</v>
      </c>
      <c r="M29" s="207">
        <v>38</v>
      </c>
      <c r="N29" s="203">
        <v>0</v>
      </c>
      <c r="O29" s="203">
        <v>0</v>
      </c>
      <c r="P29" s="208">
        <v>0</v>
      </c>
      <c r="Q29" s="205">
        <v>0</v>
      </c>
      <c r="R29" s="203">
        <v>0</v>
      </c>
      <c r="S29" s="203">
        <v>5</v>
      </c>
      <c r="T29" s="203">
        <v>8</v>
      </c>
      <c r="U29" s="203">
        <v>0</v>
      </c>
      <c r="V29" s="203">
        <v>0</v>
      </c>
      <c r="W29" s="208">
        <v>13</v>
      </c>
      <c r="X29" s="207">
        <v>13</v>
      </c>
    </row>
    <row r="30" spans="2:24" ht="21" customHeight="1" x14ac:dyDescent="0.2">
      <c r="B30" s="421" t="s">
        <v>28</v>
      </c>
      <c r="C30" s="424">
        <v>0</v>
      </c>
      <c r="D30" s="203">
        <v>0</v>
      </c>
      <c r="E30" s="208">
        <v>0</v>
      </c>
      <c r="F30" s="205">
        <v>0</v>
      </c>
      <c r="G30" s="203">
        <v>39</v>
      </c>
      <c r="H30" s="203">
        <v>4</v>
      </c>
      <c r="I30" s="203">
        <v>0</v>
      </c>
      <c r="J30" s="203">
        <v>0</v>
      </c>
      <c r="K30" s="203">
        <v>0</v>
      </c>
      <c r="L30" s="208">
        <v>43</v>
      </c>
      <c r="M30" s="207">
        <v>43</v>
      </c>
      <c r="N30" s="203">
        <v>0</v>
      </c>
      <c r="O30" s="203">
        <v>0</v>
      </c>
      <c r="P30" s="208">
        <v>0</v>
      </c>
      <c r="Q30" s="205">
        <v>0</v>
      </c>
      <c r="R30" s="203">
        <v>0</v>
      </c>
      <c r="S30" s="203">
        <v>0</v>
      </c>
      <c r="T30" s="203">
        <v>0</v>
      </c>
      <c r="U30" s="203">
        <v>0</v>
      </c>
      <c r="V30" s="203">
        <v>0</v>
      </c>
      <c r="W30" s="208">
        <v>0</v>
      </c>
      <c r="X30" s="207">
        <v>0</v>
      </c>
    </row>
    <row r="31" spans="2:24" ht="21" customHeight="1" x14ac:dyDescent="0.2">
      <c r="B31" s="421" t="s">
        <v>29</v>
      </c>
      <c r="C31" s="424">
        <v>0</v>
      </c>
      <c r="D31" s="203">
        <v>0</v>
      </c>
      <c r="E31" s="208">
        <v>0</v>
      </c>
      <c r="F31" s="205">
        <v>0</v>
      </c>
      <c r="G31" s="203">
        <v>9</v>
      </c>
      <c r="H31" s="203">
        <v>0</v>
      </c>
      <c r="I31" s="203">
        <v>8</v>
      </c>
      <c r="J31" s="203">
        <v>3</v>
      </c>
      <c r="K31" s="203">
        <v>0</v>
      </c>
      <c r="L31" s="208">
        <v>20</v>
      </c>
      <c r="M31" s="207">
        <v>20</v>
      </c>
      <c r="N31" s="203">
        <v>0</v>
      </c>
      <c r="O31" s="203">
        <v>0</v>
      </c>
      <c r="P31" s="208">
        <v>0</v>
      </c>
      <c r="Q31" s="205">
        <v>0</v>
      </c>
      <c r="R31" s="203">
        <v>0</v>
      </c>
      <c r="S31" s="203">
        <v>0</v>
      </c>
      <c r="T31" s="203">
        <v>0</v>
      </c>
      <c r="U31" s="203">
        <v>0</v>
      </c>
      <c r="V31" s="203">
        <v>0</v>
      </c>
      <c r="W31" s="208">
        <v>0</v>
      </c>
      <c r="X31" s="207">
        <v>0</v>
      </c>
    </row>
    <row r="32" spans="2:24" ht="21" customHeight="1" x14ac:dyDescent="0.2">
      <c r="B32" s="421" t="s">
        <v>30</v>
      </c>
      <c r="C32" s="424">
        <v>0</v>
      </c>
      <c r="D32" s="203">
        <v>0</v>
      </c>
      <c r="E32" s="208">
        <v>0</v>
      </c>
      <c r="F32" s="205">
        <v>0</v>
      </c>
      <c r="G32" s="203">
        <v>0</v>
      </c>
      <c r="H32" s="203">
        <v>0</v>
      </c>
      <c r="I32" s="203">
        <v>0</v>
      </c>
      <c r="J32" s="203">
        <v>0</v>
      </c>
      <c r="K32" s="203">
        <v>0</v>
      </c>
      <c r="L32" s="208">
        <v>0</v>
      </c>
      <c r="M32" s="207">
        <v>0</v>
      </c>
      <c r="N32" s="203">
        <v>0</v>
      </c>
      <c r="O32" s="203">
        <v>0</v>
      </c>
      <c r="P32" s="208">
        <v>0</v>
      </c>
      <c r="Q32" s="205">
        <v>0</v>
      </c>
      <c r="R32" s="203">
        <v>0</v>
      </c>
      <c r="S32" s="203">
        <v>4</v>
      </c>
      <c r="T32" s="203">
        <v>0</v>
      </c>
      <c r="U32" s="203">
        <v>0</v>
      </c>
      <c r="V32" s="203">
        <v>0</v>
      </c>
      <c r="W32" s="208">
        <v>4</v>
      </c>
      <c r="X32" s="207">
        <v>4</v>
      </c>
    </row>
    <row r="33" spans="2:24" ht="21" customHeight="1" x14ac:dyDescent="0.2">
      <c r="B33" s="421" t="s">
        <v>31</v>
      </c>
      <c r="C33" s="424">
        <v>0</v>
      </c>
      <c r="D33" s="203">
        <v>0</v>
      </c>
      <c r="E33" s="208">
        <v>0</v>
      </c>
      <c r="F33" s="205">
        <v>0</v>
      </c>
      <c r="G33" s="203">
        <v>9</v>
      </c>
      <c r="H33" s="203">
        <v>6</v>
      </c>
      <c r="I33" s="203">
        <v>8</v>
      </c>
      <c r="J33" s="203">
        <v>0</v>
      </c>
      <c r="K33" s="203">
        <v>0</v>
      </c>
      <c r="L33" s="208">
        <v>23</v>
      </c>
      <c r="M33" s="207">
        <v>23</v>
      </c>
      <c r="N33" s="203">
        <v>0</v>
      </c>
      <c r="O33" s="203">
        <v>0</v>
      </c>
      <c r="P33" s="208">
        <v>0</v>
      </c>
      <c r="Q33" s="205">
        <v>0</v>
      </c>
      <c r="R33" s="203">
        <v>0</v>
      </c>
      <c r="S33" s="203">
        <v>0</v>
      </c>
      <c r="T33" s="203">
        <v>0</v>
      </c>
      <c r="U33" s="203">
        <v>0</v>
      </c>
      <c r="V33" s="203">
        <v>0</v>
      </c>
      <c r="W33" s="208">
        <v>0</v>
      </c>
      <c r="X33" s="207">
        <v>0</v>
      </c>
    </row>
    <row r="34" spans="2:24" ht="21" customHeight="1" x14ac:dyDescent="0.2">
      <c r="B34" s="421" t="s">
        <v>32</v>
      </c>
      <c r="C34" s="424">
        <v>0</v>
      </c>
      <c r="D34" s="203">
        <v>0</v>
      </c>
      <c r="E34" s="208">
        <v>0</v>
      </c>
      <c r="F34" s="205">
        <v>0</v>
      </c>
      <c r="G34" s="203">
        <v>22</v>
      </c>
      <c r="H34" s="203">
        <v>0</v>
      </c>
      <c r="I34" s="203">
        <v>0</v>
      </c>
      <c r="J34" s="203">
        <v>0</v>
      </c>
      <c r="K34" s="203">
        <v>0</v>
      </c>
      <c r="L34" s="208">
        <v>22</v>
      </c>
      <c r="M34" s="207">
        <v>22</v>
      </c>
      <c r="N34" s="203">
        <v>0</v>
      </c>
      <c r="O34" s="203">
        <v>0</v>
      </c>
      <c r="P34" s="208">
        <v>0</v>
      </c>
      <c r="Q34" s="205">
        <v>0</v>
      </c>
      <c r="R34" s="203">
        <v>11</v>
      </c>
      <c r="S34" s="203">
        <v>0</v>
      </c>
      <c r="T34" s="203">
        <v>0</v>
      </c>
      <c r="U34" s="203">
        <v>0</v>
      </c>
      <c r="V34" s="203">
        <v>0</v>
      </c>
      <c r="W34" s="208">
        <v>11</v>
      </c>
      <c r="X34" s="207">
        <v>11</v>
      </c>
    </row>
    <row r="35" spans="2:24" ht="21" customHeight="1" x14ac:dyDescent="0.2">
      <c r="B35" s="421" t="s">
        <v>33</v>
      </c>
      <c r="C35" s="424">
        <v>0</v>
      </c>
      <c r="D35" s="203">
        <v>0</v>
      </c>
      <c r="E35" s="208">
        <v>0</v>
      </c>
      <c r="F35" s="205">
        <v>0</v>
      </c>
      <c r="G35" s="203">
        <v>0</v>
      </c>
      <c r="H35" s="203">
        <v>0</v>
      </c>
      <c r="I35" s="203">
        <v>12</v>
      </c>
      <c r="J35" s="203">
        <v>11</v>
      </c>
      <c r="K35" s="203">
        <v>0</v>
      </c>
      <c r="L35" s="208">
        <v>23</v>
      </c>
      <c r="M35" s="207">
        <v>23</v>
      </c>
      <c r="N35" s="203">
        <v>0</v>
      </c>
      <c r="O35" s="203">
        <v>0</v>
      </c>
      <c r="P35" s="208">
        <v>0</v>
      </c>
      <c r="Q35" s="205">
        <v>0</v>
      </c>
      <c r="R35" s="203">
        <v>0</v>
      </c>
      <c r="S35" s="203">
        <v>0</v>
      </c>
      <c r="T35" s="203">
        <v>0</v>
      </c>
      <c r="U35" s="203">
        <v>0</v>
      </c>
      <c r="V35" s="203">
        <v>0</v>
      </c>
      <c r="W35" s="208">
        <v>0</v>
      </c>
      <c r="X35" s="207">
        <v>0</v>
      </c>
    </row>
    <row r="36" spans="2:24" ht="21" customHeight="1" x14ac:dyDescent="0.2">
      <c r="B36" s="421" t="s">
        <v>34</v>
      </c>
      <c r="C36" s="424">
        <v>0</v>
      </c>
      <c r="D36" s="203">
        <v>0</v>
      </c>
      <c r="E36" s="208">
        <v>0</v>
      </c>
      <c r="F36" s="205">
        <v>0</v>
      </c>
      <c r="G36" s="203">
        <v>0</v>
      </c>
      <c r="H36" s="203">
        <v>0</v>
      </c>
      <c r="I36" s="203">
        <v>0</v>
      </c>
      <c r="J36" s="203">
        <v>0</v>
      </c>
      <c r="K36" s="203">
        <v>0</v>
      </c>
      <c r="L36" s="208">
        <v>0</v>
      </c>
      <c r="M36" s="207">
        <v>0</v>
      </c>
      <c r="N36" s="203">
        <v>0</v>
      </c>
      <c r="O36" s="203">
        <v>0</v>
      </c>
      <c r="P36" s="208">
        <v>0</v>
      </c>
      <c r="Q36" s="205">
        <v>0</v>
      </c>
      <c r="R36" s="203">
        <v>0</v>
      </c>
      <c r="S36" s="203">
        <v>0</v>
      </c>
      <c r="T36" s="203">
        <v>0</v>
      </c>
      <c r="U36" s="203">
        <v>0</v>
      </c>
      <c r="V36" s="203">
        <v>0</v>
      </c>
      <c r="W36" s="208">
        <v>0</v>
      </c>
      <c r="X36" s="207">
        <v>0</v>
      </c>
    </row>
    <row r="37" spans="2:24" ht="21" customHeight="1" x14ac:dyDescent="0.2">
      <c r="B37" s="421" t="s">
        <v>35</v>
      </c>
      <c r="C37" s="424">
        <v>0</v>
      </c>
      <c r="D37" s="203">
        <v>0</v>
      </c>
      <c r="E37" s="208">
        <v>0</v>
      </c>
      <c r="F37" s="205">
        <v>0</v>
      </c>
      <c r="G37" s="203">
        <v>0</v>
      </c>
      <c r="H37" s="203">
        <v>0</v>
      </c>
      <c r="I37" s="203">
        <v>0</v>
      </c>
      <c r="J37" s="203">
        <v>0</v>
      </c>
      <c r="K37" s="203">
        <v>0</v>
      </c>
      <c r="L37" s="208">
        <v>0</v>
      </c>
      <c r="M37" s="207">
        <v>0</v>
      </c>
      <c r="N37" s="203">
        <v>0</v>
      </c>
      <c r="O37" s="203">
        <v>0</v>
      </c>
      <c r="P37" s="208">
        <v>0</v>
      </c>
      <c r="Q37" s="205">
        <v>0</v>
      </c>
      <c r="R37" s="203">
        <v>0</v>
      </c>
      <c r="S37" s="203">
        <v>0</v>
      </c>
      <c r="T37" s="203">
        <v>0</v>
      </c>
      <c r="U37" s="203">
        <v>0</v>
      </c>
      <c r="V37" s="203">
        <v>0</v>
      </c>
      <c r="W37" s="208">
        <v>0</v>
      </c>
      <c r="X37" s="207">
        <v>0</v>
      </c>
    </row>
    <row r="38" spans="2:24" ht="21" customHeight="1" x14ac:dyDescent="0.2">
      <c r="B38" s="421" t="s">
        <v>36</v>
      </c>
      <c r="C38" s="424">
        <v>0</v>
      </c>
      <c r="D38" s="203">
        <v>0</v>
      </c>
      <c r="E38" s="208">
        <v>0</v>
      </c>
      <c r="F38" s="205">
        <v>0</v>
      </c>
      <c r="G38" s="203">
        <v>17</v>
      </c>
      <c r="H38" s="203">
        <v>3</v>
      </c>
      <c r="I38" s="203">
        <v>4</v>
      </c>
      <c r="J38" s="203">
        <v>0</v>
      </c>
      <c r="K38" s="203">
        <v>0</v>
      </c>
      <c r="L38" s="208">
        <v>24</v>
      </c>
      <c r="M38" s="207">
        <v>24</v>
      </c>
      <c r="N38" s="203">
        <v>0</v>
      </c>
      <c r="O38" s="203">
        <v>0</v>
      </c>
      <c r="P38" s="208">
        <v>0</v>
      </c>
      <c r="Q38" s="205">
        <v>0</v>
      </c>
      <c r="R38" s="203">
        <v>0</v>
      </c>
      <c r="S38" s="203">
        <v>0</v>
      </c>
      <c r="T38" s="203">
        <v>0</v>
      </c>
      <c r="U38" s="203">
        <v>0</v>
      </c>
      <c r="V38" s="203">
        <v>0</v>
      </c>
      <c r="W38" s="208">
        <v>0</v>
      </c>
      <c r="X38" s="207">
        <v>0</v>
      </c>
    </row>
    <row r="39" spans="2:24" ht="21" customHeight="1" thickBot="1" x14ac:dyDescent="0.25">
      <c r="B39" s="422" t="s">
        <v>37</v>
      </c>
      <c r="C39" s="425">
        <v>0</v>
      </c>
      <c r="D39" s="210">
        <v>0</v>
      </c>
      <c r="E39" s="215">
        <v>0</v>
      </c>
      <c r="F39" s="212">
        <v>0</v>
      </c>
      <c r="G39" s="210">
        <v>0</v>
      </c>
      <c r="H39" s="210">
        <v>0</v>
      </c>
      <c r="I39" s="210">
        <v>0</v>
      </c>
      <c r="J39" s="210">
        <v>0</v>
      </c>
      <c r="K39" s="210">
        <v>13</v>
      </c>
      <c r="L39" s="215">
        <v>13</v>
      </c>
      <c r="M39" s="214">
        <v>13</v>
      </c>
      <c r="N39" s="210">
        <v>0</v>
      </c>
      <c r="O39" s="210">
        <v>0</v>
      </c>
      <c r="P39" s="215">
        <v>0</v>
      </c>
      <c r="Q39" s="212">
        <v>0</v>
      </c>
      <c r="R39" s="210">
        <v>0</v>
      </c>
      <c r="S39" s="210">
        <v>0</v>
      </c>
      <c r="T39" s="210">
        <v>0</v>
      </c>
      <c r="U39" s="210">
        <v>0</v>
      </c>
      <c r="V39" s="210">
        <v>0</v>
      </c>
      <c r="W39" s="215">
        <v>0</v>
      </c>
      <c r="X39" s="214">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C3" sqref="C3:AF3"/>
    </sheetView>
  </sheetViews>
  <sheetFormatPr defaultColWidth="9" defaultRowHeight="13.2" x14ac:dyDescent="0.2"/>
  <cols>
    <col min="1" max="1" width="3.77734375" style="138" customWidth="1"/>
    <col min="2" max="2" width="9.77734375" style="138" customWidth="1"/>
    <col min="3" max="3" width="9" style="138" customWidth="1"/>
    <col min="4" max="4" width="8.109375" style="138" customWidth="1"/>
    <col min="5" max="5" width="10.109375" style="138" bestFit="1" customWidth="1"/>
    <col min="6" max="6" width="9" style="138"/>
    <col min="7" max="8" width="9" style="138" customWidth="1"/>
    <col min="9" max="9" width="9" style="138"/>
    <col min="10" max="10" width="9.6640625" style="138" bestFit="1" customWidth="1"/>
    <col min="11" max="11" width="9" style="138"/>
    <col min="12" max="12" width="9.6640625" style="138" customWidth="1"/>
    <col min="13" max="15" width="8.109375" style="138" customWidth="1"/>
    <col min="16" max="21" width="9.21875" style="138" customWidth="1"/>
    <col min="22" max="22" width="7.77734375" style="138" customWidth="1"/>
    <col min="23" max="25" width="8.33203125" style="138" customWidth="1"/>
    <col min="26" max="30" width="8.44140625" style="138" customWidth="1"/>
    <col min="31" max="32" width="7.109375" style="138" customWidth="1"/>
    <col min="33" max="42" width="8.77734375" style="138" customWidth="1"/>
    <col min="43" max="52" width="8.44140625" style="138" customWidth="1"/>
    <col min="53" max="132" width="9.6640625" style="138" customWidth="1"/>
    <col min="133" max="16384" width="9" style="138"/>
  </cols>
  <sheetData>
    <row r="1" spans="2:133" ht="24" customHeight="1" x14ac:dyDescent="0.2">
      <c r="B1" s="10" t="s">
        <v>56</v>
      </c>
      <c r="F1" s="464">
        <f>第１表!F2</f>
        <v>6</v>
      </c>
      <c r="G1" s="464"/>
      <c r="H1" s="43">
        <f>第１表!G2</f>
        <v>4</v>
      </c>
      <c r="I1" s="503">
        <f>IF(H1&lt;3,H1-2+12,H1-2)</f>
        <v>2</v>
      </c>
      <c r="J1" s="503"/>
    </row>
    <row r="2" spans="2:133" ht="24" customHeight="1" thickBot="1" x14ac:dyDescent="0.25"/>
    <row r="3" spans="2:133" ht="21" customHeight="1" thickBot="1" x14ac:dyDescent="0.25">
      <c r="B3" s="555"/>
      <c r="C3" s="552" t="s">
        <v>57</v>
      </c>
      <c r="D3" s="553"/>
      <c r="E3" s="553"/>
      <c r="F3" s="553"/>
      <c r="G3" s="553"/>
      <c r="H3" s="553"/>
      <c r="I3" s="553"/>
      <c r="J3" s="553"/>
      <c r="K3" s="553"/>
      <c r="L3" s="553"/>
      <c r="M3" s="553"/>
      <c r="N3" s="553"/>
      <c r="O3" s="553"/>
      <c r="P3" s="553"/>
      <c r="Q3" s="553"/>
      <c r="R3" s="553"/>
      <c r="S3" s="553"/>
      <c r="T3" s="553"/>
      <c r="U3" s="553"/>
      <c r="V3" s="553"/>
      <c r="W3" s="553"/>
      <c r="X3" s="553"/>
      <c r="Y3" s="553"/>
      <c r="Z3" s="553"/>
      <c r="AA3" s="553"/>
      <c r="AB3" s="553"/>
      <c r="AC3" s="553"/>
      <c r="AD3" s="553"/>
      <c r="AE3" s="553"/>
      <c r="AF3" s="554"/>
      <c r="AG3" s="552" t="s">
        <v>58</v>
      </c>
      <c r="AH3" s="558"/>
      <c r="AI3" s="558"/>
      <c r="AJ3" s="558"/>
      <c r="AK3" s="558"/>
      <c r="AL3" s="558"/>
      <c r="AM3" s="558"/>
      <c r="AN3" s="558"/>
      <c r="AO3" s="558"/>
      <c r="AP3" s="558"/>
      <c r="AQ3" s="558"/>
      <c r="AR3" s="558"/>
      <c r="AS3" s="558"/>
      <c r="AT3" s="558"/>
      <c r="AU3" s="558"/>
      <c r="AV3" s="558"/>
      <c r="AW3" s="558"/>
      <c r="AX3" s="558"/>
      <c r="AY3" s="558"/>
      <c r="AZ3" s="558"/>
      <c r="BA3" s="558"/>
      <c r="BB3" s="558"/>
      <c r="BC3" s="558"/>
      <c r="BD3" s="558"/>
      <c r="BE3" s="558"/>
      <c r="BF3" s="558"/>
      <c r="BG3" s="558"/>
      <c r="BH3" s="558"/>
      <c r="BI3" s="558"/>
      <c r="BJ3" s="559"/>
      <c r="BK3" s="552" t="s">
        <v>59</v>
      </c>
      <c r="BL3" s="553"/>
      <c r="BM3" s="553"/>
      <c r="BN3" s="553"/>
      <c r="BO3" s="553"/>
      <c r="BP3" s="553"/>
      <c r="BQ3" s="553"/>
      <c r="BR3" s="553"/>
      <c r="BS3" s="553"/>
      <c r="BT3" s="553"/>
      <c r="BU3" s="553"/>
      <c r="BV3" s="553"/>
      <c r="BW3" s="553"/>
      <c r="BX3" s="553"/>
      <c r="BY3" s="553"/>
      <c r="BZ3" s="553"/>
      <c r="CA3" s="553"/>
      <c r="CB3" s="553"/>
      <c r="CC3" s="553"/>
      <c r="CD3" s="553"/>
      <c r="CE3" s="553"/>
      <c r="CF3" s="553"/>
      <c r="CG3" s="553"/>
      <c r="CH3" s="553"/>
      <c r="CI3" s="553"/>
      <c r="CJ3" s="553"/>
      <c r="CK3" s="553"/>
      <c r="CL3" s="553"/>
      <c r="CM3" s="553"/>
      <c r="CN3" s="554"/>
      <c r="CO3" s="552" t="s">
        <v>148</v>
      </c>
      <c r="CP3" s="553"/>
      <c r="CQ3" s="553"/>
      <c r="CR3" s="553"/>
      <c r="CS3" s="553"/>
      <c r="CT3" s="553"/>
      <c r="CU3" s="553"/>
      <c r="CV3" s="553"/>
      <c r="CW3" s="553"/>
      <c r="CX3" s="553"/>
      <c r="CY3" s="553"/>
      <c r="CZ3" s="553"/>
      <c r="DA3" s="553"/>
      <c r="DB3" s="553"/>
      <c r="DC3" s="553"/>
      <c r="DD3" s="553"/>
      <c r="DE3" s="553"/>
      <c r="DF3" s="553"/>
      <c r="DG3" s="553"/>
      <c r="DH3" s="553"/>
      <c r="DI3" s="553"/>
      <c r="DJ3" s="553"/>
      <c r="DK3" s="553"/>
      <c r="DL3" s="553"/>
      <c r="DM3" s="553"/>
      <c r="DN3" s="553"/>
      <c r="DO3" s="553"/>
      <c r="DP3" s="553"/>
      <c r="DQ3" s="553"/>
      <c r="DR3" s="554"/>
      <c r="DS3" s="450" t="s">
        <v>60</v>
      </c>
      <c r="DT3" s="451"/>
      <c r="DU3" s="451"/>
      <c r="DV3" s="451"/>
      <c r="DW3" s="451"/>
      <c r="DX3" s="451"/>
      <c r="DY3" s="451"/>
      <c r="DZ3" s="451"/>
      <c r="EA3" s="451"/>
      <c r="EB3" s="452"/>
    </row>
    <row r="4" spans="2:133" ht="21" customHeight="1" thickBot="1" x14ac:dyDescent="0.25">
      <c r="B4" s="556"/>
      <c r="C4" s="456"/>
      <c r="D4" s="457"/>
      <c r="E4" s="457"/>
      <c r="F4" s="457"/>
      <c r="G4" s="457"/>
      <c r="H4" s="457"/>
      <c r="I4" s="457"/>
      <c r="J4" s="457"/>
      <c r="K4" s="457"/>
      <c r="L4" s="457"/>
      <c r="M4" s="459" t="s">
        <v>39</v>
      </c>
      <c r="N4" s="460"/>
      <c r="O4" s="460"/>
      <c r="P4" s="460"/>
      <c r="Q4" s="460"/>
      <c r="R4" s="460"/>
      <c r="S4" s="460"/>
      <c r="T4" s="460"/>
      <c r="U4" s="460"/>
      <c r="V4" s="461"/>
      <c r="W4" s="459" t="s">
        <v>40</v>
      </c>
      <c r="X4" s="460"/>
      <c r="Y4" s="460"/>
      <c r="Z4" s="460"/>
      <c r="AA4" s="460"/>
      <c r="AB4" s="460"/>
      <c r="AC4" s="460"/>
      <c r="AD4" s="460"/>
      <c r="AE4" s="460"/>
      <c r="AF4" s="461"/>
      <c r="AG4" s="456"/>
      <c r="AH4" s="457"/>
      <c r="AI4" s="457"/>
      <c r="AJ4" s="457"/>
      <c r="AK4" s="457"/>
      <c r="AL4" s="457"/>
      <c r="AM4" s="457"/>
      <c r="AN4" s="457"/>
      <c r="AO4" s="457"/>
      <c r="AP4" s="457"/>
      <c r="AQ4" s="459" t="s">
        <v>39</v>
      </c>
      <c r="AR4" s="460"/>
      <c r="AS4" s="460"/>
      <c r="AT4" s="460"/>
      <c r="AU4" s="460"/>
      <c r="AV4" s="460"/>
      <c r="AW4" s="460"/>
      <c r="AX4" s="460"/>
      <c r="AY4" s="460"/>
      <c r="AZ4" s="461"/>
      <c r="BA4" s="459" t="s">
        <v>40</v>
      </c>
      <c r="BB4" s="460"/>
      <c r="BC4" s="460"/>
      <c r="BD4" s="460"/>
      <c r="BE4" s="460"/>
      <c r="BF4" s="460"/>
      <c r="BG4" s="460"/>
      <c r="BH4" s="460"/>
      <c r="BI4" s="460"/>
      <c r="BJ4" s="461"/>
      <c r="BK4" s="456"/>
      <c r="BL4" s="457"/>
      <c r="BM4" s="457"/>
      <c r="BN4" s="457"/>
      <c r="BO4" s="457"/>
      <c r="BP4" s="457"/>
      <c r="BQ4" s="457"/>
      <c r="BR4" s="457"/>
      <c r="BS4" s="457"/>
      <c r="BT4" s="457"/>
      <c r="BU4" s="459" t="s">
        <v>39</v>
      </c>
      <c r="BV4" s="460"/>
      <c r="BW4" s="460"/>
      <c r="BX4" s="460"/>
      <c r="BY4" s="460"/>
      <c r="BZ4" s="460"/>
      <c r="CA4" s="460"/>
      <c r="CB4" s="460"/>
      <c r="CC4" s="460"/>
      <c r="CD4" s="461"/>
      <c r="CE4" s="459" t="s">
        <v>40</v>
      </c>
      <c r="CF4" s="460"/>
      <c r="CG4" s="460"/>
      <c r="CH4" s="460"/>
      <c r="CI4" s="460"/>
      <c r="CJ4" s="460"/>
      <c r="CK4" s="460"/>
      <c r="CL4" s="460"/>
      <c r="CM4" s="460"/>
      <c r="CN4" s="461"/>
      <c r="CO4" s="456"/>
      <c r="CP4" s="457"/>
      <c r="CQ4" s="457"/>
      <c r="CR4" s="457"/>
      <c r="CS4" s="457"/>
      <c r="CT4" s="457"/>
      <c r="CU4" s="457"/>
      <c r="CV4" s="457"/>
      <c r="CW4" s="457"/>
      <c r="CX4" s="457"/>
      <c r="CY4" s="459" t="s">
        <v>39</v>
      </c>
      <c r="CZ4" s="460"/>
      <c r="DA4" s="460"/>
      <c r="DB4" s="460"/>
      <c r="DC4" s="460"/>
      <c r="DD4" s="460"/>
      <c r="DE4" s="460"/>
      <c r="DF4" s="460"/>
      <c r="DG4" s="460"/>
      <c r="DH4" s="461"/>
      <c r="DI4" s="459" t="s">
        <v>40</v>
      </c>
      <c r="DJ4" s="460"/>
      <c r="DK4" s="460"/>
      <c r="DL4" s="460"/>
      <c r="DM4" s="460"/>
      <c r="DN4" s="460"/>
      <c r="DO4" s="460"/>
      <c r="DP4" s="460"/>
      <c r="DQ4" s="460"/>
      <c r="DR4" s="461"/>
      <c r="DS4" s="456"/>
      <c r="DT4" s="457"/>
      <c r="DU4" s="457"/>
      <c r="DV4" s="457"/>
      <c r="DW4" s="457"/>
      <c r="DX4" s="457"/>
      <c r="DY4" s="457"/>
      <c r="DZ4" s="457"/>
      <c r="EA4" s="457"/>
      <c r="EB4" s="458"/>
    </row>
    <row r="5" spans="2:133" ht="21" customHeight="1" x14ac:dyDescent="0.2">
      <c r="B5" s="557"/>
      <c r="C5" s="535" t="s">
        <v>61</v>
      </c>
      <c r="D5" s="536"/>
      <c r="E5" s="537"/>
      <c r="F5" s="538" t="s">
        <v>62</v>
      </c>
      <c r="G5" s="539"/>
      <c r="H5" s="539"/>
      <c r="I5" s="539"/>
      <c r="J5" s="539"/>
      <c r="K5" s="540"/>
      <c r="L5" s="549" t="s">
        <v>52</v>
      </c>
      <c r="M5" s="551" t="s">
        <v>61</v>
      </c>
      <c r="N5" s="545"/>
      <c r="O5" s="546"/>
      <c r="P5" s="547" t="s">
        <v>62</v>
      </c>
      <c r="Q5" s="457"/>
      <c r="R5" s="457"/>
      <c r="S5" s="457"/>
      <c r="T5" s="457"/>
      <c r="U5" s="548"/>
      <c r="V5" s="543" t="s">
        <v>52</v>
      </c>
      <c r="W5" s="544" t="s">
        <v>61</v>
      </c>
      <c r="X5" s="545"/>
      <c r="Y5" s="546"/>
      <c r="Z5" s="547" t="s">
        <v>62</v>
      </c>
      <c r="AA5" s="457"/>
      <c r="AB5" s="457"/>
      <c r="AC5" s="457"/>
      <c r="AD5" s="457"/>
      <c r="AE5" s="548"/>
      <c r="AF5" s="543" t="s">
        <v>52</v>
      </c>
      <c r="AG5" s="535" t="s">
        <v>61</v>
      </c>
      <c r="AH5" s="536"/>
      <c r="AI5" s="537"/>
      <c r="AJ5" s="538" t="s">
        <v>62</v>
      </c>
      <c r="AK5" s="539"/>
      <c r="AL5" s="539"/>
      <c r="AM5" s="539"/>
      <c r="AN5" s="539"/>
      <c r="AO5" s="540"/>
      <c r="AP5" s="541" t="s">
        <v>52</v>
      </c>
      <c r="AQ5" s="551" t="s">
        <v>61</v>
      </c>
      <c r="AR5" s="545"/>
      <c r="AS5" s="546"/>
      <c r="AT5" s="547" t="s">
        <v>62</v>
      </c>
      <c r="AU5" s="457"/>
      <c r="AV5" s="457"/>
      <c r="AW5" s="457"/>
      <c r="AX5" s="457"/>
      <c r="AY5" s="548"/>
      <c r="AZ5" s="560" t="s">
        <v>52</v>
      </c>
      <c r="BA5" s="551" t="s">
        <v>61</v>
      </c>
      <c r="BB5" s="545"/>
      <c r="BC5" s="546"/>
      <c r="BD5" s="547" t="s">
        <v>62</v>
      </c>
      <c r="BE5" s="457"/>
      <c r="BF5" s="457"/>
      <c r="BG5" s="457"/>
      <c r="BH5" s="457"/>
      <c r="BI5" s="548"/>
      <c r="BJ5" s="543" t="s">
        <v>52</v>
      </c>
      <c r="BK5" s="535" t="s">
        <v>61</v>
      </c>
      <c r="BL5" s="536"/>
      <c r="BM5" s="537"/>
      <c r="BN5" s="538" t="s">
        <v>62</v>
      </c>
      <c r="BO5" s="539"/>
      <c r="BP5" s="539"/>
      <c r="BQ5" s="539"/>
      <c r="BR5" s="539"/>
      <c r="BS5" s="540"/>
      <c r="BT5" s="549" t="s">
        <v>52</v>
      </c>
      <c r="BU5" s="551" t="s">
        <v>61</v>
      </c>
      <c r="BV5" s="545"/>
      <c r="BW5" s="546"/>
      <c r="BX5" s="547" t="s">
        <v>62</v>
      </c>
      <c r="BY5" s="457"/>
      <c r="BZ5" s="457"/>
      <c r="CA5" s="457"/>
      <c r="CB5" s="457"/>
      <c r="CC5" s="548"/>
      <c r="CD5" s="543" t="s">
        <v>52</v>
      </c>
      <c r="CE5" s="544" t="s">
        <v>61</v>
      </c>
      <c r="CF5" s="545"/>
      <c r="CG5" s="546"/>
      <c r="CH5" s="547" t="s">
        <v>62</v>
      </c>
      <c r="CI5" s="457"/>
      <c r="CJ5" s="457"/>
      <c r="CK5" s="457"/>
      <c r="CL5" s="457"/>
      <c r="CM5" s="548"/>
      <c r="CN5" s="543" t="s">
        <v>52</v>
      </c>
      <c r="CO5" s="535" t="s">
        <v>61</v>
      </c>
      <c r="CP5" s="536"/>
      <c r="CQ5" s="537"/>
      <c r="CR5" s="538" t="s">
        <v>62</v>
      </c>
      <c r="CS5" s="539"/>
      <c r="CT5" s="539"/>
      <c r="CU5" s="539"/>
      <c r="CV5" s="539"/>
      <c r="CW5" s="540"/>
      <c r="CX5" s="549" t="s">
        <v>52</v>
      </c>
      <c r="CY5" s="551" t="s">
        <v>61</v>
      </c>
      <c r="CZ5" s="545"/>
      <c r="DA5" s="546"/>
      <c r="DB5" s="547" t="s">
        <v>62</v>
      </c>
      <c r="DC5" s="457"/>
      <c r="DD5" s="457"/>
      <c r="DE5" s="457"/>
      <c r="DF5" s="457"/>
      <c r="DG5" s="548"/>
      <c r="DH5" s="543" t="s">
        <v>52</v>
      </c>
      <c r="DI5" s="544" t="s">
        <v>61</v>
      </c>
      <c r="DJ5" s="545"/>
      <c r="DK5" s="546"/>
      <c r="DL5" s="547" t="s">
        <v>62</v>
      </c>
      <c r="DM5" s="457"/>
      <c r="DN5" s="457"/>
      <c r="DO5" s="457"/>
      <c r="DP5" s="457"/>
      <c r="DQ5" s="548"/>
      <c r="DR5" s="543" t="s">
        <v>52</v>
      </c>
      <c r="DS5" s="535" t="s">
        <v>61</v>
      </c>
      <c r="DT5" s="536"/>
      <c r="DU5" s="537"/>
      <c r="DV5" s="538" t="s">
        <v>62</v>
      </c>
      <c r="DW5" s="539"/>
      <c r="DX5" s="539"/>
      <c r="DY5" s="539"/>
      <c r="DZ5" s="539"/>
      <c r="EA5" s="540"/>
      <c r="EB5" s="541" t="s">
        <v>52</v>
      </c>
    </row>
    <row r="6" spans="2:133" ht="30" customHeight="1" thickBot="1" x14ac:dyDescent="0.25">
      <c r="B6" s="139" t="s">
        <v>42</v>
      </c>
      <c r="C6" s="245" t="s">
        <v>43</v>
      </c>
      <c r="D6" s="246" t="s">
        <v>44</v>
      </c>
      <c r="E6" s="246" t="s">
        <v>45</v>
      </c>
      <c r="F6" s="247" t="s">
        <v>47</v>
      </c>
      <c r="G6" s="248" t="s">
        <v>48</v>
      </c>
      <c r="H6" s="248" t="s">
        <v>49</v>
      </c>
      <c r="I6" s="249" t="s">
        <v>50</v>
      </c>
      <c r="J6" s="246" t="s">
        <v>51</v>
      </c>
      <c r="K6" s="250" t="s">
        <v>95</v>
      </c>
      <c r="L6" s="550"/>
      <c r="M6" s="245" t="s">
        <v>43</v>
      </c>
      <c r="N6" s="246" t="s">
        <v>44</v>
      </c>
      <c r="O6" s="250" t="s">
        <v>45</v>
      </c>
      <c r="P6" s="247" t="s">
        <v>47</v>
      </c>
      <c r="Q6" s="248" t="s">
        <v>48</v>
      </c>
      <c r="R6" s="248" t="s">
        <v>49</v>
      </c>
      <c r="S6" s="249" t="s">
        <v>50</v>
      </c>
      <c r="T6" s="246" t="s">
        <v>51</v>
      </c>
      <c r="U6" s="250" t="s">
        <v>45</v>
      </c>
      <c r="V6" s="542"/>
      <c r="W6" s="251" t="s">
        <v>43</v>
      </c>
      <c r="X6" s="246" t="s">
        <v>44</v>
      </c>
      <c r="Y6" s="250" t="s">
        <v>45</v>
      </c>
      <c r="Z6" s="251" t="s">
        <v>47</v>
      </c>
      <c r="AA6" s="248" t="s">
        <v>48</v>
      </c>
      <c r="AB6" s="248" t="s">
        <v>49</v>
      </c>
      <c r="AC6" s="249" t="s">
        <v>50</v>
      </c>
      <c r="AD6" s="246" t="s">
        <v>51</v>
      </c>
      <c r="AE6" s="250" t="s">
        <v>45</v>
      </c>
      <c r="AF6" s="542"/>
      <c r="AG6" s="245" t="s">
        <v>43</v>
      </c>
      <c r="AH6" s="246" t="s">
        <v>44</v>
      </c>
      <c r="AI6" s="250" t="s">
        <v>45</v>
      </c>
      <c r="AJ6" s="251" t="s">
        <v>47</v>
      </c>
      <c r="AK6" s="248" t="s">
        <v>48</v>
      </c>
      <c r="AL6" s="248" t="s">
        <v>49</v>
      </c>
      <c r="AM6" s="249" t="s">
        <v>50</v>
      </c>
      <c r="AN6" s="246" t="s">
        <v>51</v>
      </c>
      <c r="AO6" s="250" t="s">
        <v>45</v>
      </c>
      <c r="AP6" s="542"/>
      <c r="AQ6" s="245" t="s">
        <v>43</v>
      </c>
      <c r="AR6" s="246" t="s">
        <v>44</v>
      </c>
      <c r="AS6" s="250" t="s">
        <v>45</v>
      </c>
      <c r="AT6" s="247" t="s">
        <v>47</v>
      </c>
      <c r="AU6" s="248" t="s">
        <v>48</v>
      </c>
      <c r="AV6" s="248" t="s">
        <v>49</v>
      </c>
      <c r="AW6" s="249" t="s">
        <v>50</v>
      </c>
      <c r="AX6" s="246" t="s">
        <v>51</v>
      </c>
      <c r="AY6" s="250" t="s">
        <v>45</v>
      </c>
      <c r="AZ6" s="550"/>
      <c r="BA6" s="245" t="s">
        <v>43</v>
      </c>
      <c r="BB6" s="246" t="s">
        <v>44</v>
      </c>
      <c r="BC6" s="246" t="s">
        <v>45</v>
      </c>
      <c r="BD6" s="247" t="s">
        <v>47</v>
      </c>
      <c r="BE6" s="248" t="s">
        <v>48</v>
      </c>
      <c r="BF6" s="248" t="s">
        <v>49</v>
      </c>
      <c r="BG6" s="249" t="s">
        <v>50</v>
      </c>
      <c r="BH6" s="246" t="s">
        <v>51</v>
      </c>
      <c r="BI6" s="250" t="s">
        <v>45</v>
      </c>
      <c r="BJ6" s="542"/>
      <c r="BK6" s="245" t="s">
        <v>43</v>
      </c>
      <c r="BL6" s="246" t="s">
        <v>44</v>
      </c>
      <c r="BM6" s="246" t="s">
        <v>45</v>
      </c>
      <c r="BN6" s="247" t="s">
        <v>47</v>
      </c>
      <c r="BO6" s="248" t="s">
        <v>48</v>
      </c>
      <c r="BP6" s="248" t="s">
        <v>49</v>
      </c>
      <c r="BQ6" s="249" t="s">
        <v>50</v>
      </c>
      <c r="BR6" s="246" t="s">
        <v>51</v>
      </c>
      <c r="BS6" s="250" t="s">
        <v>45</v>
      </c>
      <c r="BT6" s="550"/>
      <c r="BU6" s="245" t="s">
        <v>43</v>
      </c>
      <c r="BV6" s="246" t="s">
        <v>44</v>
      </c>
      <c r="BW6" s="246" t="s">
        <v>45</v>
      </c>
      <c r="BX6" s="247" t="s">
        <v>47</v>
      </c>
      <c r="BY6" s="248" t="s">
        <v>48</v>
      </c>
      <c r="BZ6" s="248" t="s">
        <v>49</v>
      </c>
      <c r="CA6" s="249" t="s">
        <v>50</v>
      </c>
      <c r="CB6" s="246" t="s">
        <v>51</v>
      </c>
      <c r="CC6" s="250" t="s">
        <v>45</v>
      </c>
      <c r="CD6" s="542"/>
      <c r="CE6" s="251" t="s">
        <v>43</v>
      </c>
      <c r="CF6" s="246" t="s">
        <v>44</v>
      </c>
      <c r="CG6" s="246" t="s">
        <v>45</v>
      </c>
      <c r="CH6" s="247" t="s">
        <v>47</v>
      </c>
      <c r="CI6" s="248" t="s">
        <v>48</v>
      </c>
      <c r="CJ6" s="248" t="s">
        <v>49</v>
      </c>
      <c r="CK6" s="249" t="s">
        <v>50</v>
      </c>
      <c r="CL6" s="246" t="s">
        <v>51</v>
      </c>
      <c r="CM6" s="250" t="s">
        <v>45</v>
      </c>
      <c r="CN6" s="542"/>
      <c r="CO6" s="245" t="s">
        <v>43</v>
      </c>
      <c r="CP6" s="246" t="s">
        <v>44</v>
      </c>
      <c r="CQ6" s="246" t="s">
        <v>45</v>
      </c>
      <c r="CR6" s="247" t="s">
        <v>47</v>
      </c>
      <c r="CS6" s="248" t="s">
        <v>48</v>
      </c>
      <c r="CT6" s="248" t="s">
        <v>49</v>
      </c>
      <c r="CU6" s="249" t="s">
        <v>50</v>
      </c>
      <c r="CV6" s="246" t="s">
        <v>51</v>
      </c>
      <c r="CW6" s="250" t="s">
        <v>45</v>
      </c>
      <c r="CX6" s="550"/>
      <c r="CY6" s="245" t="s">
        <v>43</v>
      </c>
      <c r="CZ6" s="246" t="s">
        <v>44</v>
      </c>
      <c r="DA6" s="246" t="s">
        <v>45</v>
      </c>
      <c r="DB6" s="247" t="s">
        <v>47</v>
      </c>
      <c r="DC6" s="248" t="s">
        <v>48</v>
      </c>
      <c r="DD6" s="248" t="s">
        <v>49</v>
      </c>
      <c r="DE6" s="249" t="s">
        <v>50</v>
      </c>
      <c r="DF6" s="246" t="s">
        <v>51</v>
      </c>
      <c r="DG6" s="250" t="s">
        <v>45</v>
      </c>
      <c r="DH6" s="542"/>
      <c r="DI6" s="251" t="s">
        <v>43</v>
      </c>
      <c r="DJ6" s="246" t="s">
        <v>44</v>
      </c>
      <c r="DK6" s="246" t="s">
        <v>45</v>
      </c>
      <c r="DL6" s="247" t="s">
        <v>47</v>
      </c>
      <c r="DM6" s="248" t="s">
        <v>48</v>
      </c>
      <c r="DN6" s="248" t="s">
        <v>49</v>
      </c>
      <c r="DO6" s="249" t="s">
        <v>50</v>
      </c>
      <c r="DP6" s="246" t="s">
        <v>51</v>
      </c>
      <c r="DQ6" s="250" t="s">
        <v>45</v>
      </c>
      <c r="DR6" s="542"/>
      <c r="DS6" s="245" t="s">
        <v>43</v>
      </c>
      <c r="DT6" s="246" t="s">
        <v>44</v>
      </c>
      <c r="DU6" s="246" t="s">
        <v>45</v>
      </c>
      <c r="DV6" s="247" t="s">
        <v>47</v>
      </c>
      <c r="DW6" s="248" t="s">
        <v>48</v>
      </c>
      <c r="DX6" s="248" t="s">
        <v>49</v>
      </c>
      <c r="DY6" s="249" t="s">
        <v>50</v>
      </c>
      <c r="DZ6" s="246" t="s">
        <v>51</v>
      </c>
      <c r="EA6" s="250" t="s">
        <v>45</v>
      </c>
      <c r="EB6" s="542"/>
    </row>
    <row r="7" spans="2:133" ht="21" customHeight="1" x14ac:dyDescent="0.2">
      <c r="B7" s="151" t="s">
        <v>4</v>
      </c>
      <c r="C7" s="227">
        <v>0</v>
      </c>
      <c r="D7" s="229">
        <v>0</v>
      </c>
      <c r="E7" s="229">
        <v>0</v>
      </c>
      <c r="F7" s="230">
        <v>466</v>
      </c>
      <c r="G7" s="228">
        <v>1705</v>
      </c>
      <c r="H7" s="228">
        <v>10127</v>
      </c>
      <c r="I7" s="228">
        <v>14985</v>
      </c>
      <c r="J7" s="229">
        <v>10063</v>
      </c>
      <c r="K7" s="252">
        <v>37346</v>
      </c>
      <c r="L7" s="253">
        <v>37346</v>
      </c>
      <c r="M7" s="227">
        <v>0</v>
      </c>
      <c r="N7" s="229">
        <v>0</v>
      </c>
      <c r="O7" s="252">
        <v>0</v>
      </c>
      <c r="P7" s="230">
        <v>463</v>
      </c>
      <c r="Q7" s="228">
        <v>1694</v>
      </c>
      <c r="R7" s="228">
        <v>10062</v>
      </c>
      <c r="S7" s="228">
        <v>14834</v>
      </c>
      <c r="T7" s="229">
        <v>9912</v>
      </c>
      <c r="U7" s="252">
        <v>36965</v>
      </c>
      <c r="V7" s="254">
        <v>36965</v>
      </c>
      <c r="W7" s="232">
        <v>0</v>
      </c>
      <c r="X7" s="229">
        <v>0</v>
      </c>
      <c r="Y7" s="252">
        <v>0</v>
      </c>
      <c r="Z7" s="232">
        <v>3</v>
      </c>
      <c r="AA7" s="228">
        <v>11</v>
      </c>
      <c r="AB7" s="228">
        <v>65</v>
      </c>
      <c r="AC7" s="228">
        <v>151</v>
      </c>
      <c r="AD7" s="229">
        <v>151</v>
      </c>
      <c r="AE7" s="252">
        <v>381</v>
      </c>
      <c r="AF7" s="231">
        <v>381</v>
      </c>
      <c r="AG7" s="232">
        <v>0</v>
      </c>
      <c r="AH7" s="229">
        <v>0</v>
      </c>
      <c r="AI7" s="252">
        <v>0</v>
      </c>
      <c r="AJ7" s="232">
        <v>1650</v>
      </c>
      <c r="AK7" s="228">
        <v>3366</v>
      </c>
      <c r="AL7" s="228">
        <v>4730</v>
      </c>
      <c r="AM7" s="228">
        <v>5776</v>
      </c>
      <c r="AN7" s="229">
        <v>2971</v>
      </c>
      <c r="AO7" s="252">
        <v>18493</v>
      </c>
      <c r="AP7" s="231">
        <v>18493</v>
      </c>
      <c r="AQ7" s="232">
        <v>0</v>
      </c>
      <c r="AR7" s="229">
        <v>0</v>
      </c>
      <c r="AS7" s="252">
        <v>0</v>
      </c>
      <c r="AT7" s="230">
        <v>1632</v>
      </c>
      <c r="AU7" s="228">
        <v>3332</v>
      </c>
      <c r="AV7" s="228">
        <v>4654</v>
      </c>
      <c r="AW7" s="228">
        <v>5660</v>
      </c>
      <c r="AX7" s="229">
        <v>2900</v>
      </c>
      <c r="AY7" s="252">
        <v>18178</v>
      </c>
      <c r="AZ7" s="253">
        <v>18178</v>
      </c>
      <c r="BA7" s="227">
        <v>0</v>
      </c>
      <c r="BB7" s="229">
        <v>0</v>
      </c>
      <c r="BC7" s="229">
        <v>0</v>
      </c>
      <c r="BD7" s="230">
        <v>18</v>
      </c>
      <c r="BE7" s="228">
        <v>34</v>
      </c>
      <c r="BF7" s="228">
        <v>76</v>
      </c>
      <c r="BG7" s="228">
        <v>116</v>
      </c>
      <c r="BH7" s="229">
        <v>71</v>
      </c>
      <c r="BI7" s="252">
        <v>315</v>
      </c>
      <c r="BJ7" s="254">
        <v>315</v>
      </c>
      <c r="BK7" s="232">
        <v>0</v>
      </c>
      <c r="BL7" s="229">
        <v>0</v>
      </c>
      <c r="BM7" s="229">
        <v>0</v>
      </c>
      <c r="BN7" s="230">
        <v>0</v>
      </c>
      <c r="BO7" s="228">
        <v>0</v>
      </c>
      <c r="BP7" s="228">
        <v>5</v>
      </c>
      <c r="BQ7" s="228">
        <v>48</v>
      </c>
      <c r="BR7" s="229">
        <v>72</v>
      </c>
      <c r="BS7" s="252">
        <v>125</v>
      </c>
      <c r="BT7" s="253">
        <v>125</v>
      </c>
      <c r="BU7" s="227">
        <v>0</v>
      </c>
      <c r="BV7" s="229">
        <v>0</v>
      </c>
      <c r="BW7" s="229">
        <v>0</v>
      </c>
      <c r="BX7" s="230">
        <v>0</v>
      </c>
      <c r="BY7" s="228">
        <v>0</v>
      </c>
      <c r="BZ7" s="228">
        <v>5</v>
      </c>
      <c r="CA7" s="228">
        <v>48</v>
      </c>
      <c r="CB7" s="229">
        <v>71</v>
      </c>
      <c r="CC7" s="252">
        <v>124</v>
      </c>
      <c r="CD7" s="254">
        <v>124</v>
      </c>
      <c r="CE7" s="232">
        <v>0</v>
      </c>
      <c r="CF7" s="229">
        <v>0</v>
      </c>
      <c r="CG7" s="229">
        <v>0</v>
      </c>
      <c r="CH7" s="230">
        <v>0</v>
      </c>
      <c r="CI7" s="228">
        <v>0</v>
      </c>
      <c r="CJ7" s="228">
        <v>0</v>
      </c>
      <c r="CK7" s="228">
        <v>0</v>
      </c>
      <c r="CL7" s="229">
        <v>1</v>
      </c>
      <c r="CM7" s="252">
        <v>1</v>
      </c>
      <c r="CN7" s="254">
        <v>1</v>
      </c>
      <c r="CO7" s="232">
        <v>0</v>
      </c>
      <c r="CP7" s="229">
        <v>0</v>
      </c>
      <c r="CQ7" s="229">
        <v>0</v>
      </c>
      <c r="CR7" s="230">
        <v>13</v>
      </c>
      <c r="CS7" s="228">
        <v>27</v>
      </c>
      <c r="CT7" s="228">
        <v>64</v>
      </c>
      <c r="CU7" s="228">
        <v>355</v>
      </c>
      <c r="CV7" s="229">
        <v>458</v>
      </c>
      <c r="CW7" s="252">
        <v>917</v>
      </c>
      <c r="CX7" s="253">
        <v>917</v>
      </c>
      <c r="CY7" s="227">
        <v>0</v>
      </c>
      <c r="CZ7" s="229">
        <v>0</v>
      </c>
      <c r="DA7" s="229">
        <v>0</v>
      </c>
      <c r="DB7" s="230">
        <v>11</v>
      </c>
      <c r="DC7" s="228">
        <v>27</v>
      </c>
      <c r="DD7" s="228">
        <v>63</v>
      </c>
      <c r="DE7" s="228">
        <v>347</v>
      </c>
      <c r="DF7" s="229">
        <v>449</v>
      </c>
      <c r="DG7" s="252">
        <v>897</v>
      </c>
      <c r="DH7" s="254">
        <v>897</v>
      </c>
      <c r="DI7" s="232">
        <v>0</v>
      </c>
      <c r="DJ7" s="229">
        <v>0</v>
      </c>
      <c r="DK7" s="229">
        <v>0</v>
      </c>
      <c r="DL7" s="230">
        <v>2</v>
      </c>
      <c r="DM7" s="228">
        <v>0</v>
      </c>
      <c r="DN7" s="228">
        <v>1</v>
      </c>
      <c r="DO7" s="228">
        <v>8</v>
      </c>
      <c r="DP7" s="229">
        <v>9</v>
      </c>
      <c r="DQ7" s="252">
        <v>20</v>
      </c>
      <c r="DR7" s="254">
        <v>20</v>
      </c>
      <c r="DS7" s="232">
        <v>0</v>
      </c>
      <c r="DT7" s="229">
        <v>0</v>
      </c>
      <c r="DU7" s="229">
        <v>0</v>
      </c>
      <c r="DV7" s="230">
        <v>2128</v>
      </c>
      <c r="DW7" s="228">
        <v>5098</v>
      </c>
      <c r="DX7" s="228">
        <v>14912</v>
      </c>
      <c r="DY7" s="228">
        <v>21119</v>
      </c>
      <c r="DZ7" s="229">
        <v>13545</v>
      </c>
      <c r="EA7" s="252">
        <v>56802</v>
      </c>
      <c r="EB7" s="254">
        <v>56802</v>
      </c>
      <c r="EC7" s="255"/>
    </row>
    <row r="8" spans="2:133" ht="21" customHeight="1" x14ac:dyDescent="0.2">
      <c r="B8" s="162" t="s">
        <v>5</v>
      </c>
      <c r="C8" s="233">
        <v>0</v>
      </c>
      <c r="D8" s="235">
        <v>0</v>
      </c>
      <c r="E8" s="235">
        <v>0</v>
      </c>
      <c r="F8" s="236">
        <v>263</v>
      </c>
      <c r="G8" s="234">
        <v>1141</v>
      </c>
      <c r="H8" s="234">
        <v>4510</v>
      </c>
      <c r="I8" s="234">
        <v>6315</v>
      </c>
      <c r="J8" s="235">
        <v>4285</v>
      </c>
      <c r="K8" s="256">
        <v>16514</v>
      </c>
      <c r="L8" s="257">
        <v>16514</v>
      </c>
      <c r="M8" s="233">
        <v>0</v>
      </c>
      <c r="N8" s="235">
        <v>0</v>
      </c>
      <c r="O8" s="256">
        <v>0</v>
      </c>
      <c r="P8" s="236">
        <v>262</v>
      </c>
      <c r="Q8" s="234">
        <v>1135</v>
      </c>
      <c r="R8" s="234">
        <v>4475</v>
      </c>
      <c r="S8" s="234">
        <v>6254</v>
      </c>
      <c r="T8" s="235">
        <v>4205</v>
      </c>
      <c r="U8" s="256">
        <v>16331</v>
      </c>
      <c r="V8" s="258">
        <v>16331</v>
      </c>
      <c r="W8" s="238">
        <v>0</v>
      </c>
      <c r="X8" s="235">
        <v>0</v>
      </c>
      <c r="Y8" s="256">
        <v>0</v>
      </c>
      <c r="Z8" s="238">
        <v>1</v>
      </c>
      <c r="AA8" s="234">
        <v>6</v>
      </c>
      <c r="AB8" s="234">
        <v>35</v>
      </c>
      <c r="AC8" s="234">
        <v>61</v>
      </c>
      <c r="AD8" s="235">
        <v>80</v>
      </c>
      <c r="AE8" s="256">
        <v>183</v>
      </c>
      <c r="AF8" s="237">
        <v>183</v>
      </c>
      <c r="AG8" s="238">
        <v>0</v>
      </c>
      <c r="AH8" s="235">
        <v>0</v>
      </c>
      <c r="AI8" s="256">
        <v>0</v>
      </c>
      <c r="AJ8" s="238">
        <v>619</v>
      </c>
      <c r="AK8" s="234">
        <v>1549</v>
      </c>
      <c r="AL8" s="234">
        <v>2052</v>
      </c>
      <c r="AM8" s="234">
        <v>2627</v>
      </c>
      <c r="AN8" s="235">
        <v>1390</v>
      </c>
      <c r="AO8" s="256">
        <v>8237</v>
      </c>
      <c r="AP8" s="237">
        <v>8237</v>
      </c>
      <c r="AQ8" s="238">
        <v>0</v>
      </c>
      <c r="AR8" s="235">
        <v>0</v>
      </c>
      <c r="AS8" s="256">
        <v>0</v>
      </c>
      <c r="AT8" s="236">
        <v>615</v>
      </c>
      <c r="AU8" s="234">
        <v>1531</v>
      </c>
      <c r="AV8" s="234">
        <v>2028</v>
      </c>
      <c r="AW8" s="234">
        <v>2578</v>
      </c>
      <c r="AX8" s="235">
        <v>1362</v>
      </c>
      <c r="AY8" s="256">
        <v>8114</v>
      </c>
      <c r="AZ8" s="257">
        <v>8114</v>
      </c>
      <c r="BA8" s="233">
        <v>0</v>
      </c>
      <c r="BB8" s="235">
        <v>0</v>
      </c>
      <c r="BC8" s="235">
        <v>0</v>
      </c>
      <c r="BD8" s="236">
        <v>4</v>
      </c>
      <c r="BE8" s="234">
        <v>18</v>
      </c>
      <c r="BF8" s="234">
        <v>24</v>
      </c>
      <c r="BG8" s="234">
        <v>49</v>
      </c>
      <c r="BH8" s="235">
        <v>28</v>
      </c>
      <c r="BI8" s="256">
        <v>123</v>
      </c>
      <c r="BJ8" s="258">
        <v>123</v>
      </c>
      <c r="BK8" s="238">
        <v>0</v>
      </c>
      <c r="BL8" s="235">
        <v>0</v>
      </c>
      <c r="BM8" s="235">
        <v>0</v>
      </c>
      <c r="BN8" s="236">
        <v>0</v>
      </c>
      <c r="BO8" s="234">
        <v>0</v>
      </c>
      <c r="BP8" s="234">
        <v>1</v>
      </c>
      <c r="BQ8" s="234">
        <v>11</v>
      </c>
      <c r="BR8" s="235">
        <v>24</v>
      </c>
      <c r="BS8" s="256">
        <v>36</v>
      </c>
      <c r="BT8" s="257">
        <v>36</v>
      </c>
      <c r="BU8" s="233">
        <v>0</v>
      </c>
      <c r="BV8" s="235">
        <v>0</v>
      </c>
      <c r="BW8" s="235">
        <v>0</v>
      </c>
      <c r="BX8" s="236">
        <v>0</v>
      </c>
      <c r="BY8" s="234">
        <v>0</v>
      </c>
      <c r="BZ8" s="234">
        <v>1</v>
      </c>
      <c r="CA8" s="234">
        <v>11</v>
      </c>
      <c r="CB8" s="235">
        <v>23</v>
      </c>
      <c r="CC8" s="256">
        <v>35</v>
      </c>
      <c r="CD8" s="258">
        <v>35</v>
      </c>
      <c r="CE8" s="238">
        <v>0</v>
      </c>
      <c r="CF8" s="235">
        <v>0</v>
      </c>
      <c r="CG8" s="235">
        <v>0</v>
      </c>
      <c r="CH8" s="236">
        <v>0</v>
      </c>
      <c r="CI8" s="234">
        <v>0</v>
      </c>
      <c r="CJ8" s="234">
        <v>0</v>
      </c>
      <c r="CK8" s="234">
        <v>0</v>
      </c>
      <c r="CL8" s="235">
        <v>1</v>
      </c>
      <c r="CM8" s="256">
        <v>1</v>
      </c>
      <c r="CN8" s="258">
        <v>1</v>
      </c>
      <c r="CO8" s="238">
        <v>0</v>
      </c>
      <c r="CP8" s="235">
        <v>0</v>
      </c>
      <c r="CQ8" s="235">
        <v>0</v>
      </c>
      <c r="CR8" s="236">
        <v>1</v>
      </c>
      <c r="CS8" s="234">
        <v>4</v>
      </c>
      <c r="CT8" s="234">
        <v>11</v>
      </c>
      <c r="CU8" s="234">
        <v>104</v>
      </c>
      <c r="CV8" s="235">
        <v>120</v>
      </c>
      <c r="CW8" s="256">
        <v>240</v>
      </c>
      <c r="CX8" s="257">
        <v>240</v>
      </c>
      <c r="CY8" s="233">
        <v>0</v>
      </c>
      <c r="CZ8" s="235">
        <v>0</v>
      </c>
      <c r="DA8" s="235">
        <v>0</v>
      </c>
      <c r="DB8" s="236">
        <v>1</v>
      </c>
      <c r="DC8" s="234">
        <v>4</v>
      </c>
      <c r="DD8" s="234">
        <v>11</v>
      </c>
      <c r="DE8" s="234">
        <v>102</v>
      </c>
      <c r="DF8" s="235">
        <v>120</v>
      </c>
      <c r="DG8" s="256">
        <v>238</v>
      </c>
      <c r="DH8" s="258">
        <v>238</v>
      </c>
      <c r="DI8" s="238">
        <v>0</v>
      </c>
      <c r="DJ8" s="235">
        <v>0</v>
      </c>
      <c r="DK8" s="235">
        <v>0</v>
      </c>
      <c r="DL8" s="236">
        <v>0</v>
      </c>
      <c r="DM8" s="234">
        <v>0</v>
      </c>
      <c r="DN8" s="234">
        <v>0</v>
      </c>
      <c r="DO8" s="234">
        <v>2</v>
      </c>
      <c r="DP8" s="235">
        <v>0</v>
      </c>
      <c r="DQ8" s="256">
        <v>2</v>
      </c>
      <c r="DR8" s="258">
        <v>2</v>
      </c>
      <c r="DS8" s="238">
        <v>0</v>
      </c>
      <c r="DT8" s="235">
        <v>0</v>
      </c>
      <c r="DU8" s="235">
        <v>0</v>
      </c>
      <c r="DV8" s="236">
        <v>883</v>
      </c>
      <c r="DW8" s="234">
        <v>2694</v>
      </c>
      <c r="DX8" s="234">
        <v>6574</v>
      </c>
      <c r="DY8" s="234">
        <v>9057</v>
      </c>
      <c r="DZ8" s="235">
        <v>5819</v>
      </c>
      <c r="EA8" s="256">
        <v>25027</v>
      </c>
      <c r="EB8" s="258">
        <v>25027</v>
      </c>
      <c r="EC8" s="255"/>
    </row>
    <row r="9" spans="2:133" ht="21" customHeight="1" x14ac:dyDescent="0.2">
      <c r="B9" s="173" t="s">
        <v>6</v>
      </c>
      <c r="C9" s="233">
        <v>0</v>
      </c>
      <c r="D9" s="235">
        <v>0</v>
      </c>
      <c r="E9" s="235">
        <v>0</v>
      </c>
      <c r="F9" s="236">
        <v>91</v>
      </c>
      <c r="G9" s="234">
        <v>191</v>
      </c>
      <c r="H9" s="234">
        <v>1268</v>
      </c>
      <c r="I9" s="234">
        <v>1897</v>
      </c>
      <c r="J9" s="235">
        <v>1298</v>
      </c>
      <c r="K9" s="256">
        <v>4745</v>
      </c>
      <c r="L9" s="257">
        <v>4745</v>
      </c>
      <c r="M9" s="233">
        <v>0</v>
      </c>
      <c r="N9" s="235">
        <v>0</v>
      </c>
      <c r="O9" s="256">
        <v>0</v>
      </c>
      <c r="P9" s="236">
        <v>91</v>
      </c>
      <c r="Q9" s="234">
        <v>191</v>
      </c>
      <c r="R9" s="234">
        <v>1257</v>
      </c>
      <c r="S9" s="234">
        <v>1873</v>
      </c>
      <c r="T9" s="235">
        <v>1284</v>
      </c>
      <c r="U9" s="256">
        <v>4696</v>
      </c>
      <c r="V9" s="258">
        <v>4696</v>
      </c>
      <c r="W9" s="238">
        <v>0</v>
      </c>
      <c r="X9" s="235">
        <v>0</v>
      </c>
      <c r="Y9" s="256">
        <v>0</v>
      </c>
      <c r="Z9" s="238">
        <v>0</v>
      </c>
      <c r="AA9" s="234">
        <v>0</v>
      </c>
      <c r="AB9" s="234">
        <v>11</v>
      </c>
      <c r="AC9" s="234">
        <v>24</v>
      </c>
      <c r="AD9" s="235">
        <v>14</v>
      </c>
      <c r="AE9" s="256">
        <v>49</v>
      </c>
      <c r="AF9" s="237">
        <v>49</v>
      </c>
      <c r="AG9" s="238">
        <v>0</v>
      </c>
      <c r="AH9" s="235">
        <v>0</v>
      </c>
      <c r="AI9" s="256">
        <v>0</v>
      </c>
      <c r="AJ9" s="238">
        <v>222</v>
      </c>
      <c r="AK9" s="234">
        <v>315</v>
      </c>
      <c r="AL9" s="234">
        <v>524</v>
      </c>
      <c r="AM9" s="234">
        <v>696</v>
      </c>
      <c r="AN9" s="235">
        <v>370</v>
      </c>
      <c r="AO9" s="256">
        <v>2127</v>
      </c>
      <c r="AP9" s="237">
        <v>2127</v>
      </c>
      <c r="AQ9" s="238">
        <v>0</v>
      </c>
      <c r="AR9" s="235">
        <v>0</v>
      </c>
      <c r="AS9" s="256">
        <v>0</v>
      </c>
      <c r="AT9" s="236">
        <v>218</v>
      </c>
      <c r="AU9" s="234">
        <v>313</v>
      </c>
      <c r="AV9" s="234">
        <v>508</v>
      </c>
      <c r="AW9" s="234">
        <v>672</v>
      </c>
      <c r="AX9" s="235">
        <v>358</v>
      </c>
      <c r="AY9" s="256">
        <v>2069</v>
      </c>
      <c r="AZ9" s="257">
        <v>2069</v>
      </c>
      <c r="BA9" s="233">
        <v>0</v>
      </c>
      <c r="BB9" s="235">
        <v>0</v>
      </c>
      <c r="BC9" s="235">
        <v>0</v>
      </c>
      <c r="BD9" s="236">
        <v>4</v>
      </c>
      <c r="BE9" s="234">
        <v>2</v>
      </c>
      <c r="BF9" s="234">
        <v>16</v>
      </c>
      <c r="BG9" s="234">
        <v>24</v>
      </c>
      <c r="BH9" s="235">
        <v>12</v>
      </c>
      <c r="BI9" s="256">
        <v>58</v>
      </c>
      <c r="BJ9" s="258">
        <v>58</v>
      </c>
      <c r="BK9" s="238">
        <v>0</v>
      </c>
      <c r="BL9" s="235">
        <v>0</v>
      </c>
      <c r="BM9" s="235">
        <v>0</v>
      </c>
      <c r="BN9" s="236">
        <v>0</v>
      </c>
      <c r="BO9" s="234">
        <v>0</v>
      </c>
      <c r="BP9" s="234">
        <v>2</v>
      </c>
      <c r="BQ9" s="234">
        <v>11</v>
      </c>
      <c r="BR9" s="235">
        <v>15</v>
      </c>
      <c r="BS9" s="256">
        <v>28</v>
      </c>
      <c r="BT9" s="257">
        <v>28</v>
      </c>
      <c r="BU9" s="233">
        <v>0</v>
      </c>
      <c r="BV9" s="235">
        <v>0</v>
      </c>
      <c r="BW9" s="235">
        <v>0</v>
      </c>
      <c r="BX9" s="236">
        <v>0</v>
      </c>
      <c r="BY9" s="234">
        <v>0</v>
      </c>
      <c r="BZ9" s="234">
        <v>2</v>
      </c>
      <c r="CA9" s="234">
        <v>11</v>
      </c>
      <c r="CB9" s="235">
        <v>15</v>
      </c>
      <c r="CC9" s="256">
        <v>28</v>
      </c>
      <c r="CD9" s="258">
        <v>28</v>
      </c>
      <c r="CE9" s="238">
        <v>0</v>
      </c>
      <c r="CF9" s="235">
        <v>0</v>
      </c>
      <c r="CG9" s="235">
        <v>0</v>
      </c>
      <c r="CH9" s="236">
        <v>0</v>
      </c>
      <c r="CI9" s="234">
        <v>0</v>
      </c>
      <c r="CJ9" s="234">
        <v>0</v>
      </c>
      <c r="CK9" s="234">
        <v>0</v>
      </c>
      <c r="CL9" s="235">
        <v>0</v>
      </c>
      <c r="CM9" s="256">
        <v>0</v>
      </c>
      <c r="CN9" s="258">
        <v>0</v>
      </c>
      <c r="CO9" s="238">
        <v>0</v>
      </c>
      <c r="CP9" s="235">
        <v>0</v>
      </c>
      <c r="CQ9" s="235">
        <v>0</v>
      </c>
      <c r="CR9" s="236">
        <v>0</v>
      </c>
      <c r="CS9" s="234">
        <v>1</v>
      </c>
      <c r="CT9" s="234">
        <v>1</v>
      </c>
      <c r="CU9" s="234">
        <v>41</v>
      </c>
      <c r="CV9" s="235">
        <v>60</v>
      </c>
      <c r="CW9" s="256">
        <v>103</v>
      </c>
      <c r="CX9" s="257">
        <v>103</v>
      </c>
      <c r="CY9" s="233">
        <v>0</v>
      </c>
      <c r="CZ9" s="235">
        <v>0</v>
      </c>
      <c r="DA9" s="235">
        <v>0</v>
      </c>
      <c r="DB9" s="236">
        <v>0</v>
      </c>
      <c r="DC9" s="234">
        <v>1</v>
      </c>
      <c r="DD9" s="234">
        <v>1</v>
      </c>
      <c r="DE9" s="234">
        <v>40</v>
      </c>
      <c r="DF9" s="235">
        <v>59</v>
      </c>
      <c r="DG9" s="256">
        <v>101</v>
      </c>
      <c r="DH9" s="258">
        <v>101</v>
      </c>
      <c r="DI9" s="238">
        <v>0</v>
      </c>
      <c r="DJ9" s="235">
        <v>0</v>
      </c>
      <c r="DK9" s="235">
        <v>0</v>
      </c>
      <c r="DL9" s="236">
        <v>0</v>
      </c>
      <c r="DM9" s="234">
        <v>0</v>
      </c>
      <c r="DN9" s="234">
        <v>0</v>
      </c>
      <c r="DO9" s="234">
        <v>1</v>
      </c>
      <c r="DP9" s="235">
        <v>1</v>
      </c>
      <c r="DQ9" s="256">
        <v>2</v>
      </c>
      <c r="DR9" s="258">
        <v>2</v>
      </c>
      <c r="DS9" s="238">
        <v>0</v>
      </c>
      <c r="DT9" s="235">
        <v>0</v>
      </c>
      <c r="DU9" s="235">
        <v>0</v>
      </c>
      <c r="DV9" s="236">
        <v>313</v>
      </c>
      <c r="DW9" s="234">
        <v>507</v>
      </c>
      <c r="DX9" s="234">
        <v>1795</v>
      </c>
      <c r="DY9" s="234">
        <v>2645</v>
      </c>
      <c r="DZ9" s="235">
        <v>1743</v>
      </c>
      <c r="EA9" s="256">
        <v>7003</v>
      </c>
      <c r="EB9" s="258">
        <v>7003</v>
      </c>
      <c r="EC9" s="255"/>
    </row>
    <row r="10" spans="2:133" ht="21" customHeight="1" x14ac:dyDescent="0.2">
      <c r="B10" s="173" t="s">
        <v>14</v>
      </c>
      <c r="C10" s="233">
        <v>0</v>
      </c>
      <c r="D10" s="235">
        <v>0</v>
      </c>
      <c r="E10" s="235">
        <v>0</v>
      </c>
      <c r="F10" s="236">
        <v>10</v>
      </c>
      <c r="G10" s="234">
        <v>36</v>
      </c>
      <c r="H10" s="234">
        <v>839</v>
      </c>
      <c r="I10" s="234">
        <v>1247</v>
      </c>
      <c r="J10" s="235">
        <v>816</v>
      </c>
      <c r="K10" s="256">
        <v>2948</v>
      </c>
      <c r="L10" s="257">
        <v>2948</v>
      </c>
      <c r="M10" s="233">
        <v>0</v>
      </c>
      <c r="N10" s="235">
        <v>0</v>
      </c>
      <c r="O10" s="256">
        <v>0</v>
      </c>
      <c r="P10" s="236">
        <v>10</v>
      </c>
      <c r="Q10" s="234">
        <v>36</v>
      </c>
      <c r="R10" s="234">
        <v>835</v>
      </c>
      <c r="S10" s="234">
        <v>1235</v>
      </c>
      <c r="T10" s="235">
        <v>808</v>
      </c>
      <c r="U10" s="256">
        <v>2924</v>
      </c>
      <c r="V10" s="258">
        <v>2924</v>
      </c>
      <c r="W10" s="238">
        <v>0</v>
      </c>
      <c r="X10" s="235">
        <v>0</v>
      </c>
      <c r="Y10" s="256">
        <v>0</v>
      </c>
      <c r="Z10" s="238">
        <v>0</v>
      </c>
      <c r="AA10" s="234">
        <v>0</v>
      </c>
      <c r="AB10" s="234">
        <v>4</v>
      </c>
      <c r="AC10" s="234">
        <v>12</v>
      </c>
      <c r="AD10" s="235">
        <v>8</v>
      </c>
      <c r="AE10" s="256">
        <v>24</v>
      </c>
      <c r="AF10" s="237">
        <v>24</v>
      </c>
      <c r="AG10" s="238">
        <v>0</v>
      </c>
      <c r="AH10" s="235">
        <v>0</v>
      </c>
      <c r="AI10" s="256">
        <v>0</v>
      </c>
      <c r="AJ10" s="238">
        <v>63</v>
      </c>
      <c r="AK10" s="234">
        <v>209</v>
      </c>
      <c r="AL10" s="234">
        <v>303</v>
      </c>
      <c r="AM10" s="234">
        <v>382</v>
      </c>
      <c r="AN10" s="235">
        <v>192</v>
      </c>
      <c r="AO10" s="256">
        <v>1149</v>
      </c>
      <c r="AP10" s="237">
        <v>1149</v>
      </c>
      <c r="AQ10" s="238">
        <v>0</v>
      </c>
      <c r="AR10" s="235">
        <v>0</v>
      </c>
      <c r="AS10" s="256">
        <v>0</v>
      </c>
      <c r="AT10" s="236">
        <v>62</v>
      </c>
      <c r="AU10" s="234">
        <v>208</v>
      </c>
      <c r="AV10" s="234">
        <v>295</v>
      </c>
      <c r="AW10" s="234">
        <v>374</v>
      </c>
      <c r="AX10" s="235">
        <v>185</v>
      </c>
      <c r="AY10" s="256">
        <v>1124</v>
      </c>
      <c r="AZ10" s="257">
        <v>1124</v>
      </c>
      <c r="BA10" s="233">
        <v>0</v>
      </c>
      <c r="BB10" s="235">
        <v>0</v>
      </c>
      <c r="BC10" s="235">
        <v>0</v>
      </c>
      <c r="BD10" s="236">
        <v>1</v>
      </c>
      <c r="BE10" s="234">
        <v>1</v>
      </c>
      <c r="BF10" s="234">
        <v>8</v>
      </c>
      <c r="BG10" s="234">
        <v>8</v>
      </c>
      <c r="BH10" s="235">
        <v>7</v>
      </c>
      <c r="BI10" s="256">
        <v>25</v>
      </c>
      <c r="BJ10" s="258">
        <v>25</v>
      </c>
      <c r="BK10" s="238">
        <v>0</v>
      </c>
      <c r="BL10" s="235">
        <v>0</v>
      </c>
      <c r="BM10" s="235">
        <v>0</v>
      </c>
      <c r="BN10" s="236">
        <v>0</v>
      </c>
      <c r="BO10" s="234">
        <v>0</v>
      </c>
      <c r="BP10" s="234">
        <v>2</v>
      </c>
      <c r="BQ10" s="234">
        <v>20</v>
      </c>
      <c r="BR10" s="235">
        <v>21</v>
      </c>
      <c r="BS10" s="256">
        <v>43</v>
      </c>
      <c r="BT10" s="257">
        <v>43</v>
      </c>
      <c r="BU10" s="233">
        <v>0</v>
      </c>
      <c r="BV10" s="235">
        <v>0</v>
      </c>
      <c r="BW10" s="235">
        <v>0</v>
      </c>
      <c r="BX10" s="236">
        <v>0</v>
      </c>
      <c r="BY10" s="234">
        <v>0</v>
      </c>
      <c r="BZ10" s="234">
        <v>2</v>
      </c>
      <c r="CA10" s="234">
        <v>20</v>
      </c>
      <c r="CB10" s="235">
        <v>21</v>
      </c>
      <c r="CC10" s="256">
        <v>43</v>
      </c>
      <c r="CD10" s="258">
        <v>43</v>
      </c>
      <c r="CE10" s="238">
        <v>0</v>
      </c>
      <c r="CF10" s="235">
        <v>0</v>
      </c>
      <c r="CG10" s="235">
        <v>0</v>
      </c>
      <c r="CH10" s="236">
        <v>0</v>
      </c>
      <c r="CI10" s="234">
        <v>0</v>
      </c>
      <c r="CJ10" s="234">
        <v>0</v>
      </c>
      <c r="CK10" s="234">
        <v>0</v>
      </c>
      <c r="CL10" s="235">
        <v>0</v>
      </c>
      <c r="CM10" s="256">
        <v>0</v>
      </c>
      <c r="CN10" s="258">
        <v>0</v>
      </c>
      <c r="CO10" s="238">
        <v>0</v>
      </c>
      <c r="CP10" s="235">
        <v>0</v>
      </c>
      <c r="CQ10" s="235">
        <v>0</v>
      </c>
      <c r="CR10" s="236">
        <v>0</v>
      </c>
      <c r="CS10" s="234">
        <v>0</v>
      </c>
      <c r="CT10" s="234">
        <v>11</v>
      </c>
      <c r="CU10" s="234">
        <v>76</v>
      </c>
      <c r="CV10" s="235">
        <v>79</v>
      </c>
      <c r="CW10" s="256">
        <v>166</v>
      </c>
      <c r="CX10" s="257">
        <v>166</v>
      </c>
      <c r="CY10" s="233">
        <v>0</v>
      </c>
      <c r="CZ10" s="235">
        <v>0</v>
      </c>
      <c r="DA10" s="235">
        <v>0</v>
      </c>
      <c r="DB10" s="236">
        <v>0</v>
      </c>
      <c r="DC10" s="234">
        <v>0</v>
      </c>
      <c r="DD10" s="234">
        <v>10</v>
      </c>
      <c r="DE10" s="234">
        <v>75</v>
      </c>
      <c r="DF10" s="235">
        <v>77</v>
      </c>
      <c r="DG10" s="256">
        <v>162</v>
      </c>
      <c r="DH10" s="258">
        <v>162</v>
      </c>
      <c r="DI10" s="238">
        <v>0</v>
      </c>
      <c r="DJ10" s="235">
        <v>0</v>
      </c>
      <c r="DK10" s="235">
        <v>0</v>
      </c>
      <c r="DL10" s="236">
        <v>0</v>
      </c>
      <c r="DM10" s="234">
        <v>0</v>
      </c>
      <c r="DN10" s="234">
        <v>1</v>
      </c>
      <c r="DO10" s="234">
        <v>1</v>
      </c>
      <c r="DP10" s="235">
        <v>2</v>
      </c>
      <c r="DQ10" s="256">
        <v>4</v>
      </c>
      <c r="DR10" s="258">
        <v>4</v>
      </c>
      <c r="DS10" s="238">
        <v>0</v>
      </c>
      <c r="DT10" s="235">
        <v>0</v>
      </c>
      <c r="DU10" s="235">
        <v>0</v>
      </c>
      <c r="DV10" s="236">
        <v>73</v>
      </c>
      <c r="DW10" s="234">
        <v>245</v>
      </c>
      <c r="DX10" s="234">
        <v>1153</v>
      </c>
      <c r="DY10" s="234">
        <v>1720</v>
      </c>
      <c r="DZ10" s="235">
        <v>1106</v>
      </c>
      <c r="EA10" s="256">
        <v>4297</v>
      </c>
      <c r="EB10" s="258">
        <v>4297</v>
      </c>
      <c r="EC10" s="255"/>
    </row>
    <row r="11" spans="2:133" ht="21" customHeight="1" x14ac:dyDescent="0.2">
      <c r="B11" s="173" t="s">
        <v>7</v>
      </c>
      <c r="C11" s="233">
        <v>0</v>
      </c>
      <c r="D11" s="235">
        <v>0</v>
      </c>
      <c r="E11" s="235">
        <v>0</v>
      </c>
      <c r="F11" s="236">
        <v>22</v>
      </c>
      <c r="G11" s="234">
        <v>47</v>
      </c>
      <c r="H11" s="234">
        <v>574</v>
      </c>
      <c r="I11" s="234">
        <v>858</v>
      </c>
      <c r="J11" s="235">
        <v>530</v>
      </c>
      <c r="K11" s="256">
        <v>2031</v>
      </c>
      <c r="L11" s="257">
        <v>2031</v>
      </c>
      <c r="M11" s="233">
        <v>0</v>
      </c>
      <c r="N11" s="235">
        <v>0</v>
      </c>
      <c r="O11" s="256">
        <v>0</v>
      </c>
      <c r="P11" s="236">
        <v>21</v>
      </c>
      <c r="Q11" s="234">
        <v>45</v>
      </c>
      <c r="R11" s="234">
        <v>572</v>
      </c>
      <c r="S11" s="234">
        <v>845</v>
      </c>
      <c r="T11" s="235">
        <v>520</v>
      </c>
      <c r="U11" s="256">
        <v>2003</v>
      </c>
      <c r="V11" s="258">
        <v>2003</v>
      </c>
      <c r="W11" s="238">
        <v>0</v>
      </c>
      <c r="X11" s="235">
        <v>0</v>
      </c>
      <c r="Y11" s="256">
        <v>0</v>
      </c>
      <c r="Z11" s="238">
        <v>1</v>
      </c>
      <c r="AA11" s="234">
        <v>2</v>
      </c>
      <c r="AB11" s="234">
        <v>2</v>
      </c>
      <c r="AC11" s="234">
        <v>13</v>
      </c>
      <c r="AD11" s="235">
        <v>10</v>
      </c>
      <c r="AE11" s="256">
        <v>28</v>
      </c>
      <c r="AF11" s="237">
        <v>28</v>
      </c>
      <c r="AG11" s="238">
        <v>0</v>
      </c>
      <c r="AH11" s="235">
        <v>0</v>
      </c>
      <c r="AI11" s="256">
        <v>0</v>
      </c>
      <c r="AJ11" s="238">
        <v>154</v>
      </c>
      <c r="AK11" s="234">
        <v>202</v>
      </c>
      <c r="AL11" s="234">
        <v>253</v>
      </c>
      <c r="AM11" s="234">
        <v>276</v>
      </c>
      <c r="AN11" s="235">
        <v>103</v>
      </c>
      <c r="AO11" s="256">
        <v>988</v>
      </c>
      <c r="AP11" s="237">
        <v>988</v>
      </c>
      <c r="AQ11" s="238">
        <v>0</v>
      </c>
      <c r="AR11" s="235">
        <v>0</v>
      </c>
      <c r="AS11" s="256">
        <v>0</v>
      </c>
      <c r="AT11" s="236">
        <v>154</v>
      </c>
      <c r="AU11" s="234">
        <v>200</v>
      </c>
      <c r="AV11" s="234">
        <v>244</v>
      </c>
      <c r="AW11" s="234">
        <v>269</v>
      </c>
      <c r="AX11" s="235">
        <v>100</v>
      </c>
      <c r="AY11" s="256">
        <v>967</v>
      </c>
      <c r="AZ11" s="257">
        <v>967</v>
      </c>
      <c r="BA11" s="233">
        <v>0</v>
      </c>
      <c r="BB11" s="235">
        <v>0</v>
      </c>
      <c r="BC11" s="235">
        <v>0</v>
      </c>
      <c r="BD11" s="236">
        <v>0</v>
      </c>
      <c r="BE11" s="234">
        <v>2</v>
      </c>
      <c r="BF11" s="234">
        <v>9</v>
      </c>
      <c r="BG11" s="234">
        <v>7</v>
      </c>
      <c r="BH11" s="235">
        <v>3</v>
      </c>
      <c r="BI11" s="256">
        <v>21</v>
      </c>
      <c r="BJ11" s="258">
        <v>21</v>
      </c>
      <c r="BK11" s="238">
        <v>0</v>
      </c>
      <c r="BL11" s="235">
        <v>0</v>
      </c>
      <c r="BM11" s="235">
        <v>0</v>
      </c>
      <c r="BN11" s="236">
        <v>0</v>
      </c>
      <c r="BO11" s="234">
        <v>0</v>
      </c>
      <c r="BP11" s="234">
        <v>0</v>
      </c>
      <c r="BQ11" s="234">
        <v>1</v>
      </c>
      <c r="BR11" s="235">
        <v>2</v>
      </c>
      <c r="BS11" s="256">
        <v>3</v>
      </c>
      <c r="BT11" s="257">
        <v>3</v>
      </c>
      <c r="BU11" s="233">
        <v>0</v>
      </c>
      <c r="BV11" s="235">
        <v>0</v>
      </c>
      <c r="BW11" s="235">
        <v>0</v>
      </c>
      <c r="BX11" s="236">
        <v>0</v>
      </c>
      <c r="BY11" s="234">
        <v>0</v>
      </c>
      <c r="BZ11" s="234">
        <v>0</v>
      </c>
      <c r="CA11" s="234">
        <v>1</v>
      </c>
      <c r="CB11" s="235">
        <v>2</v>
      </c>
      <c r="CC11" s="256">
        <v>3</v>
      </c>
      <c r="CD11" s="258">
        <v>3</v>
      </c>
      <c r="CE11" s="238">
        <v>0</v>
      </c>
      <c r="CF11" s="235">
        <v>0</v>
      </c>
      <c r="CG11" s="235">
        <v>0</v>
      </c>
      <c r="CH11" s="236">
        <v>0</v>
      </c>
      <c r="CI11" s="234">
        <v>0</v>
      </c>
      <c r="CJ11" s="234">
        <v>0</v>
      </c>
      <c r="CK11" s="234">
        <v>0</v>
      </c>
      <c r="CL11" s="235">
        <v>0</v>
      </c>
      <c r="CM11" s="256">
        <v>0</v>
      </c>
      <c r="CN11" s="258">
        <v>0</v>
      </c>
      <c r="CO11" s="238">
        <v>0</v>
      </c>
      <c r="CP11" s="235">
        <v>0</v>
      </c>
      <c r="CQ11" s="235">
        <v>0</v>
      </c>
      <c r="CR11" s="236">
        <v>0</v>
      </c>
      <c r="CS11" s="234">
        <v>0</v>
      </c>
      <c r="CT11" s="234">
        <v>1</v>
      </c>
      <c r="CU11" s="234">
        <v>3</v>
      </c>
      <c r="CV11" s="235">
        <v>1</v>
      </c>
      <c r="CW11" s="256">
        <v>5</v>
      </c>
      <c r="CX11" s="257">
        <v>5</v>
      </c>
      <c r="CY11" s="233">
        <v>0</v>
      </c>
      <c r="CZ11" s="235">
        <v>0</v>
      </c>
      <c r="DA11" s="235">
        <v>0</v>
      </c>
      <c r="DB11" s="236">
        <v>0</v>
      </c>
      <c r="DC11" s="234">
        <v>0</v>
      </c>
      <c r="DD11" s="234">
        <v>1</v>
      </c>
      <c r="DE11" s="234">
        <v>3</v>
      </c>
      <c r="DF11" s="235">
        <v>1</v>
      </c>
      <c r="DG11" s="256">
        <v>5</v>
      </c>
      <c r="DH11" s="258">
        <v>5</v>
      </c>
      <c r="DI11" s="238">
        <v>0</v>
      </c>
      <c r="DJ11" s="235">
        <v>0</v>
      </c>
      <c r="DK11" s="235">
        <v>0</v>
      </c>
      <c r="DL11" s="236">
        <v>0</v>
      </c>
      <c r="DM11" s="234">
        <v>0</v>
      </c>
      <c r="DN11" s="234">
        <v>0</v>
      </c>
      <c r="DO11" s="234">
        <v>0</v>
      </c>
      <c r="DP11" s="235">
        <v>0</v>
      </c>
      <c r="DQ11" s="256">
        <v>0</v>
      </c>
      <c r="DR11" s="258">
        <v>0</v>
      </c>
      <c r="DS11" s="238">
        <v>0</v>
      </c>
      <c r="DT11" s="235">
        <v>0</v>
      </c>
      <c r="DU11" s="235">
        <v>0</v>
      </c>
      <c r="DV11" s="236">
        <v>176</v>
      </c>
      <c r="DW11" s="234">
        <v>249</v>
      </c>
      <c r="DX11" s="234">
        <v>824</v>
      </c>
      <c r="DY11" s="234">
        <v>1133</v>
      </c>
      <c r="DZ11" s="235">
        <v>634</v>
      </c>
      <c r="EA11" s="256">
        <v>3016</v>
      </c>
      <c r="EB11" s="258">
        <v>3016</v>
      </c>
      <c r="EC11" s="255"/>
    </row>
    <row r="12" spans="2:133" ht="21" customHeight="1" x14ac:dyDescent="0.2">
      <c r="B12" s="173" t="s">
        <v>8</v>
      </c>
      <c r="C12" s="233">
        <v>0</v>
      </c>
      <c r="D12" s="235">
        <v>0</v>
      </c>
      <c r="E12" s="235">
        <v>0</v>
      </c>
      <c r="F12" s="236">
        <v>15</v>
      </c>
      <c r="G12" s="234">
        <v>60</v>
      </c>
      <c r="H12" s="234">
        <v>382</v>
      </c>
      <c r="I12" s="234">
        <v>415</v>
      </c>
      <c r="J12" s="235">
        <v>239</v>
      </c>
      <c r="K12" s="256">
        <v>1111</v>
      </c>
      <c r="L12" s="257">
        <v>1111</v>
      </c>
      <c r="M12" s="233">
        <v>0</v>
      </c>
      <c r="N12" s="235">
        <v>0</v>
      </c>
      <c r="O12" s="256">
        <v>0</v>
      </c>
      <c r="P12" s="236">
        <v>15</v>
      </c>
      <c r="Q12" s="234">
        <v>59</v>
      </c>
      <c r="R12" s="234">
        <v>381</v>
      </c>
      <c r="S12" s="234">
        <v>410</v>
      </c>
      <c r="T12" s="235">
        <v>237</v>
      </c>
      <c r="U12" s="256">
        <v>1102</v>
      </c>
      <c r="V12" s="258">
        <v>1102</v>
      </c>
      <c r="W12" s="238">
        <v>0</v>
      </c>
      <c r="X12" s="235">
        <v>0</v>
      </c>
      <c r="Y12" s="256">
        <v>0</v>
      </c>
      <c r="Z12" s="238">
        <v>0</v>
      </c>
      <c r="AA12" s="234">
        <v>1</v>
      </c>
      <c r="AB12" s="234">
        <v>1</v>
      </c>
      <c r="AC12" s="234">
        <v>5</v>
      </c>
      <c r="AD12" s="235">
        <v>2</v>
      </c>
      <c r="AE12" s="256">
        <v>9</v>
      </c>
      <c r="AF12" s="237">
        <v>9</v>
      </c>
      <c r="AG12" s="238">
        <v>0</v>
      </c>
      <c r="AH12" s="235">
        <v>0</v>
      </c>
      <c r="AI12" s="256">
        <v>0</v>
      </c>
      <c r="AJ12" s="238">
        <v>44</v>
      </c>
      <c r="AK12" s="234">
        <v>82</v>
      </c>
      <c r="AL12" s="234">
        <v>163</v>
      </c>
      <c r="AM12" s="234">
        <v>135</v>
      </c>
      <c r="AN12" s="235">
        <v>77</v>
      </c>
      <c r="AO12" s="256">
        <v>501</v>
      </c>
      <c r="AP12" s="237">
        <v>501</v>
      </c>
      <c r="AQ12" s="238">
        <v>0</v>
      </c>
      <c r="AR12" s="235">
        <v>0</v>
      </c>
      <c r="AS12" s="256">
        <v>0</v>
      </c>
      <c r="AT12" s="236">
        <v>44</v>
      </c>
      <c r="AU12" s="234">
        <v>82</v>
      </c>
      <c r="AV12" s="234">
        <v>162</v>
      </c>
      <c r="AW12" s="234">
        <v>133</v>
      </c>
      <c r="AX12" s="235">
        <v>75</v>
      </c>
      <c r="AY12" s="256">
        <v>496</v>
      </c>
      <c r="AZ12" s="257">
        <v>496</v>
      </c>
      <c r="BA12" s="233">
        <v>0</v>
      </c>
      <c r="BB12" s="235">
        <v>0</v>
      </c>
      <c r="BC12" s="235">
        <v>0</v>
      </c>
      <c r="BD12" s="236">
        <v>0</v>
      </c>
      <c r="BE12" s="234">
        <v>0</v>
      </c>
      <c r="BF12" s="234">
        <v>1</v>
      </c>
      <c r="BG12" s="234">
        <v>2</v>
      </c>
      <c r="BH12" s="235">
        <v>2</v>
      </c>
      <c r="BI12" s="256">
        <v>5</v>
      </c>
      <c r="BJ12" s="258">
        <v>5</v>
      </c>
      <c r="BK12" s="238">
        <v>0</v>
      </c>
      <c r="BL12" s="235">
        <v>0</v>
      </c>
      <c r="BM12" s="235">
        <v>0</v>
      </c>
      <c r="BN12" s="236">
        <v>0</v>
      </c>
      <c r="BO12" s="234">
        <v>0</v>
      </c>
      <c r="BP12" s="234">
        <v>0</v>
      </c>
      <c r="BQ12" s="234">
        <v>0</v>
      </c>
      <c r="BR12" s="235">
        <v>0</v>
      </c>
      <c r="BS12" s="256">
        <v>0</v>
      </c>
      <c r="BT12" s="257">
        <v>0</v>
      </c>
      <c r="BU12" s="233">
        <v>0</v>
      </c>
      <c r="BV12" s="235">
        <v>0</v>
      </c>
      <c r="BW12" s="235">
        <v>0</v>
      </c>
      <c r="BX12" s="236">
        <v>0</v>
      </c>
      <c r="BY12" s="234">
        <v>0</v>
      </c>
      <c r="BZ12" s="234">
        <v>0</v>
      </c>
      <c r="CA12" s="234">
        <v>0</v>
      </c>
      <c r="CB12" s="235">
        <v>0</v>
      </c>
      <c r="CC12" s="256">
        <v>0</v>
      </c>
      <c r="CD12" s="258">
        <v>0</v>
      </c>
      <c r="CE12" s="238">
        <v>0</v>
      </c>
      <c r="CF12" s="235">
        <v>0</v>
      </c>
      <c r="CG12" s="235">
        <v>0</v>
      </c>
      <c r="CH12" s="236">
        <v>0</v>
      </c>
      <c r="CI12" s="234">
        <v>0</v>
      </c>
      <c r="CJ12" s="234">
        <v>0</v>
      </c>
      <c r="CK12" s="234">
        <v>0</v>
      </c>
      <c r="CL12" s="235">
        <v>0</v>
      </c>
      <c r="CM12" s="256">
        <v>0</v>
      </c>
      <c r="CN12" s="258">
        <v>0</v>
      </c>
      <c r="CO12" s="238">
        <v>0</v>
      </c>
      <c r="CP12" s="235">
        <v>0</v>
      </c>
      <c r="CQ12" s="235">
        <v>0</v>
      </c>
      <c r="CR12" s="236">
        <v>1</v>
      </c>
      <c r="CS12" s="234">
        <v>1</v>
      </c>
      <c r="CT12" s="234">
        <v>2</v>
      </c>
      <c r="CU12" s="234">
        <v>10</v>
      </c>
      <c r="CV12" s="235">
        <v>8</v>
      </c>
      <c r="CW12" s="256">
        <v>22</v>
      </c>
      <c r="CX12" s="257">
        <v>22</v>
      </c>
      <c r="CY12" s="233">
        <v>0</v>
      </c>
      <c r="CZ12" s="235">
        <v>0</v>
      </c>
      <c r="DA12" s="235">
        <v>0</v>
      </c>
      <c r="DB12" s="236">
        <v>1</v>
      </c>
      <c r="DC12" s="234">
        <v>1</v>
      </c>
      <c r="DD12" s="234">
        <v>2</v>
      </c>
      <c r="DE12" s="234">
        <v>9</v>
      </c>
      <c r="DF12" s="235">
        <v>8</v>
      </c>
      <c r="DG12" s="256">
        <v>21</v>
      </c>
      <c r="DH12" s="258">
        <v>21</v>
      </c>
      <c r="DI12" s="238">
        <v>0</v>
      </c>
      <c r="DJ12" s="235">
        <v>0</v>
      </c>
      <c r="DK12" s="235">
        <v>0</v>
      </c>
      <c r="DL12" s="236">
        <v>0</v>
      </c>
      <c r="DM12" s="234">
        <v>0</v>
      </c>
      <c r="DN12" s="234">
        <v>0</v>
      </c>
      <c r="DO12" s="234">
        <v>1</v>
      </c>
      <c r="DP12" s="235">
        <v>0</v>
      </c>
      <c r="DQ12" s="256">
        <v>1</v>
      </c>
      <c r="DR12" s="258">
        <v>1</v>
      </c>
      <c r="DS12" s="238">
        <v>0</v>
      </c>
      <c r="DT12" s="235">
        <v>0</v>
      </c>
      <c r="DU12" s="235">
        <v>0</v>
      </c>
      <c r="DV12" s="236">
        <v>60</v>
      </c>
      <c r="DW12" s="234">
        <v>143</v>
      </c>
      <c r="DX12" s="234">
        <v>547</v>
      </c>
      <c r="DY12" s="234">
        <v>560</v>
      </c>
      <c r="DZ12" s="235">
        <v>324</v>
      </c>
      <c r="EA12" s="256">
        <v>1634</v>
      </c>
      <c r="EB12" s="258">
        <v>1634</v>
      </c>
      <c r="EC12" s="255"/>
    </row>
    <row r="13" spans="2:133" ht="21" customHeight="1" x14ac:dyDescent="0.2">
      <c r="B13" s="173" t="s">
        <v>9</v>
      </c>
      <c r="C13" s="233">
        <v>0</v>
      </c>
      <c r="D13" s="235">
        <v>0</v>
      </c>
      <c r="E13" s="235">
        <v>0</v>
      </c>
      <c r="F13" s="236">
        <v>4</v>
      </c>
      <c r="G13" s="234">
        <v>5</v>
      </c>
      <c r="H13" s="234">
        <v>202</v>
      </c>
      <c r="I13" s="234">
        <v>339</v>
      </c>
      <c r="J13" s="235">
        <v>274</v>
      </c>
      <c r="K13" s="256">
        <v>824</v>
      </c>
      <c r="L13" s="257">
        <v>824</v>
      </c>
      <c r="M13" s="233">
        <v>0</v>
      </c>
      <c r="N13" s="235">
        <v>0</v>
      </c>
      <c r="O13" s="256">
        <v>0</v>
      </c>
      <c r="P13" s="236">
        <v>4</v>
      </c>
      <c r="Q13" s="234">
        <v>5</v>
      </c>
      <c r="R13" s="234">
        <v>201</v>
      </c>
      <c r="S13" s="234">
        <v>335</v>
      </c>
      <c r="T13" s="235">
        <v>272</v>
      </c>
      <c r="U13" s="256">
        <v>817</v>
      </c>
      <c r="V13" s="258">
        <v>817</v>
      </c>
      <c r="W13" s="238">
        <v>0</v>
      </c>
      <c r="X13" s="235">
        <v>0</v>
      </c>
      <c r="Y13" s="256">
        <v>0</v>
      </c>
      <c r="Z13" s="238">
        <v>0</v>
      </c>
      <c r="AA13" s="234">
        <v>0</v>
      </c>
      <c r="AB13" s="234">
        <v>1</v>
      </c>
      <c r="AC13" s="234">
        <v>4</v>
      </c>
      <c r="AD13" s="235">
        <v>2</v>
      </c>
      <c r="AE13" s="256">
        <v>7</v>
      </c>
      <c r="AF13" s="237">
        <v>7</v>
      </c>
      <c r="AG13" s="238">
        <v>0</v>
      </c>
      <c r="AH13" s="235">
        <v>0</v>
      </c>
      <c r="AI13" s="256">
        <v>0</v>
      </c>
      <c r="AJ13" s="238">
        <v>31</v>
      </c>
      <c r="AK13" s="234">
        <v>67</v>
      </c>
      <c r="AL13" s="234">
        <v>106</v>
      </c>
      <c r="AM13" s="234">
        <v>114</v>
      </c>
      <c r="AN13" s="235">
        <v>76</v>
      </c>
      <c r="AO13" s="256">
        <v>394</v>
      </c>
      <c r="AP13" s="237">
        <v>394</v>
      </c>
      <c r="AQ13" s="238">
        <v>0</v>
      </c>
      <c r="AR13" s="235">
        <v>0</v>
      </c>
      <c r="AS13" s="256">
        <v>0</v>
      </c>
      <c r="AT13" s="236">
        <v>31</v>
      </c>
      <c r="AU13" s="234">
        <v>66</v>
      </c>
      <c r="AV13" s="234">
        <v>102</v>
      </c>
      <c r="AW13" s="234">
        <v>111</v>
      </c>
      <c r="AX13" s="235">
        <v>76</v>
      </c>
      <c r="AY13" s="256">
        <v>386</v>
      </c>
      <c r="AZ13" s="257">
        <v>386</v>
      </c>
      <c r="BA13" s="233">
        <v>0</v>
      </c>
      <c r="BB13" s="235">
        <v>0</v>
      </c>
      <c r="BC13" s="235">
        <v>0</v>
      </c>
      <c r="BD13" s="236">
        <v>0</v>
      </c>
      <c r="BE13" s="234">
        <v>1</v>
      </c>
      <c r="BF13" s="234">
        <v>4</v>
      </c>
      <c r="BG13" s="234">
        <v>3</v>
      </c>
      <c r="BH13" s="235">
        <v>0</v>
      </c>
      <c r="BI13" s="256">
        <v>8</v>
      </c>
      <c r="BJ13" s="258">
        <v>8</v>
      </c>
      <c r="BK13" s="238">
        <v>0</v>
      </c>
      <c r="BL13" s="235">
        <v>0</v>
      </c>
      <c r="BM13" s="235">
        <v>0</v>
      </c>
      <c r="BN13" s="236">
        <v>0</v>
      </c>
      <c r="BO13" s="234">
        <v>0</v>
      </c>
      <c r="BP13" s="234">
        <v>0</v>
      </c>
      <c r="BQ13" s="234">
        <v>0</v>
      </c>
      <c r="BR13" s="235">
        <v>0</v>
      </c>
      <c r="BS13" s="256">
        <v>0</v>
      </c>
      <c r="BT13" s="257">
        <v>0</v>
      </c>
      <c r="BU13" s="233">
        <v>0</v>
      </c>
      <c r="BV13" s="235">
        <v>0</v>
      </c>
      <c r="BW13" s="235">
        <v>0</v>
      </c>
      <c r="BX13" s="236">
        <v>0</v>
      </c>
      <c r="BY13" s="234">
        <v>0</v>
      </c>
      <c r="BZ13" s="234">
        <v>0</v>
      </c>
      <c r="CA13" s="234">
        <v>0</v>
      </c>
      <c r="CB13" s="235">
        <v>0</v>
      </c>
      <c r="CC13" s="256">
        <v>0</v>
      </c>
      <c r="CD13" s="258">
        <v>0</v>
      </c>
      <c r="CE13" s="238">
        <v>0</v>
      </c>
      <c r="CF13" s="235">
        <v>0</v>
      </c>
      <c r="CG13" s="235">
        <v>0</v>
      </c>
      <c r="CH13" s="236">
        <v>0</v>
      </c>
      <c r="CI13" s="234">
        <v>0</v>
      </c>
      <c r="CJ13" s="234">
        <v>0</v>
      </c>
      <c r="CK13" s="234">
        <v>0</v>
      </c>
      <c r="CL13" s="235">
        <v>0</v>
      </c>
      <c r="CM13" s="256">
        <v>0</v>
      </c>
      <c r="CN13" s="258">
        <v>0</v>
      </c>
      <c r="CO13" s="238">
        <v>0</v>
      </c>
      <c r="CP13" s="235">
        <v>0</v>
      </c>
      <c r="CQ13" s="235">
        <v>0</v>
      </c>
      <c r="CR13" s="236">
        <v>0</v>
      </c>
      <c r="CS13" s="234">
        <v>0</v>
      </c>
      <c r="CT13" s="234">
        <v>0</v>
      </c>
      <c r="CU13" s="234">
        <v>3</v>
      </c>
      <c r="CV13" s="235">
        <v>6</v>
      </c>
      <c r="CW13" s="256">
        <v>9</v>
      </c>
      <c r="CX13" s="257">
        <v>9</v>
      </c>
      <c r="CY13" s="233">
        <v>0</v>
      </c>
      <c r="CZ13" s="235">
        <v>0</v>
      </c>
      <c r="DA13" s="235">
        <v>0</v>
      </c>
      <c r="DB13" s="236">
        <v>0</v>
      </c>
      <c r="DC13" s="234">
        <v>0</v>
      </c>
      <c r="DD13" s="234">
        <v>0</v>
      </c>
      <c r="DE13" s="234">
        <v>3</v>
      </c>
      <c r="DF13" s="235">
        <v>6</v>
      </c>
      <c r="DG13" s="256">
        <v>9</v>
      </c>
      <c r="DH13" s="258">
        <v>9</v>
      </c>
      <c r="DI13" s="238">
        <v>0</v>
      </c>
      <c r="DJ13" s="235">
        <v>0</v>
      </c>
      <c r="DK13" s="235">
        <v>0</v>
      </c>
      <c r="DL13" s="236">
        <v>0</v>
      </c>
      <c r="DM13" s="234">
        <v>0</v>
      </c>
      <c r="DN13" s="234">
        <v>0</v>
      </c>
      <c r="DO13" s="234">
        <v>0</v>
      </c>
      <c r="DP13" s="235">
        <v>0</v>
      </c>
      <c r="DQ13" s="256">
        <v>0</v>
      </c>
      <c r="DR13" s="258">
        <v>0</v>
      </c>
      <c r="DS13" s="238">
        <v>0</v>
      </c>
      <c r="DT13" s="235">
        <v>0</v>
      </c>
      <c r="DU13" s="235">
        <v>0</v>
      </c>
      <c r="DV13" s="236">
        <v>35</v>
      </c>
      <c r="DW13" s="234">
        <v>72</v>
      </c>
      <c r="DX13" s="234">
        <v>308</v>
      </c>
      <c r="DY13" s="234">
        <v>453</v>
      </c>
      <c r="DZ13" s="235">
        <v>355</v>
      </c>
      <c r="EA13" s="256">
        <v>1223</v>
      </c>
      <c r="EB13" s="258">
        <v>1223</v>
      </c>
      <c r="EC13" s="255"/>
    </row>
    <row r="14" spans="2:133" ht="21" customHeight="1" x14ac:dyDescent="0.2">
      <c r="B14" s="173" t="s">
        <v>10</v>
      </c>
      <c r="C14" s="233">
        <v>0</v>
      </c>
      <c r="D14" s="235">
        <v>0</v>
      </c>
      <c r="E14" s="235">
        <v>0</v>
      </c>
      <c r="F14" s="236">
        <v>16</v>
      </c>
      <c r="G14" s="234">
        <v>51</v>
      </c>
      <c r="H14" s="234">
        <v>313</v>
      </c>
      <c r="I14" s="234">
        <v>582</v>
      </c>
      <c r="J14" s="235">
        <v>454</v>
      </c>
      <c r="K14" s="256">
        <v>1416</v>
      </c>
      <c r="L14" s="257">
        <v>1416</v>
      </c>
      <c r="M14" s="233">
        <v>0</v>
      </c>
      <c r="N14" s="235">
        <v>0</v>
      </c>
      <c r="O14" s="256">
        <v>0</v>
      </c>
      <c r="P14" s="236">
        <v>16</v>
      </c>
      <c r="Q14" s="234">
        <v>50</v>
      </c>
      <c r="R14" s="234">
        <v>309</v>
      </c>
      <c r="S14" s="234">
        <v>575</v>
      </c>
      <c r="T14" s="235">
        <v>449</v>
      </c>
      <c r="U14" s="256">
        <v>1399</v>
      </c>
      <c r="V14" s="258">
        <v>1399</v>
      </c>
      <c r="W14" s="238">
        <v>0</v>
      </c>
      <c r="X14" s="235">
        <v>0</v>
      </c>
      <c r="Y14" s="256">
        <v>0</v>
      </c>
      <c r="Z14" s="238">
        <v>0</v>
      </c>
      <c r="AA14" s="234">
        <v>1</v>
      </c>
      <c r="AB14" s="234">
        <v>4</v>
      </c>
      <c r="AC14" s="234">
        <v>7</v>
      </c>
      <c r="AD14" s="235">
        <v>5</v>
      </c>
      <c r="AE14" s="256">
        <v>17</v>
      </c>
      <c r="AF14" s="237">
        <v>17</v>
      </c>
      <c r="AG14" s="238">
        <v>0</v>
      </c>
      <c r="AH14" s="235">
        <v>0</v>
      </c>
      <c r="AI14" s="256">
        <v>0</v>
      </c>
      <c r="AJ14" s="238">
        <v>90</v>
      </c>
      <c r="AK14" s="234">
        <v>114</v>
      </c>
      <c r="AL14" s="234">
        <v>140</v>
      </c>
      <c r="AM14" s="234">
        <v>180</v>
      </c>
      <c r="AN14" s="235">
        <v>106</v>
      </c>
      <c r="AO14" s="256">
        <v>630</v>
      </c>
      <c r="AP14" s="237">
        <v>630</v>
      </c>
      <c r="AQ14" s="238">
        <v>0</v>
      </c>
      <c r="AR14" s="235">
        <v>0</v>
      </c>
      <c r="AS14" s="256">
        <v>0</v>
      </c>
      <c r="AT14" s="236">
        <v>87</v>
      </c>
      <c r="AU14" s="234">
        <v>112</v>
      </c>
      <c r="AV14" s="234">
        <v>138</v>
      </c>
      <c r="AW14" s="234">
        <v>179</v>
      </c>
      <c r="AX14" s="235">
        <v>103</v>
      </c>
      <c r="AY14" s="256">
        <v>619</v>
      </c>
      <c r="AZ14" s="257">
        <v>619</v>
      </c>
      <c r="BA14" s="233">
        <v>0</v>
      </c>
      <c r="BB14" s="235">
        <v>0</v>
      </c>
      <c r="BC14" s="235">
        <v>0</v>
      </c>
      <c r="BD14" s="236">
        <v>3</v>
      </c>
      <c r="BE14" s="234">
        <v>2</v>
      </c>
      <c r="BF14" s="234">
        <v>2</v>
      </c>
      <c r="BG14" s="234">
        <v>1</v>
      </c>
      <c r="BH14" s="235">
        <v>3</v>
      </c>
      <c r="BI14" s="256">
        <v>11</v>
      </c>
      <c r="BJ14" s="258">
        <v>11</v>
      </c>
      <c r="BK14" s="238">
        <v>0</v>
      </c>
      <c r="BL14" s="235">
        <v>0</v>
      </c>
      <c r="BM14" s="235">
        <v>0</v>
      </c>
      <c r="BN14" s="236">
        <v>0</v>
      </c>
      <c r="BO14" s="234">
        <v>0</v>
      </c>
      <c r="BP14" s="234">
        <v>0</v>
      </c>
      <c r="BQ14" s="234">
        <v>0</v>
      </c>
      <c r="BR14" s="235">
        <v>0</v>
      </c>
      <c r="BS14" s="256">
        <v>0</v>
      </c>
      <c r="BT14" s="257">
        <v>0</v>
      </c>
      <c r="BU14" s="233">
        <v>0</v>
      </c>
      <c r="BV14" s="235">
        <v>0</v>
      </c>
      <c r="BW14" s="235">
        <v>0</v>
      </c>
      <c r="BX14" s="236">
        <v>0</v>
      </c>
      <c r="BY14" s="234">
        <v>0</v>
      </c>
      <c r="BZ14" s="234">
        <v>0</v>
      </c>
      <c r="CA14" s="234">
        <v>0</v>
      </c>
      <c r="CB14" s="235">
        <v>0</v>
      </c>
      <c r="CC14" s="256">
        <v>0</v>
      </c>
      <c r="CD14" s="258">
        <v>0</v>
      </c>
      <c r="CE14" s="238">
        <v>0</v>
      </c>
      <c r="CF14" s="235">
        <v>0</v>
      </c>
      <c r="CG14" s="235">
        <v>0</v>
      </c>
      <c r="CH14" s="236">
        <v>0</v>
      </c>
      <c r="CI14" s="234">
        <v>0</v>
      </c>
      <c r="CJ14" s="234">
        <v>0</v>
      </c>
      <c r="CK14" s="234">
        <v>0</v>
      </c>
      <c r="CL14" s="235">
        <v>0</v>
      </c>
      <c r="CM14" s="256">
        <v>0</v>
      </c>
      <c r="CN14" s="258">
        <v>0</v>
      </c>
      <c r="CO14" s="238">
        <v>0</v>
      </c>
      <c r="CP14" s="235">
        <v>0</v>
      </c>
      <c r="CQ14" s="235">
        <v>0</v>
      </c>
      <c r="CR14" s="236">
        <v>0</v>
      </c>
      <c r="CS14" s="234">
        <v>0</v>
      </c>
      <c r="CT14" s="234">
        <v>0</v>
      </c>
      <c r="CU14" s="234">
        <v>4</v>
      </c>
      <c r="CV14" s="235">
        <v>29</v>
      </c>
      <c r="CW14" s="256">
        <v>33</v>
      </c>
      <c r="CX14" s="257">
        <v>33</v>
      </c>
      <c r="CY14" s="233">
        <v>0</v>
      </c>
      <c r="CZ14" s="235">
        <v>0</v>
      </c>
      <c r="DA14" s="235">
        <v>0</v>
      </c>
      <c r="DB14" s="236">
        <v>0</v>
      </c>
      <c r="DC14" s="234">
        <v>0</v>
      </c>
      <c r="DD14" s="234">
        <v>0</v>
      </c>
      <c r="DE14" s="234">
        <v>4</v>
      </c>
      <c r="DF14" s="235">
        <v>29</v>
      </c>
      <c r="DG14" s="256">
        <v>33</v>
      </c>
      <c r="DH14" s="258">
        <v>33</v>
      </c>
      <c r="DI14" s="238">
        <v>0</v>
      </c>
      <c r="DJ14" s="235">
        <v>0</v>
      </c>
      <c r="DK14" s="235">
        <v>0</v>
      </c>
      <c r="DL14" s="236">
        <v>0</v>
      </c>
      <c r="DM14" s="234">
        <v>0</v>
      </c>
      <c r="DN14" s="234">
        <v>0</v>
      </c>
      <c r="DO14" s="234">
        <v>0</v>
      </c>
      <c r="DP14" s="235">
        <v>0</v>
      </c>
      <c r="DQ14" s="256">
        <v>0</v>
      </c>
      <c r="DR14" s="258">
        <v>0</v>
      </c>
      <c r="DS14" s="238">
        <v>0</v>
      </c>
      <c r="DT14" s="235">
        <v>0</v>
      </c>
      <c r="DU14" s="235">
        <v>0</v>
      </c>
      <c r="DV14" s="236">
        <v>106</v>
      </c>
      <c r="DW14" s="234">
        <v>165</v>
      </c>
      <c r="DX14" s="234">
        <v>452</v>
      </c>
      <c r="DY14" s="234">
        <v>757</v>
      </c>
      <c r="DZ14" s="235">
        <v>585</v>
      </c>
      <c r="EA14" s="256">
        <v>2065</v>
      </c>
      <c r="EB14" s="258">
        <v>2065</v>
      </c>
      <c r="EC14" s="255"/>
    </row>
    <row r="15" spans="2:133" ht="21" customHeight="1" x14ac:dyDescent="0.2">
      <c r="B15" s="173" t="s">
        <v>11</v>
      </c>
      <c r="C15" s="233">
        <v>0</v>
      </c>
      <c r="D15" s="235">
        <v>0</v>
      </c>
      <c r="E15" s="235">
        <v>0</v>
      </c>
      <c r="F15" s="236">
        <v>1</v>
      </c>
      <c r="G15" s="234">
        <v>7</v>
      </c>
      <c r="H15" s="234">
        <v>187</v>
      </c>
      <c r="I15" s="234">
        <v>368</v>
      </c>
      <c r="J15" s="235">
        <v>205</v>
      </c>
      <c r="K15" s="256">
        <v>768</v>
      </c>
      <c r="L15" s="257">
        <v>768</v>
      </c>
      <c r="M15" s="233">
        <v>0</v>
      </c>
      <c r="N15" s="235">
        <v>0</v>
      </c>
      <c r="O15" s="256">
        <v>0</v>
      </c>
      <c r="P15" s="236">
        <v>1</v>
      </c>
      <c r="Q15" s="234">
        <v>7</v>
      </c>
      <c r="R15" s="234">
        <v>187</v>
      </c>
      <c r="S15" s="234">
        <v>365</v>
      </c>
      <c r="T15" s="235">
        <v>204</v>
      </c>
      <c r="U15" s="256">
        <v>764</v>
      </c>
      <c r="V15" s="258">
        <v>764</v>
      </c>
      <c r="W15" s="238">
        <v>0</v>
      </c>
      <c r="X15" s="235">
        <v>0</v>
      </c>
      <c r="Y15" s="256">
        <v>0</v>
      </c>
      <c r="Z15" s="238">
        <v>0</v>
      </c>
      <c r="AA15" s="234">
        <v>0</v>
      </c>
      <c r="AB15" s="234">
        <v>0</v>
      </c>
      <c r="AC15" s="234">
        <v>3</v>
      </c>
      <c r="AD15" s="235">
        <v>1</v>
      </c>
      <c r="AE15" s="256">
        <v>4</v>
      </c>
      <c r="AF15" s="237">
        <v>4</v>
      </c>
      <c r="AG15" s="238">
        <v>0</v>
      </c>
      <c r="AH15" s="235">
        <v>0</v>
      </c>
      <c r="AI15" s="256">
        <v>0</v>
      </c>
      <c r="AJ15" s="238">
        <v>57</v>
      </c>
      <c r="AK15" s="234">
        <v>92</v>
      </c>
      <c r="AL15" s="234">
        <v>131</v>
      </c>
      <c r="AM15" s="234">
        <v>144</v>
      </c>
      <c r="AN15" s="235">
        <v>83</v>
      </c>
      <c r="AO15" s="256">
        <v>507</v>
      </c>
      <c r="AP15" s="237">
        <v>507</v>
      </c>
      <c r="AQ15" s="238">
        <v>0</v>
      </c>
      <c r="AR15" s="235">
        <v>0</v>
      </c>
      <c r="AS15" s="256">
        <v>0</v>
      </c>
      <c r="AT15" s="236">
        <v>55</v>
      </c>
      <c r="AU15" s="234">
        <v>91</v>
      </c>
      <c r="AV15" s="234">
        <v>130</v>
      </c>
      <c r="AW15" s="234">
        <v>142</v>
      </c>
      <c r="AX15" s="235">
        <v>82</v>
      </c>
      <c r="AY15" s="256">
        <v>500</v>
      </c>
      <c r="AZ15" s="257">
        <v>500</v>
      </c>
      <c r="BA15" s="233">
        <v>0</v>
      </c>
      <c r="BB15" s="235">
        <v>0</v>
      </c>
      <c r="BC15" s="235">
        <v>0</v>
      </c>
      <c r="BD15" s="236">
        <v>2</v>
      </c>
      <c r="BE15" s="234">
        <v>1</v>
      </c>
      <c r="BF15" s="234">
        <v>1</v>
      </c>
      <c r="BG15" s="234">
        <v>2</v>
      </c>
      <c r="BH15" s="235">
        <v>1</v>
      </c>
      <c r="BI15" s="256">
        <v>7</v>
      </c>
      <c r="BJ15" s="258">
        <v>7</v>
      </c>
      <c r="BK15" s="238">
        <v>0</v>
      </c>
      <c r="BL15" s="235">
        <v>0</v>
      </c>
      <c r="BM15" s="235">
        <v>0</v>
      </c>
      <c r="BN15" s="236">
        <v>0</v>
      </c>
      <c r="BO15" s="234">
        <v>0</v>
      </c>
      <c r="BP15" s="234">
        <v>0</v>
      </c>
      <c r="BQ15" s="234">
        <v>0</v>
      </c>
      <c r="BR15" s="235">
        <v>0</v>
      </c>
      <c r="BS15" s="256">
        <v>0</v>
      </c>
      <c r="BT15" s="257">
        <v>0</v>
      </c>
      <c r="BU15" s="233">
        <v>0</v>
      </c>
      <c r="BV15" s="235">
        <v>0</v>
      </c>
      <c r="BW15" s="235">
        <v>0</v>
      </c>
      <c r="BX15" s="236">
        <v>0</v>
      </c>
      <c r="BY15" s="234">
        <v>0</v>
      </c>
      <c r="BZ15" s="234">
        <v>0</v>
      </c>
      <c r="CA15" s="234">
        <v>0</v>
      </c>
      <c r="CB15" s="235">
        <v>0</v>
      </c>
      <c r="CC15" s="256">
        <v>0</v>
      </c>
      <c r="CD15" s="258">
        <v>0</v>
      </c>
      <c r="CE15" s="238">
        <v>0</v>
      </c>
      <c r="CF15" s="235">
        <v>0</v>
      </c>
      <c r="CG15" s="235">
        <v>0</v>
      </c>
      <c r="CH15" s="236">
        <v>0</v>
      </c>
      <c r="CI15" s="234">
        <v>0</v>
      </c>
      <c r="CJ15" s="234">
        <v>0</v>
      </c>
      <c r="CK15" s="234">
        <v>0</v>
      </c>
      <c r="CL15" s="235">
        <v>0</v>
      </c>
      <c r="CM15" s="256">
        <v>0</v>
      </c>
      <c r="CN15" s="258">
        <v>0</v>
      </c>
      <c r="CO15" s="238">
        <v>0</v>
      </c>
      <c r="CP15" s="235">
        <v>0</v>
      </c>
      <c r="CQ15" s="235">
        <v>0</v>
      </c>
      <c r="CR15" s="236">
        <v>4</v>
      </c>
      <c r="CS15" s="234">
        <v>7</v>
      </c>
      <c r="CT15" s="234">
        <v>10</v>
      </c>
      <c r="CU15" s="234">
        <v>13</v>
      </c>
      <c r="CV15" s="235">
        <v>30</v>
      </c>
      <c r="CW15" s="256">
        <v>64</v>
      </c>
      <c r="CX15" s="257">
        <v>64</v>
      </c>
      <c r="CY15" s="233">
        <v>0</v>
      </c>
      <c r="CZ15" s="235">
        <v>0</v>
      </c>
      <c r="DA15" s="235">
        <v>0</v>
      </c>
      <c r="DB15" s="236">
        <v>3</v>
      </c>
      <c r="DC15" s="234">
        <v>7</v>
      </c>
      <c r="DD15" s="234">
        <v>10</v>
      </c>
      <c r="DE15" s="234">
        <v>13</v>
      </c>
      <c r="DF15" s="235">
        <v>28</v>
      </c>
      <c r="DG15" s="256">
        <v>61</v>
      </c>
      <c r="DH15" s="258">
        <v>61</v>
      </c>
      <c r="DI15" s="238">
        <v>0</v>
      </c>
      <c r="DJ15" s="235">
        <v>0</v>
      </c>
      <c r="DK15" s="235">
        <v>0</v>
      </c>
      <c r="DL15" s="236">
        <v>1</v>
      </c>
      <c r="DM15" s="234">
        <v>0</v>
      </c>
      <c r="DN15" s="234">
        <v>0</v>
      </c>
      <c r="DO15" s="234">
        <v>0</v>
      </c>
      <c r="DP15" s="235">
        <v>2</v>
      </c>
      <c r="DQ15" s="256">
        <v>3</v>
      </c>
      <c r="DR15" s="258">
        <v>3</v>
      </c>
      <c r="DS15" s="238">
        <v>0</v>
      </c>
      <c r="DT15" s="235">
        <v>0</v>
      </c>
      <c r="DU15" s="235">
        <v>0</v>
      </c>
      <c r="DV15" s="236">
        <v>62</v>
      </c>
      <c r="DW15" s="234">
        <v>106</v>
      </c>
      <c r="DX15" s="234">
        <v>327</v>
      </c>
      <c r="DY15" s="234">
        <v>524</v>
      </c>
      <c r="DZ15" s="235">
        <v>318</v>
      </c>
      <c r="EA15" s="256">
        <v>1337</v>
      </c>
      <c r="EB15" s="258">
        <v>1337</v>
      </c>
      <c r="EC15" s="255"/>
    </row>
    <row r="16" spans="2:133" ht="21" customHeight="1" x14ac:dyDescent="0.2">
      <c r="B16" s="173" t="s">
        <v>12</v>
      </c>
      <c r="C16" s="233">
        <v>0</v>
      </c>
      <c r="D16" s="235">
        <v>0</v>
      </c>
      <c r="E16" s="235">
        <v>0</v>
      </c>
      <c r="F16" s="236">
        <v>4</v>
      </c>
      <c r="G16" s="234">
        <v>20</v>
      </c>
      <c r="H16" s="234">
        <v>192</v>
      </c>
      <c r="I16" s="234">
        <v>324</v>
      </c>
      <c r="J16" s="235">
        <v>200</v>
      </c>
      <c r="K16" s="256">
        <v>740</v>
      </c>
      <c r="L16" s="257">
        <v>740</v>
      </c>
      <c r="M16" s="233">
        <v>0</v>
      </c>
      <c r="N16" s="235">
        <v>0</v>
      </c>
      <c r="O16" s="256">
        <v>0</v>
      </c>
      <c r="P16" s="236">
        <v>4</v>
      </c>
      <c r="Q16" s="234">
        <v>20</v>
      </c>
      <c r="R16" s="234">
        <v>192</v>
      </c>
      <c r="S16" s="234">
        <v>324</v>
      </c>
      <c r="T16" s="235">
        <v>196</v>
      </c>
      <c r="U16" s="256">
        <v>736</v>
      </c>
      <c r="V16" s="258">
        <v>736</v>
      </c>
      <c r="W16" s="238">
        <v>0</v>
      </c>
      <c r="X16" s="235">
        <v>0</v>
      </c>
      <c r="Y16" s="256">
        <v>0</v>
      </c>
      <c r="Z16" s="238">
        <v>0</v>
      </c>
      <c r="AA16" s="234">
        <v>0</v>
      </c>
      <c r="AB16" s="234">
        <v>0</v>
      </c>
      <c r="AC16" s="234">
        <v>0</v>
      </c>
      <c r="AD16" s="235">
        <v>4</v>
      </c>
      <c r="AE16" s="256">
        <v>4</v>
      </c>
      <c r="AF16" s="237">
        <v>4</v>
      </c>
      <c r="AG16" s="238">
        <v>0</v>
      </c>
      <c r="AH16" s="235">
        <v>0</v>
      </c>
      <c r="AI16" s="256">
        <v>0</v>
      </c>
      <c r="AJ16" s="238">
        <v>39</v>
      </c>
      <c r="AK16" s="234">
        <v>80</v>
      </c>
      <c r="AL16" s="234">
        <v>156</v>
      </c>
      <c r="AM16" s="234">
        <v>170</v>
      </c>
      <c r="AN16" s="235">
        <v>77</v>
      </c>
      <c r="AO16" s="256">
        <v>522</v>
      </c>
      <c r="AP16" s="237">
        <v>522</v>
      </c>
      <c r="AQ16" s="238">
        <v>0</v>
      </c>
      <c r="AR16" s="235">
        <v>0</v>
      </c>
      <c r="AS16" s="256">
        <v>0</v>
      </c>
      <c r="AT16" s="236">
        <v>37</v>
      </c>
      <c r="AU16" s="234">
        <v>80</v>
      </c>
      <c r="AV16" s="234">
        <v>156</v>
      </c>
      <c r="AW16" s="234">
        <v>168</v>
      </c>
      <c r="AX16" s="235">
        <v>75</v>
      </c>
      <c r="AY16" s="256">
        <v>516</v>
      </c>
      <c r="AZ16" s="257">
        <v>516</v>
      </c>
      <c r="BA16" s="233">
        <v>0</v>
      </c>
      <c r="BB16" s="235">
        <v>0</v>
      </c>
      <c r="BC16" s="235">
        <v>0</v>
      </c>
      <c r="BD16" s="236">
        <v>2</v>
      </c>
      <c r="BE16" s="234">
        <v>0</v>
      </c>
      <c r="BF16" s="234">
        <v>0</v>
      </c>
      <c r="BG16" s="234">
        <v>2</v>
      </c>
      <c r="BH16" s="235">
        <v>2</v>
      </c>
      <c r="BI16" s="256">
        <v>6</v>
      </c>
      <c r="BJ16" s="258">
        <v>6</v>
      </c>
      <c r="BK16" s="238">
        <v>0</v>
      </c>
      <c r="BL16" s="235">
        <v>0</v>
      </c>
      <c r="BM16" s="235">
        <v>0</v>
      </c>
      <c r="BN16" s="236">
        <v>0</v>
      </c>
      <c r="BO16" s="234">
        <v>0</v>
      </c>
      <c r="BP16" s="234">
        <v>0</v>
      </c>
      <c r="BQ16" s="234">
        <v>0</v>
      </c>
      <c r="BR16" s="235">
        <v>0</v>
      </c>
      <c r="BS16" s="256">
        <v>0</v>
      </c>
      <c r="BT16" s="257">
        <v>0</v>
      </c>
      <c r="BU16" s="233">
        <v>0</v>
      </c>
      <c r="BV16" s="235">
        <v>0</v>
      </c>
      <c r="BW16" s="235">
        <v>0</v>
      </c>
      <c r="BX16" s="236">
        <v>0</v>
      </c>
      <c r="BY16" s="234">
        <v>0</v>
      </c>
      <c r="BZ16" s="234">
        <v>0</v>
      </c>
      <c r="CA16" s="234">
        <v>0</v>
      </c>
      <c r="CB16" s="235">
        <v>0</v>
      </c>
      <c r="CC16" s="256">
        <v>0</v>
      </c>
      <c r="CD16" s="258">
        <v>0</v>
      </c>
      <c r="CE16" s="238">
        <v>0</v>
      </c>
      <c r="CF16" s="235">
        <v>0</v>
      </c>
      <c r="CG16" s="235">
        <v>0</v>
      </c>
      <c r="CH16" s="236">
        <v>0</v>
      </c>
      <c r="CI16" s="234">
        <v>0</v>
      </c>
      <c r="CJ16" s="234">
        <v>0</v>
      </c>
      <c r="CK16" s="234">
        <v>0</v>
      </c>
      <c r="CL16" s="235">
        <v>0</v>
      </c>
      <c r="CM16" s="256">
        <v>0</v>
      </c>
      <c r="CN16" s="258">
        <v>0</v>
      </c>
      <c r="CO16" s="238">
        <v>0</v>
      </c>
      <c r="CP16" s="235">
        <v>0</v>
      </c>
      <c r="CQ16" s="235">
        <v>0</v>
      </c>
      <c r="CR16" s="236">
        <v>0</v>
      </c>
      <c r="CS16" s="234">
        <v>1</v>
      </c>
      <c r="CT16" s="234">
        <v>3</v>
      </c>
      <c r="CU16" s="234">
        <v>14</v>
      </c>
      <c r="CV16" s="235">
        <v>14</v>
      </c>
      <c r="CW16" s="256">
        <v>32</v>
      </c>
      <c r="CX16" s="257">
        <v>32</v>
      </c>
      <c r="CY16" s="233">
        <v>0</v>
      </c>
      <c r="CZ16" s="235">
        <v>0</v>
      </c>
      <c r="DA16" s="235">
        <v>0</v>
      </c>
      <c r="DB16" s="236">
        <v>0</v>
      </c>
      <c r="DC16" s="234">
        <v>1</v>
      </c>
      <c r="DD16" s="234">
        <v>3</v>
      </c>
      <c r="DE16" s="234">
        <v>14</v>
      </c>
      <c r="DF16" s="235">
        <v>14</v>
      </c>
      <c r="DG16" s="256">
        <v>32</v>
      </c>
      <c r="DH16" s="258">
        <v>32</v>
      </c>
      <c r="DI16" s="238">
        <v>0</v>
      </c>
      <c r="DJ16" s="235">
        <v>0</v>
      </c>
      <c r="DK16" s="235">
        <v>0</v>
      </c>
      <c r="DL16" s="236">
        <v>0</v>
      </c>
      <c r="DM16" s="234">
        <v>0</v>
      </c>
      <c r="DN16" s="234">
        <v>0</v>
      </c>
      <c r="DO16" s="234">
        <v>0</v>
      </c>
      <c r="DP16" s="235">
        <v>0</v>
      </c>
      <c r="DQ16" s="256">
        <v>0</v>
      </c>
      <c r="DR16" s="258">
        <v>0</v>
      </c>
      <c r="DS16" s="238">
        <v>0</v>
      </c>
      <c r="DT16" s="235">
        <v>0</v>
      </c>
      <c r="DU16" s="235">
        <v>0</v>
      </c>
      <c r="DV16" s="236">
        <v>43</v>
      </c>
      <c r="DW16" s="234">
        <v>101</v>
      </c>
      <c r="DX16" s="234">
        <v>350</v>
      </c>
      <c r="DY16" s="234">
        <v>504</v>
      </c>
      <c r="DZ16" s="235">
        <v>289</v>
      </c>
      <c r="EA16" s="256">
        <v>1287</v>
      </c>
      <c r="EB16" s="258">
        <v>1287</v>
      </c>
      <c r="EC16" s="255"/>
    </row>
    <row r="17" spans="2:133" ht="21" customHeight="1" x14ac:dyDescent="0.2">
      <c r="B17" s="173" t="s">
        <v>13</v>
      </c>
      <c r="C17" s="233">
        <v>0</v>
      </c>
      <c r="D17" s="235">
        <v>0</v>
      </c>
      <c r="E17" s="235">
        <v>0</v>
      </c>
      <c r="F17" s="236">
        <v>1</v>
      </c>
      <c r="G17" s="234">
        <v>6</v>
      </c>
      <c r="H17" s="234">
        <v>54</v>
      </c>
      <c r="I17" s="234">
        <v>133</v>
      </c>
      <c r="J17" s="235">
        <v>132</v>
      </c>
      <c r="K17" s="256">
        <v>326</v>
      </c>
      <c r="L17" s="257">
        <v>326</v>
      </c>
      <c r="M17" s="233">
        <v>0</v>
      </c>
      <c r="N17" s="235">
        <v>0</v>
      </c>
      <c r="O17" s="256">
        <v>0</v>
      </c>
      <c r="P17" s="236">
        <v>1</v>
      </c>
      <c r="Q17" s="234">
        <v>6</v>
      </c>
      <c r="R17" s="234">
        <v>53</v>
      </c>
      <c r="S17" s="234">
        <v>133</v>
      </c>
      <c r="T17" s="235">
        <v>131</v>
      </c>
      <c r="U17" s="256">
        <v>324</v>
      </c>
      <c r="V17" s="258">
        <v>324</v>
      </c>
      <c r="W17" s="238">
        <v>0</v>
      </c>
      <c r="X17" s="235">
        <v>0</v>
      </c>
      <c r="Y17" s="256">
        <v>0</v>
      </c>
      <c r="Z17" s="238">
        <v>0</v>
      </c>
      <c r="AA17" s="234">
        <v>0</v>
      </c>
      <c r="AB17" s="234">
        <v>1</v>
      </c>
      <c r="AC17" s="234">
        <v>0</v>
      </c>
      <c r="AD17" s="235">
        <v>1</v>
      </c>
      <c r="AE17" s="256">
        <v>2</v>
      </c>
      <c r="AF17" s="237">
        <v>2</v>
      </c>
      <c r="AG17" s="238">
        <v>0</v>
      </c>
      <c r="AH17" s="235">
        <v>0</v>
      </c>
      <c r="AI17" s="256">
        <v>0</v>
      </c>
      <c r="AJ17" s="238">
        <v>9</v>
      </c>
      <c r="AK17" s="234">
        <v>21</v>
      </c>
      <c r="AL17" s="234">
        <v>39</v>
      </c>
      <c r="AM17" s="234">
        <v>30</v>
      </c>
      <c r="AN17" s="235">
        <v>27</v>
      </c>
      <c r="AO17" s="256">
        <v>126</v>
      </c>
      <c r="AP17" s="237">
        <v>126</v>
      </c>
      <c r="AQ17" s="238">
        <v>0</v>
      </c>
      <c r="AR17" s="235">
        <v>0</v>
      </c>
      <c r="AS17" s="256">
        <v>0</v>
      </c>
      <c r="AT17" s="236">
        <v>9</v>
      </c>
      <c r="AU17" s="234">
        <v>20</v>
      </c>
      <c r="AV17" s="234">
        <v>38</v>
      </c>
      <c r="AW17" s="234">
        <v>29</v>
      </c>
      <c r="AX17" s="235">
        <v>26</v>
      </c>
      <c r="AY17" s="256">
        <v>122</v>
      </c>
      <c r="AZ17" s="257">
        <v>122</v>
      </c>
      <c r="BA17" s="233">
        <v>0</v>
      </c>
      <c r="BB17" s="235">
        <v>0</v>
      </c>
      <c r="BC17" s="235">
        <v>0</v>
      </c>
      <c r="BD17" s="236">
        <v>0</v>
      </c>
      <c r="BE17" s="234">
        <v>1</v>
      </c>
      <c r="BF17" s="234">
        <v>1</v>
      </c>
      <c r="BG17" s="234">
        <v>1</v>
      </c>
      <c r="BH17" s="235">
        <v>1</v>
      </c>
      <c r="BI17" s="256">
        <v>4</v>
      </c>
      <c r="BJ17" s="258">
        <v>4</v>
      </c>
      <c r="BK17" s="238">
        <v>0</v>
      </c>
      <c r="BL17" s="235">
        <v>0</v>
      </c>
      <c r="BM17" s="235">
        <v>0</v>
      </c>
      <c r="BN17" s="236">
        <v>0</v>
      </c>
      <c r="BO17" s="234">
        <v>0</v>
      </c>
      <c r="BP17" s="234">
        <v>0</v>
      </c>
      <c r="BQ17" s="234">
        <v>0</v>
      </c>
      <c r="BR17" s="235">
        <v>0</v>
      </c>
      <c r="BS17" s="256">
        <v>0</v>
      </c>
      <c r="BT17" s="257">
        <v>0</v>
      </c>
      <c r="BU17" s="233">
        <v>0</v>
      </c>
      <c r="BV17" s="235">
        <v>0</v>
      </c>
      <c r="BW17" s="235">
        <v>0</v>
      </c>
      <c r="BX17" s="236">
        <v>0</v>
      </c>
      <c r="BY17" s="234">
        <v>0</v>
      </c>
      <c r="BZ17" s="234">
        <v>0</v>
      </c>
      <c r="CA17" s="234">
        <v>0</v>
      </c>
      <c r="CB17" s="235">
        <v>0</v>
      </c>
      <c r="CC17" s="256">
        <v>0</v>
      </c>
      <c r="CD17" s="258">
        <v>0</v>
      </c>
      <c r="CE17" s="238">
        <v>0</v>
      </c>
      <c r="CF17" s="235">
        <v>0</v>
      </c>
      <c r="CG17" s="235">
        <v>0</v>
      </c>
      <c r="CH17" s="236">
        <v>0</v>
      </c>
      <c r="CI17" s="234">
        <v>0</v>
      </c>
      <c r="CJ17" s="234">
        <v>0</v>
      </c>
      <c r="CK17" s="234">
        <v>0</v>
      </c>
      <c r="CL17" s="235">
        <v>0</v>
      </c>
      <c r="CM17" s="256">
        <v>0</v>
      </c>
      <c r="CN17" s="258">
        <v>0</v>
      </c>
      <c r="CO17" s="238">
        <v>0</v>
      </c>
      <c r="CP17" s="235">
        <v>0</v>
      </c>
      <c r="CQ17" s="235">
        <v>0</v>
      </c>
      <c r="CR17" s="236">
        <v>0</v>
      </c>
      <c r="CS17" s="234">
        <v>0</v>
      </c>
      <c r="CT17" s="234">
        <v>1</v>
      </c>
      <c r="CU17" s="234">
        <v>0</v>
      </c>
      <c r="CV17" s="235">
        <v>0</v>
      </c>
      <c r="CW17" s="256">
        <v>1</v>
      </c>
      <c r="CX17" s="257">
        <v>1</v>
      </c>
      <c r="CY17" s="233">
        <v>0</v>
      </c>
      <c r="CZ17" s="235">
        <v>0</v>
      </c>
      <c r="DA17" s="235">
        <v>0</v>
      </c>
      <c r="DB17" s="236">
        <v>0</v>
      </c>
      <c r="DC17" s="234">
        <v>0</v>
      </c>
      <c r="DD17" s="234">
        <v>1</v>
      </c>
      <c r="DE17" s="234">
        <v>0</v>
      </c>
      <c r="DF17" s="235">
        <v>0</v>
      </c>
      <c r="DG17" s="256">
        <v>1</v>
      </c>
      <c r="DH17" s="258">
        <v>1</v>
      </c>
      <c r="DI17" s="238">
        <v>0</v>
      </c>
      <c r="DJ17" s="235">
        <v>0</v>
      </c>
      <c r="DK17" s="235">
        <v>0</v>
      </c>
      <c r="DL17" s="236">
        <v>0</v>
      </c>
      <c r="DM17" s="234">
        <v>0</v>
      </c>
      <c r="DN17" s="234">
        <v>0</v>
      </c>
      <c r="DO17" s="234">
        <v>0</v>
      </c>
      <c r="DP17" s="235">
        <v>0</v>
      </c>
      <c r="DQ17" s="256">
        <v>0</v>
      </c>
      <c r="DR17" s="258">
        <v>0</v>
      </c>
      <c r="DS17" s="238">
        <v>0</v>
      </c>
      <c r="DT17" s="235">
        <v>0</v>
      </c>
      <c r="DU17" s="235">
        <v>0</v>
      </c>
      <c r="DV17" s="236">
        <v>10</v>
      </c>
      <c r="DW17" s="234">
        <v>27</v>
      </c>
      <c r="DX17" s="234">
        <v>94</v>
      </c>
      <c r="DY17" s="234">
        <v>163</v>
      </c>
      <c r="DZ17" s="235">
        <v>159</v>
      </c>
      <c r="EA17" s="256">
        <v>453</v>
      </c>
      <c r="EB17" s="258">
        <v>453</v>
      </c>
      <c r="EC17" s="255"/>
    </row>
    <row r="18" spans="2:133" ht="21" customHeight="1" x14ac:dyDescent="0.2">
      <c r="B18" s="173" t="s">
        <v>15</v>
      </c>
      <c r="C18" s="233">
        <v>0</v>
      </c>
      <c r="D18" s="235">
        <v>0</v>
      </c>
      <c r="E18" s="235">
        <v>0</v>
      </c>
      <c r="F18" s="236">
        <v>1</v>
      </c>
      <c r="G18" s="234">
        <v>0</v>
      </c>
      <c r="H18" s="234">
        <v>84</v>
      </c>
      <c r="I18" s="234">
        <v>154</v>
      </c>
      <c r="J18" s="235">
        <v>77</v>
      </c>
      <c r="K18" s="256">
        <v>316</v>
      </c>
      <c r="L18" s="257">
        <v>316</v>
      </c>
      <c r="M18" s="233">
        <v>0</v>
      </c>
      <c r="N18" s="235">
        <v>0</v>
      </c>
      <c r="O18" s="256">
        <v>0</v>
      </c>
      <c r="P18" s="236">
        <v>1</v>
      </c>
      <c r="Q18" s="234">
        <v>0</v>
      </c>
      <c r="R18" s="234">
        <v>84</v>
      </c>
      <c r="S18" s="234">
        <v>152</v>
      </c>
      <c r="T18" s="235">
        <v>75</v>
      </c>
      <c r="U18" s="256">
        <v>312</v>
      </c>
      <c r="V18" s="258">
        <v>312</v>
      </c>
      <c r="W18" s="238">
        <v>0</v>
      </c>
      <c r="X18" s="235">
        <v>0</v>
      </c>
      <c r="Y18" s="256">
        <v>0</v>
      </c>
      <c r="Z18" s="238">
        <v>0</v>
      </c>
      <c r="AA18" s="234">
        <v>0</v>
      </c>
      <c r="AB18" s="234">
        <v>0</v>
      </c>
      <c r="AC18" s="234">
        <v>2</v>
      </c>
      <c r="AD18" s="235">
        <v>2</v>
      </c>
      <c r="AE18" s="256">
        <v>4</v>
      </c>
      <c r="AF18" s="237">
        <v>4</v>
      </c>
      <c r="AG18" s="238">
        <v>0</v>
      </c>
      <c r="AH18" s="235">
        <v>0</v>
      </c>
      <c r="AI18" s="256">
        <v>0</v>
      </c>
      <c r="AJ18" s="238">
        <v>15</v>
      </c>
      <c r="AK18" s="234">
        <v>34</v>
      </c>
      <c r="AL18" s="234">
        <v>39</v>
      </c>
      <c r="AM18" s="234">
        <v>65</v>
      </c>
      <c r="AN18" s="235">
        <v>23</v>
      </c>
      <c r="AO18" s="256">
        <v>176</v>
      </c>
      <c r="AP18" s="237">
        <v>176</v>
      </c>
      <c r="AQ18" s="238">
        <v>0</v>
      </c>
      <c r="AR18" s="235">
        <v>0</v>
      </c>
      <c r="AS18" s="256">
        <v>0</v>
      </c>
      <c r="AT18" s="236">
        <v>14</v>
      </c>
      <c r="AU18" s="234">
        <v>34</v>
      </c>
      <c r="AV18" s="234">
        <v>39</v>
      </c>
      <c r="AW18" s="234">
        <v>63</v>
      </c>
      <c r="AX18" s="235">
        <v>22</v>
      </c>
      <c r="AY18" s="256">
        <v>172</v>
      </c>
      <c r="AZ18" s="257">
        <v>172</v>
      </c>
      <c r="BA18" s="233">
        <v>0</v>
      </c>
      <c r="BB18" s="235">
        <v>0</v>
      </c>
      <c r="BC18" s="235">
        <v>0</v>
      </c>
      <c r="BD18" s="236">
        <v>1</v>
      </c>
      <c r="BE18" s="234">
        <v>0</v>
      </c>
      <c r="BF18" s="234">
        <v>0</v>
      </c>
      <c r="BG18" s="234">
        <v>2</v>
      </c>
      <c r="BH18" s="235">
        <v>1</v>
      </c>
      <c r="BI18" s="256">
        <v>4</v>
      </c>
      <c r="BJ18" s="258">
        <v>4</v>
      </c>
      <c r="BK18" s="238">
        <v>0</v>
      </c>
      <c r="BL18" s="235">
        <v>0</v>
      </c>
      <c r="BM18" s="235">
        <v>0</v>
      </c>
      <c r="BN18" s="236">
        <v>0</v>
      </c>
      <c r="BO18" s="234">
        <v>0</v>
      </c>
      <c r="BP18" s="234">
        <v>0</v>
      </c>
      <c r="BQ18" s="234">
        <v>0</v>
      </c>
      <c r="BR18" s="235">
        <v>0</v>
      </c>
      <c r="BS18" s="256">
        <v>0</v>
      </c>
      <c r="BT18" s="257">
        <v>0</v>
      </c>
      <c r="BU18" s="233">
        <v>0</v>
      </c>
      <c r="BV18" s="235">
        <v>0</v>
      </c>
      <c r="BW18" s="235">
        <v>0</v>
      </c>
      <c r="BX18" s="236">
        <v>0</v>
      </c>
      <c r="BY18" s="234">
        <v>0</v>
      </c>
      <c r="BZ18" s="234">
        <v>0</v>
      </c>
      <c r="CA18" s="234">
        <v>0</v>
      </c>
      <c r="CB18" s="235">
        <v>0</v>
      </c>
      <c r="CC18" s="256">
        <v>0</v>
      </c>
      <c r="CD18" s="258">
        <v>0</v>
      </c>
      <c r="CE18" s="238">
        <v>0</v>
      </c>
      <c r="CF18" s="235">
        <v>0</v>
      </c>
      <c r="CG18" s="235">
        <v>0</v>
      </c>
      <c r="CH18" s="236">
        <v>0</v>
      </c>
      <c r="CI18" s="234">
        <v>0</v>
      </c>
      <c r="CJ18" s="234">
        <v>0</v>
      </c>
      <c r="CK18" s="234">
        <v>0</v>
      </c>
      <c r="CL18" s="235">
        <v>0</v>
      </c>
      <c r="CM18" s="256">
        <v>0</v>
      </c>
      <c r="CN18" s="258">
        <v>0</v>
      </c>
      <c r="CO18" s="238">
        <v>0</v>
      </c>
      <c r="CP18" s="235">
        <v>0</v>
      </c>
      <c r="CQ18" s="235">
        <v>0</v>
      </c>
      <c r="CR18" s="236">
        <v>0</v>
      </c>
      <c r="CS18" s="234">
        <v>0</v>
      </c>
      <c r="CT18" s="234">
        <v>0</v>
      </c>
      <c r="CU18" s="234">
        <v>0</v>
      </c>
      <c r="CV18" s="235">
        <v>0</v>
      </c>
      <c r="CW18" s="256">
        <v>0</v>
      </c>
      <c r="CX18" s="257">
        <v>0</v>
      </c>
      <c r="CY18" s="233">
        <v>0</v>
      </c>
      <c r="CZ18" s="235">
        <v>0</v>
      </c>
      <c r="DA18" s="235">
        <v>0</v>
      </c>
      <c r="DB18" s="236">
        <v>0</v>
      </c>
      <c r="DC18" s="234">
        <v>0</v>
      </c>
      <c r="DD18" s="234">
        <v>0</v>
      </c>
      <c r="DE18" s="234">
        <v>0</v>
      </c>
      <c r="DF18" s="235">
        <v>0</v>
      </c>
      <c r="DG18" s="256">
        <v>0</v>
      </c>
      <c r="DH18" s="258">
        <v>0</v>
      </c>
      <c r="DI18" s="238">
        <v>0</v>
      </c>
      <c r="DJ18" s="235">
        <v>0</v>
      </c>
      <c r="DK18" s="235">
        <v>0</v>
      </c>
      <c r="DL18" s="236">
        <v>0</v>
      </c>
      <c r="DM18" s="234">
        <v>0</v>
      </c>
      <c r="DN18" s="234">
        <v>0</v>
      </c>
      <c r="DO18" s="234">
        <v>0</v>
      </c>
      <c r="DP18" s="235">
        <v>0</v>
      </c>
      <c r="DQ18" s="256">
        <v>0</v>
      </c>
      <c r="DR18" s="258">
        <v>0</v>
      </c>
      <c r="DS18" s="238">
        <v>0</v>
      </c>
      <c r="DT18" s="235">
        <v>0</v>
      </c>
      <c r="DU18" s="235">
        <v>0</v>
      </c>
      <c r="DV18" s="236">
        <v>16</v>
      </c>
      <c r="DW18" s="234">
        <v>34</v>
      </c>
      <c r="DX18" s="234">
        <v>123</v>
      </c>
      <c r="DY18" s="234">
        <v>219</v>
      </c>
      <c r="DZ18" s="235">
        <v>100</v>
      </c>
      <c r="EA18" s="256">
        <v>492</v>
      </c>
      <c r="EB18" s="258">
        <v>492</v>
      </c>
      <c r="EC18" s="255"/>
    </row>
    <row r="19" spans="2:133" ht="21" customHeight="1" x14ac:dyDescent="0.2">
      <c r="B19" s="173" t="s">
        <v>16</v>
      </c>
      <c r="C19" s="233">
        <v>0</v>
      </c>
      <c r="D19" s="235">
        <v>0</v>
      </c>
      <c r="E19" s="235">
        <v>0</v>
      </c>
      <c r="F19" s="236">
        <v>5</v>
      </c>
      <c r="G19" s="234">
        <v>15</v>
      </c>
      <c r="H19" s="234">
        <v>220</v>
      </c>
      <c r="I19" s="234">
        <v>310</v>
      </c>
      <c r="J19" s="235">
        <v>188</v>
      </c>
      <c r="K19" s="256">
        <v>738</v>
      </c>
      <c r="L19" s="257">
        <v>738</v>
      </c>
      <c r="M19" s="233">
        <v>0</v>
      </c>
      <c r="N19" s="235">
        <v>0</v>
      </c>
      <c r="O19" s="256">
        <v>0</v>
      </c>
      <c r="P19" s="236">
        <v>5</v>
      </c>
      <c r="Q19" s="234">
        <v>14</v>
      </c>
      <c r="R19" s="234">
        <v>220</v>
      </c>
      <c r="S19" s="234">
        <v>309</v>
      </c>
      <c r="T19" s="235">
        <v>184</v>
      </c>
      <c r="U19" s="256">
        <v>732</v>
      </c>
      <c r="V19" s="258">
        <v>732</v>
      </c>
      <c r="W19" s="238">
        <v>0</v>
      </c>
      <c r="X19" s="235">
        <v>0</v>
      </c>
      <c r="Y19" s="256">
        <v>0</v>
      </c>
      <c r="Z19" s="238">
        <v>0</v>
      </c>
      <c r="AA19" s="234">
        <v>1</v>
      </c>
      <c r="AB19" s="234">
        <v>0</v>
      </c>
      <c r="AC19" s="234">
        <v>1</v>
      </c>
      <c r="AD19" s="235">
        <v>4</v>
      </c>
      <c r="AE19" s="256">
        <v>6</v>
      </c>
      <c r="AF19" s="237">
        <v>6</v>
      </c>
      <c r="AG19" s="238">
        <v>0</v>
      </c>
      <c r="AH19" s="235">
        <v>0</v>
      </c>
      <c r="AI19" s="256">
        <v>0</v>
      </c>
      <c r="AJ19" s="238">
        <v>47</v>
      </c>
      <c r="AK19" s="234">
        <v>94</v>
      </c>
      <c r="AL19" s="234">
        <v>131</v>
      </c>
      <c r="AM19" s="234">
        <v>149</v>
      </c>
      <c r="AN19" s="235">
        <v>57</v>
      </c>
      <c r="AO19" s="256">
        <v>478</v>
      </c>
      <c r="AP19" s="237">
        <v>478</v>
      </c>
      <c r="AQ19" s="238">
        <v>0</v>
      </c>
      <c r="AR19" s="235">
        <v>0</v>
      </c>
      <c r="AS19" s="256">
        <v>0</v>
      </c>
      <c r="AT19" s="236">
        <v>47</v>
      </c>
      <c r="AU19" s="234">
        <v>94</v>
      </c>
      <c r="AV19" s="234">
        <v>130</v>
      </c>
      <c r="AW19" s="234">
        <v>149</v>
      </c>
      <c r="AX19" s="235">
        <v>56</v>
      </c>
      <c r="AY19" s="256">
        <v>476</v>
      </c>
      <c r="AZ19" s="257">
        <v>476</v>
      </c>
      <c r="BA19" s="233">
        <v>0</v>
      </c>
      <c r="BB19" s="235">
        <v>0</v>
      </c>
      <c r="BC19" s="235">
        <v>0</v>
      </c>
      <c r="BD19" s="236">
        <v>0</v>
      </c>
      <c r="BE19" s="234">
        <v>0</v>
      </c>
      <c r="BF19" s="234">
        <v>1</v>
      </c>
      <c r="BG19" s="234">
        <v>0</v>
      </c>
      <c r="BH19" s="235">
        <v>1</v>
      </c>
      <c r="BI19" s="256">
        <v>2</v>
      </c>
      <c r="BJ19" s="258">
        <v>2</v>
      </c>
      <c r="BK19" s="238">
        <v>0</v>
      </c>
      <c r="BL19" s="235">
        <v>0</v>
      </c>
      <c r="BM19" s="235">
        <v>0</v>
      </c>
      <c r="BN19" s="236">
        <v>0</v>
      </c>
      <c r="BO19" s="234">
        <v>0</v>
      </c>
      <c r="BP19" s="234">
        <v>0</v>
      </c>
      <c r="BQ19" s="234">
        <v>0</v>
      </c>
      <c r="BR19" s="235">
        <v>0</v>
      </c>
      <c r="BS19" s="256">
        <v>0</v>
      </c>
      <c r="BT19" s="257">
        <v>0</v>
      </c>
      <c r="BU19" s="233">
        <v>0</v>
      </c>
      <c r="BV19" s="235">
        <v>0</v>
      </c>
      <c r="BW19" s="235">
        <v>0</v>
      </c>
      <c r="BX19" s="236">
        <v>0</v>
      </c>
      <c r="BY19" s="234">
        <v>0</v>
      </c>
      <c r="BZ19" s="234">
        <v>0</v>
      </c>
      <c r="CA19" s="234">
        <v>0</v>
      </c>
      <c r="CB19" s="235">
        <v>0</v>
      </c>
      <c r="CC19" s="256">
        <v>0</v>
      </c>
      <c r="CD19" s="258">
        <v>0</v>
      </c>
      <c r="CE19" s="238">
        <v>0</v>
      </c>
      <c r="CF19" s="235">
        <v>0</v>
      </c>
      <c r="CG19" s="235">
        <v>0</v>
      </c>
      <c r="CH19" s="236">
        <v>0</v>
      </c>
      <c r="CI19" s="234">
        <v>0</v>
      </c>
      <c r="CJ19" s="234">
        <v>0</v>
      </c>
      <c r="CK19" s="234">
        <v>0</v>
      </c>
      <c r="CL19" s="235">
        <v>0</v>
      </c>
      <c r="CM19" s="256">
        <v>0</v>
      </c>
      <c r="CN19" s="258">
        <v>0</v>
      </c>
      <c r="CO19" s="238">
        <v>0</v>
      </c>
      <c r="CP19" s="235">
        <v>0</v>
      </c>
      <c r="CQ19" s="235">
        <v>0</v>
      </c>
      <c r="CR19" s="236">
        <v>0</v>
      </c>
      <c r="CS19" s="234">
        <v>0</v>
      </c>
      <c r="CT19" s="234">
        <v>2</v>
      </c>
      <c r="CU19" s="234">
        <v>11</v>
      </c>
      <c r="CV19" s="235">
        <v>14</v>
      </c>
      <c r="CW19" s="256">
        <v>27</v>
      </c>
      <c r="CX19" s="257">
        <v>27</v>
      </c>
      <c r="CY19" s="233">
        <v>0</v>
      </c>
      <c r="CZ19" s="235">
        <v>0</v>
      </c>
      <c r="DA19" s="235">
        <v>0</v>
      </c>
      <c r="DB19" s="236">
        <v>0</v>
      </c>
      <c r="DC19" s="234">
        <v>0</v>
      </c>
      <c r="DD19" s="234">
        <v>2</v>
      </c>
      <c r="DE19" s="234">
        <v>11</v>
      </c>
      <c r="DF19" s="235">
        <v>14</v>
      </c>
      <c r="DG19" s="256">
        <v>27</v>
      </c>
      <c r="DH19" s="258">
        <v>27</v>
      </c>
      <c r="DI19" s="238">
        <v>0</v>
      </c>
      <c r="DJ19" s="235">
        <v>0</v>
      </c>
      <c r="DK19" s="235">
        <v>0</v>
      </c>
      <c r="DL19" s="236">
        <v>0</v>
      </c>
      <c r="DM19" s="234">
        <v>0</v>
      </c>
      <c r="DN19" s="234">
        <v>0</v>
      </c>
      <c r="DO19" s="234">
        <v>0</v>
      </c>
      <c r="DP19" s="235">
        <v>0</v>
      </c>
      <c r="DQ19" s="256">
        <v>0</v>
      </c>
      <c r="DR19" s="258">
        <v>0</v>
      </c>
      <c r="DS19" s="238">
        <v>0</v>
      </c>
      <c r="DT19" s="235">
        <v>0</v>
      </c>
      <c r="DU19" s="235">
        <v>0</v>
      </c>
      <c r="DV19" s="236">
        <v>52</v>
      </c>
      <c r="DW19" s="234">
        <v>109</v>
      </c>
      <c r="DX19" s="234">
        <v>352</v>
      </c>
      <c r="DY19" s="234">
        <v>463</v>
      </c>
      <c r="DZ19" s="235">
        <v>258</v>
      </c>
      <c r="EA19" s="256">
        <v>1234</v>
      </c>
      <c r="EB19" s="258">
        <v>1234</v>
      </c>
      <c r="EC19" s="255"/>
    </row>
    <row r="20" spans="2:133" ht="21" customHeight="1" x14ac:dyDescent="0.2">
      <c r="B20" s="173" t="s">
        <v>17</v>
      </c>
      <c r="C20" s="233">
        <v>0</v>
      </c>
      <c r="D20" s="235">
        <v>0</v>
      </c>
      <c r="E20" s="235">
        <v>0</v>
      </c>
      <c r="F20" s="236">
        <v>4</v>
      </c>
      <c r="G20" s="234">
        <v>13</v>
      </c>
      <c r="H20" s="234">
        <v>205</v>
      </c>
      <c r="I20" s="234">
        <v>286</v>
      </c>
      <c r="J20" s="235">
        <v>221</v>
      </c>
      <c r="K20" s="256">
        <v>729</v>
      </c>
      <c r="L20" s="257">
        <v>729</v>
      </c>
      <c r="M20" s="233">
        <v>0</v>
      </c>
      <c r="N20" s="235">
        <v>0</v>
      </c>
      <c r="O20" s="256">
        <v>0</v>
      </c>
      <c r="P20" s="236">
        <v>4</v>
      </c>
      <c r="Q20" s="234">
        <v>13</v>
      </c>
      <c r="R20" s="234">
        <v>205</v>
      </c>
      <c r="S20" s="234">
        <v>284</v>
      </c>
      <c r="T20" s="235">
        <v>218</v>
      </c>
      <c r="U20" s="256">
        <v>724</v>
      </c>
      <c r="V20" s="258">
        <v>724</v>
      </c>
      <c r="W20" s="238">
        <v>0</v>
      </c>
      <c r="X20" s="235">
        <v>0</v>
      </c>
      <c r="Y20" s="256">
        <v>0</v>
      </c>
      <c r="Z20" s="238">
        <v>0</v>
      </c>
      <c r="AA20" s="234">
        <v>0</v>
      </c>
      <c r="AB20" s="234">
        <v>0</v>
      </c>
      <c r="AC20" s="234">
        <v>2</v>
      </c>
      <c r="AD20" s="235">
        <v>3</v>
      </c>
      <c r="AE20" s="256">
        <v>5</v>
      </c>
      <c r="AF20" s="237">
        <v>5</v>
      </c>
      <c r="AG20" s="238">
        <v>0</v>
      </c>
      <c r="AH20" s="235">
        <v>0</v>
      </c>
      <c r="AI20" s="256">
        <v>0</v>
      </c>
      <c r="AJ20" s="238">
        <v>29</v>
      </c>
      <c r="AK20" s="234">
        <v>101</v>
      </c>
      <c r="AL20" s="234">
        <v>136</v>
      </c>
      <c r="AM20" s="234">
        <v>147</v>
      </c>
      <c r="AN20" s="235">
        <v>75</v>
      </c>
      <c r="AO20" s="256">
        <v>488</v>
      </c>
      <c r="AP20" s="237">
        <v>488</v>
      </c>
      <c r="AQ20" s="238">
        <v>0</v>
      </c>
      <c r="AR20" s="235">
        <v>0</v>
      </c>
      <c r="AS20" s="256">
        <v>0</v>
      </c>
      <c r="AT20" s="236">
        <v>29</v>
      </c>
      <c r="AU20" s="234">
        <v>100</v>
      </c>
      <c r="AV20" s="234">
        <v>133</v>
      </c>
      <c r="AW20" s="234">
        <v>145</v>
      </c>
      <c r="AX20" s="235">
        <v>72</v>
      </c>
      <c r="AY20" s="256">
        <v>479</v>
      </c>
      <c r="AZ20" s="257">
        <v>479</v>
      </c>
      <c r="BA20" s="233">
        <v>0</v>
      </c>
      <c r="BB20" s="235">
        <v>0</v>
      </c>
      <c r="BC20" s="235">
        <v>0</v>
      </c>
      <c r="BD20" s="236">
        <v>0</v>
      </c>
      <c r="BE20" s="234">
        <v>1</v>
      </c>
      <c r="BF20" s="234">
        <v>3</v>
      </c>
      <c r="BG20" s="234">
        <v>2</v>
      </c>
      <c r="BH20" s="235">
        <v>3</v>
      </c>
      <c r="BI20" s="256">
        <v>9</v>
      </c>
      <c r="BJ20" s="258">
        <v>9</v>
      </c>
      <c r="BK20" s="238">
        <v>0</v>
      </c>
      <c r="BL20" s="235">
        <v>0</v>
      </c>
      <c r="BM20" s="235">
        <v>0</v>
      </c>
      <c r="BN20" s="236">
        <v>0</v>
      </c>
      <c r="BO20" s="234">
        <v>0</v>
      </c>
      <c r="BP20" s="234">
        <v>0</v>
      </c>
      <c r="BQ20" s="234">
        <v>1</v>
      </c>
      <c r="BR20" s="235">
        <v>3</v>
      </c>
      <c r="BS20" s="256">
        <v>4</v>
      </c>
      <c r="BT20" s="257">
        <v>4</v>
      </c>
      <c r="BU20" s="233">
        <v>0</v>
      </c>
      <c r="BV20" s="235">
        <v>0</v>
      </c>
      <c r="BW20" s="235">
        <v>0</v>
      </c>
      <c r="BX20" s="236">
        <v>0</v>
      </c>
      <c r="BY20" s="234">
        <v>0</v>
      </c>
      <c r="BZ20" s="234">
        <v>0</v>
      </c>
      <c r="CA20" s="234">
        <v>1</v>
      </c>
      <c r="CB20" s="235">
        <v>3</v>
      </c>
      <c r="CC20" s="256">
        <v>4</v>
      </c>
      <c r="CD20" s="258">
        <v>4</v>
      </c>
      <c r="CE20" s="238">
        <v>0</v>
      </c>
      <c r="CF20" s="235">
        <v>0</v>
      </c>
      <c r="CG20" s="235">
        <v>0</v>
      </c>
      <c r="CH20" s="236">
        <v>0</v>
      </c>
      <c r="CI20" s="234">
        <v>0</v>
      </c>
      <c r="CJ20" s="234">
        <v>0</v>
      </c>
      <c r="CK20" s="234">
        <v>0</v>
      </c>
      <c r="CL20" s="235">
        <v>0</v>
      </c>
      <c r="CM20" s="256">
        <v>0</v>
      </c>
      <c r="CN20" s="258">
        <v>0</v>
      </c>
      <c r="CO20" s="238">
        <v>0</v>
      </c>
      <c r="CP20" s="235">
        <v>0</v>
      </c>
      <c r="CQ20" s="235">
        <v>0</v>
      </c>
      <c r="CR20" s="236">
        <v>0</v>
      </c>
      <c r="CS20" s="234">
        <v>0</v>
      </c>
      <c r="CT20" s="234">
        <v>0</v>
      </c>
      <c r="CU20" s="234">
        <v>4</v>
      </c>
      <c r="CV20" s="235">
        <v>13</v>
      </c>
      <c r="CW20" s="256">
        <v>17</v>
      </c>
      <c r="CX20" s="257">
        <v>17</v>
      </c>
      <c r="CY20" s="233">
        <v>0</v>
      </c>
      <c r="CZ20" s="235">
        <v>0</v>
      </c>
      <c r="DA20" s="235">
        <v>0</v>
      </c>
      <c r="DB20" s="236">
        <v>0</v>
      </c>
      <c r="DC20" s="234">
        <v>0</v>
      </c>
      <c r="DD20" s="234">
        <v>0</v>
      </c>
      <c r="DE20" s="234">
        <v>4</v>
      </c>
      <c r="DF20" s="235">
        <v>12</v>
      </c>
      <c r="DG20" s="256">
        <v>16</v>
      </c>
      <c r="DH20" s="258">
        <v>16</v>
      </c>
      <c r="DI20" s="238">
        <v>0</v>
      </c>
      <c r="DJ20" s="235">
        <v>0</v>
      </c>
      <c r="DK20" s="235">
        <v>0</v>
      </c>
      <c r="DL20" s="236">
        <v>0</v>
      </c>
      <c r="DM20" s="234">
        <v>0</v>
      </c>
      <c r="DN20" s="234">
        <v>0</v>
      </c>
      <c r="DO20" s="234">
        <v>0</v>
      </c>
      <c r="DP20" s="235">
        <v>1</v>
      </c>
      <c r="DQ20" s="256">
        <v>1</v>
      </c>
      <c r="DR20" s="258">
        <v>1</v>
      </c>
      <c r="DS20" s="238">
        <v>0</v>
      </c>
      <c r="DT20" s="235">
        <v>0</v>
      </c>
      <c r="DU20" s="235">
        <v>0</v>
      </c>
      <c r="DV20" s="236">
        <v>33</v>
      </c>
      <c r="DW20" s="234">
        <v>114</v>
      </c>
      <c r="DX20" s="234">
        <v>341</v>
      </c>
      <c r="DY20" s="234">
        <v>438</v>
      </c>
      <c r="DZ20" s="235">
        <v>312</v>
      </c>
      <c r="EA20" s="256">
        <v>1238</v>
      </c>
      <c r="EB20" s="258">
        <v>1238</v>
      </c>
      <c r="EC20" s="255"/>
    </row>
    <row r="21" spans="2:133" ht="21" customHeight="1" x14ac:dyDescent="0.2">
      <c r="B21" s="173" t="s">
        <v>18</v>
      </c>
      <c r="C21" s="233">
        <v>0</v>
      </c>
      <c r="D21" s="235">
        <v>0</v>
      </c>
      <c r="E21" s="235">
        <v>0</v>
      </c>
      <c r="F21" s="236">
        <v>5</v>
      </c>
      <c r="G21" s="234">
        <v>14</v>
      </c>
      <c r="H21" s="234">
        <v>192</v>
      </c>
      <c r="I21" s="234">
        <v>403</v>
      </c>
      <c r="J21" s="235">
        <v>258</v>
      </c>
      <c r="K21" s="256">
        <v>872</v>
      </c>
      <c r="L21" s="257">
        <v>872</v>
      </c>
      <c r="M21" s="233">
        <v>0</v>
      </c>
      <c r="N21" s="235">
        <v>0</v>
      </c>
      <c r="O21" s="256">
        <v>0</v>
      </c>
      <c r="P21" s="236">
        <v>5</v>
      </c>
      <c r="Q21" s="234">
        <v>14</v>
      </c>
      <c r="R21" s="234">
        <v>190</v>
      </c>
      <c r="S21" s="234">
        <v>398</v>
      </c>
      <c r="T21" s="235">
        <v>254</v>
      </c>
      <c r="U21" s="256">
        <v>861</v>
      </c>
      <c r="V21" s="258">
        <v>861</v>
      </c>
      <c r="W21" s="238">
        <v>0</v>
      </c>
      <c r="X21" s="235">
        <v>0</v>
      </c>
      <c r="Y21" s="256">
        <v>0</v>
      </c>
      <c r="Z21" s="238">
        <v>0</v>
      </c>
      <c r="AA21" s="234">
        <v>0</v>
      </c>
      <c r="AB21" s="234">
        <v>2</v>
      </c>
      <c r="AC21" s="234">
        <v>5</v>
      </c>
      <c r="AD21" s="235">
        <v>4</v>
      </c>
      <c r="AE21" s="256">
        <v>11</v>
      </c>
      <c r="AF21" s="237">
        <v>11</v>
      </c>
      <c r="AG21" s="238">
        <v>0</v>
      </c>
      <c r="AH21" s="235">
        <v>0</v>
      </c>
      <c r="AI21" s="256">
        <v>0</v>
      </c>
      <c r="AJ21" s="238">
        <v>25</v>
      </c>
      <c r="AK21" s="234">
        <v>69</v>
      </c>
      <c r="AL21" s="234">
        <v>119</v>
      </c>
      <c r="AM21" s="234">
        <v>115</v>
      </c>
      <c r="AN21" s="235">
        <v>70</v>
      </c>
      <c r="AO21" s="256">
        <v>398</v>
      </c>
      <c r="AP21" s="237">
        <v>398</v>
      </c>
      <c r="AQ21" s="238">
        <v>0</v>
      </c>
      <c r="AR21" s="235">
        <v>0</v>
      </c>
      <c r="AS21" s="256">
        <v>0</v>
      </c>
      <c r="AT21" s="236">
        <v>25</v>
      </c>
      <c r="AU21" s="234">
        <v>68</v>
      </c>
      <c r="AV21" s="234">
        <v>117</v>
      </c>
      <c r="AW21" s="234">
        <v>112</v>
      </c>
      <c r="AX21" s="235">
        <v>67</v>
      </c>
      <c r="AY21" s="256">
        <v>389</v>
      </c>
      <c r="AZ21" s="257">
        <v>389</v>
      </c>
      <c r="BA21" s="233">
        <v>0</v>
      </c>
      <c r="BB21" s="235">
        <v>0</v>
      </c>
      <c r="BC21" s="235">
        <v>0</v>
      </c>
      <c r="BD21" s="236">
        <v>0</v>
      </c>
      <c r="BE21" s="234">
        <v>1</v>
      </c>
      <c r="BF21" s="234">
        <v>2</v>
      </c>
      <c r="BG21" s="234">
        <v>3</v>
      </c>
      <c r="BH21" s="235">
        <v>3</v>
      </c>
      <c r="BI21" s="256">
        <v>9</v>
      </c>
      <c r="BJ21" s="258">
        <v>9</v>
      </c>
      <c r="BK21" s="238">
        <v>0</v>
      </c>
      <c r="BL21" s="235">
        <v>0</v>
      </c>
      <c r="BM21" s="235">
        <v>0</v>
      </c>
      <c r="BN21" s="236">
        <v>0</v>
      </c>
      <c r="BO21" s="234">
        <v>0</v>
      </c>
      <c r="BP21" s="234">
        <v>0</v>
      </c>
      <c r="BQ21" s="234">
        <v>1</v>
      </c>
      <c r="BR21" s="235">
        <v>0</v>
      </c>
      <c r="BS21" s="256">
        <v>1</v>
      </c>
      <c r="BT21" s="257">
        <v>1</v>
      </c>
      <c r="BU21" s="233">
        <v>0</v>
      </c>
      <c r="BV21" s="235">
        <v>0</v>
      </c>
      <c r="BW21" s="235">
        <v>0</v>
      </c>
      <c r="BX21" s="236">
        <v>0</v>
      </c>
      <c r="BY21" s="234">
        <v>0</v>
      </c>
      <c r="BZ21" s="234">
        <v>0</v>
      </c>
      <c r="CA21" s="234">
        <v>1</v>
      </c>
      <c r="CB21" s="235">
        <v>0</v>
      </c>
      <c r="CC21" s="256">
        <v>1</v>
      </c>
      <c r="CD21" s="258">
        <v>1</v>
      </c>
      <c r="CE21" s="238">
        <v>0</v>
      </c>
      <c r="CF21" s="235">
        <v>0</v>
      </c>
      <c r="CG21" s="235">
        <v>0</v>
      </c>
      <c r="CH21" s="236">
        <v>0</v>
      </c>
      <c r="CI21" s="234">
        <v>0</v>
      </c>
      <c r="CJ21" s="234">
        <v>0</v>
      </c>
      <c r="CK21" s="234">
        <v>0</v>
      </c>
      <c r="CL21" s="235">
        <v>0</v>
      </c>
      <c r="CM21" s="256">
        <v>0</v>
      </c>
      <c r="CN21" s="258">
        <v>0</v>
      </c>
      <c r="CO21" s="238">
        <v>0</v>
      </c>
      <c r="CP21" s="235">
        <v>0</v>
      </c>
      <c r="CQ21" s="235">
        <v>0</v>
      </c>
      <c r="CR21" s="236">
        <v>0</v>
      </c>
      <c r="CS21" s="234">
        <v>0</v>
      </c>
      <c r="CT21" s="234">
        <v>2</v>
      </c>
      <c r="CU21" s="234">
        <v>14</v>
      </c>
      <c r="CV21" s="235">
        <v>14</v>
      </c>
      <c r="CW21" s="256">
        <v>30</v>
      </c>
      <c r="CX21" s="257">
        <v>30</v>
      </c>
      <c r="CY21" s="233">
        <v>0</v>
      </c>
      <c r="CZ21" s="235">
        <v>0</v>
      </c>
      <c r="DA21" s="235">
        <v>0</v>
      </c>
      <c r="DB21" s="236">
        <v>0</v>
      </c>
      <c r="DC21" s="234">
        <v>0</v>
      </c>
      <c r="DD21" s="234">
        <v>2</v>
      </c>
      <c r="DE21" s="234">
        <v>13</v>
      </c>
      <c r="DF21" s="235">
        <v>14</v>
      </c>
      <c r="DG21" s="256">
        <v>29</v>
      </c>
      <c r="DH21" s="258">
        <v>29</v>
      </c>
      <c r="DI21" s="238">
        <v>0</v>
      </c>
      <c r="DJ21" s="235">
        <v>0</v>
      </c>
      <c r="DK21" s="235">
        <v>0</v>
      </c>
      <c r="DL21" s="236">
        <v>0</v>
      </c>
      <c r="DM21" s="234">
        <v>0</v>
      </c>
      <c r="DN21" s="234">
        <v>0</v>
      </c>
      <c r="DO21" s="234">
        <v>1</v>
      </c>
      <c r="DP21" s="235">
        <v>0</v>
      </c>
      <c r="DQ21" s="256">
        <v>1</v>
      </c>
      <c r="DR21" s="258">
        <v>1</v>
      </c>
      <c r="DS21" s="238">
        <v>0</v>
      </c>
      <c r="DT21" s="235">
        <v>0</v>
      </c>
      <c r="DU21" s="235">
        <v>0</v>
      </c>
      <c r="DV21" s="236">
        <v>30</v>
      </c>
      <c r="DW21" s="234">
        <v>83</v>
      </c>
      <c r="DX21" s="234">
        <v>312</v>
      </c>
      <c r="DY21" s="234">
        <v>529</v>
      </c>
      <c r="DZ21" s="235">
        <v>340</v>
      </c>
      <c r="EA21" s="256">
        <v>1294</v>
      </c>
      <c r="EB21" s="258">
        <v>1294</v>
      </c>
      <c r="EC21" s="255"/>
    </row>
    <row r="22" spans="2:133" ht="21" customHeight="1" x14ac:dyDescent="0.2">
      <c r="B22" s="173" t="s">
        <v>19</v>
      </c>
      <c r="C22" s="233">
        <v>0</v>
      </c>
      <c r="D22" s="235">
        <v>0</v>
      </c>
      <c r="E22" s="235">
        <v>0</v>
      </c>
      <c r="F22" s="236">
        <v>1</v>
      </c>
      <c r="G22" s="234">
        <v>6</v>
      </c>
      <c r="H22" s="234">
        <v>110</v>
      </c>
      <c r="I22" s="234">
        <v>114</v>
      </c>
      <c r="J22" s="235">
        <v>102</v>
      </c>
      <c r="K22" s="256">
        <v>333</v>
      </c>
      <c r="L22" s="257">
        <v>333</v>
      </c>
      <c r="M22" s="233">
        <v>0</v>
      </c>
      <c r="N22" s="235">
        <v>0</v>
      </c>
      <c r="O22" s="256">
        <v>0</v>
      </c>
      <c r="P22" s="236">
        <v>1</v>
      </c>
      <c r="Q22" s="234">
        <v>6</v>
      </c>
      <c r="R22" s="234">
        <v>109</v>
      </c>
      <c r="S22" s="234">
        <v>114</v>
      </c>
      <c r="T22" s="235">
        <v>102</v>
      </c>
      <c r="U22" s="256">
        <v>332</v>
      </c>
      <c r="V22" s="258">
        <v>332</v>
      </c>
      <c r="W22" s="238">
        <v>0</v>
      </c>
      <c r="X22" s="235">
        <v>0</v>
      </c>
      <c r="Y22" s="256">
        <v>0</v>
      </c>
      <c r="Z22" s="238">
        <v>0</v>
      </c>
      <c r="AA22" s="234">
        <v>0</v>
      </c>
      <c r="AB22" s="234">
        <v>1</v>
      </c>
      <c r="AC22" s="234">
        <v>0</v>
      </c>
      <c r="AD22" s="235">
        <v>0</v>
      </c>
      <c r="AE22" s="256">
        <v>1</v>
      </c>
      <c r="AF22" s="237">
        <v>1</v>
      </c>
      <c r="AG22" s="238">
        <v>0</v>
      </c>
      <c r="AH22" s="235">
        <v>0</v>
      </c>
      <c r="AI22" s="256">
        <v>0</v>
      </c>
      <c r="AJ22" s="238">
        <v>20</v>
      </c>
      <c r="AK22" s="234">
        <v>49</v>
      </c>
      <c r="AL22" s="234">
        <v>66</v>
      </c>
      <c r="AM22" s="234">
        <v>66</v>
      </c>
      <c r="AN22" s="235">
        <v>32</v>
      </c>
      <c r="AO22" s="256">
        <v>233</v>
      </c>
      <c r="AP22" s="237">
        <v>233</v>
      </c>
      <c r="AQ22" s="238">
        <v>0</v>
      </c>
      <c r="AR22" s="235">
        <v>0</v>
      </c>
      <c r="AS22" s="256">
        <v>0</v>
      </c>
      <c r="AT22" s="236">
        <v>20</v>
      </c>
      <c r="AU22" s="234">
        <v>49</v>
      </c>
      <c r="AV22" s="234">
        <v>65</v>
      </c>
      <c r="AW22" s="234">
        <v>64</v>
      </c>
      <c r="AX22" s="235">
        <v>30</v>
      </c>
      <c r="AY22" s="256">
        <v>228</v>
      </c>
      <c r="AZ22" s="257">
        <v>228</v>
      </c>
      <c r="BA22" s="233">
        <v>0</v>
      </c>
      <c r="BB22" s="235">
        <v>0</v>
      </c>
      <c r="BC22" s="235">
        <v>0</v>
      </c>
      <c r="BD22" s="236">
        <v>0</v>
      </c>
      <c r="BE22" s="234">
        <v>0</v>
      </c>
      <c r="BF22" s="234">
        <v>1</v>
      </c>
      <c r="BG22" s="234">
        <v>2</v>
      </c>
      <c r="BH22" s="235">
        <v>2</v>
      </c>
      <c r="BI22" s="256">
        <v>5</v>
      </c>
      <c r="BJ22" s="258">
        <v>5</v>
      </c>
      <c r="BK22" s="238">
        <v>0</v>
      </c>
      <c r="BL22" s="235">
        <v>0</v>
      </c>
      <c r="BM22" s="235">
        <v>0</v>
      </c>
      <c r="BN22" s="236">
        <v>0</v>
      </c>
      <c r="BO22" s="234">
        <v>0</v>
      </c>
      <c r="BP22" s="234">
        <v>0</v>
      </c>
      <c r="BQ22" s="234">
        <v>0</v>
      </c>
      <c r="BR22" s="235">
        <v>0</v>
      </c>
      <c r="BS22" s="256">
        <v>0</v>
      </c>
      <c r="BT22" s="257">
        <v>0</v>
      </c>
      <c r="BU22" s="233">
        <v>0</v>
      </c>
      <c r="BV22" s="235">
        <v>0</v>
      </c>
      <c r="BW22" s="235">
        <v>0</v>
      </c>
      <c r="BX22" s="236">
        <v>0</v>
      </c>
      <c r="BY22" s="234">
        <v>0</v>
      </c>
      <c r="BZ22" s="234">
        <v>0</v>
      </c>
      <c r="CA22" s="234">
        <v>0</v>
      </c>
      <c r="CB22" s="235">
        <v>0</v>
      </c>
      <c r="CC22" s="256">
        <v>0</v>
      </c>
      <c r="CD22" s="258">
        <v>0</v>
      </c>
      <c r="CE22" s="238">
        <v>0</v>
      </c>
      <c r="CF22" s="235">
        <v>0</v>
      </c>
      <c r="CG22" s="235">
        <v>0</v>
      </c>
      <c r="CH22" s="236">
        <v>0</v>
      </c>
      <c r="CI22" s="234">
        <v>0</v>
      </c>
      <c r="CJ22" s="234">
        <v>0</v>
      </c>
      <c r="CK22" s="234">
        <v>0</v>
      </c>
      <c r="CL22" s="235">
        <v>0</v>
      </c>
      <c r="CM22" s="256">
        <v>0</v>
      </c>
      <c r="CN22" s="258">
        <v>0</v>
      </c>
      <c r="CO22" s="238">
        <v>0</v>
      </c>
      <c r="CP22" s="235">
        <v>0</v>
      </c>
      <c r="CQ22" s="235">
        <v>0</v>
      </c>
      <c r="CR22" s="236">
        <v>0</v>
      </c>
      <c r="CS22" s="234">
        <v>0</v>
      </c>
      <c r="CT22" s="234">
        <v>0</v>
      </c>
      <c r="CU22" s="234">
        <v>4</v>
      </c>
      <c r="CV22" s="235">
        <v>6</v>
      </c>
      <c r="CW22" s="256">
        <v>10</v>
      </c>
      <c r="CX22" s="257">
        <v>10</v>
      </c>
      <c r="CY22" s="233">
        <v>0</v>
      </c>
      <c r="CZ22" s="235">
        <v>0</v>
      </c>
      <c r="DA22" s="235">
        <v>0</v>
      </c>
      <c r="DB22" s="236">
        <v>0</v>
      </c>
      <c r="DC22" s="234">
        <v>0</v>
      </c>
      <c r="DD22" s="234">
        <v>0</v>
      </c>
      <c r="DE22" s="234">
        <v>4</v>
      </c>
      <c r="DF22" s="235">
        <v>6</v>
      </c>
      <c r="DG22" s="256">
        <v>10</v>
      </c>
      <c r="DH22" s="258">
        <v>10</v>
      </c>
      <c r="DI22" s="238">
        <v>0</v>
      </c>
      <c r="DJ22" s="235">
        <v>0</v>
      </c>
      <c r="DK22" s="235">
        <v>0</v>
      </c>
      <c r="DL22" s="236">
        <v>0</v>
      </c>
      <c r="DM22" s="234">
        <v>0</v>
      </c>
      <c r="DN22" s="234">
        <v>0</v>
      </c>
      <c r="DO22" s="234">
        <v>0</v>
      </c>
      <c r="DP22" s="235">
        <v>0</v>
      </c>
      <c r="DQ22" s="256">
        <v>0</v>
      </c>
      <c r="DR22" s="258">
        <v>0</v>
      </c>
      <c r="DS22" s="238">
        <v>0</v>
      </c>
      <c r="DT22" s="235">
        <v>0</v>
      </c>
      <c r="DU22" s="235">
        <v>0</v>
      </c>
      <c r="DV22" s="236">
        <v>21</v>
      </c>
      <c r="DW22" s="234">
        <v>55</v>
      </c>
      <c r="DX22" s="234">
        <v>176</v>
      </c>
      <c r="DY22" s="234">
        <v>183</v>
      </c>
      <c r="DZ22" s="235">
        <v>140</v>
      </c>
      <c r="EA22" s="256">
        <v>575</v>
      </c>
      <c r="EB22" s="258">
        <v>575</v>
      </c>
      <c r="EC22" s="255"/>
    </row>
    <row r="23" spans="2:133" ht="21" customHeight="1" x14ac:dyDescent="0.2">
      <c r="B23" s="173" t="s">
        <v>20</v>
      </c>
      <c r="C23" s="233">
        <v>0</v>
      </c>
      <c r="D23" s="235">
        <v>0</v>
      </c>
      <c r="E23" s="235">
        <v>0</v>
      </c>
      <c r="F23" s="236">
        <v>5</v>
      </c>
      <c r="G23" s="234">
        <v>27</v>
      </c>
      <c r="H23" s="234">
        <v>121</v>
      </c>
      <c r="I23" s="234">
        <v>210</v>
      </c>
      <c r="J23" s="235">
        <v>95</v>
      </c>
      <c r="K23" s="256">
        <v>458</v>
      </c>
      <c r="L23" s="257">
        <v>458</v>
      </c>
      <c r="M23" s="233">
        <v>0</v>
      </c>
      <c r="N23" s="235">
        <v>0</v>
      </c>
      <c r="O23" s="256">
        <v>0</v>
      </c>
      <c r="P23" s="236">
        <v>5</v>
      </c>
      <c r="Q23" s="234">
        <v>27</v>
      </c>
      <c r="R23" s="234">
        <v>121</v>
      </c>
      <c r="S23" s="234">
        <v>208</v>
      </c>
      <c r="T23" s="235">
        <v>93</v>
      </c>
      <c r="U23" s="256">
        <v>454</v>
      </c>
      <c r="V23" s="258">
        <v>454</v>
      </c>
      <c r="W23" s="238">
        <v>0</v>
      </c>
      <c r="X23" s="235">
        <v>0</v>
      </c>
      <c r="Y23" s="256">
        <v>0</v>
      </c>
      <c r="Z23" s="238">
        <v>0</v>
      </c>
      <c r="AA23" s="234">
        <v>0</v>
      </c>
      <c r="AB23" s="234">
        <v>0</v>
      </c>
      <c r="AC23" s="234">
        <v>2</v>
      </c>
      <c r="AD23" s="235">
        <v>2</v>
      </c>
      <c r="AE23" s="256">
        <v>4</v>
      </c>
      <c r="AF23" s="237">
        <v>4</v>
      </c>
      <c r="AG23" s="238">
        <v>0</v>
      </c>
      <c r="AH23" s="235">
        <v>0</v>
      </c>
      <c r="AI23" s="256">
        <v>0</v>
      </c>
      <c r="AJ23" s="238">
        <v>16</v>
      </c>
      <c r="AK23" s="234">
        <v>35</v>
      </c>
      <c r="AL23" s="234">
        <v>37</v>
      </c>
      <c r="AM23" s="234">
        <v>56</v>
      </c>
      <c r="AN23" s="235">
        <v>21</v>
      </c>
      <c r="AO23" s="256">
        <v>165</v>
      </c>
      <c r="AP23" s="237">
        <v>165</v>
      </c>
      <c r="AQ23" s="238">
        <v>0</v>
      </c>
      <c r="AR23" s="235">
        <v>0</v>
      </c>
      <c r="AS23" s="256">
        <v>0</v>
      </c>
      <c r="AT23" s="236">
        <v>15</v>
      </c>
      <c r="AU23" s="234">
        <v>35</v>
      </c>
      <c r="AV23" s="234">
        <v>37</v>
      </c>
      <c r="AW23" s="234">
        <v>56</v>
      </c>
      <c r="AX23" s="235">
        <v>21</v>
      </c>
      <c r="AY23" s="256">
        <v>164</v>
      </c>
      <c r="AZ23" s="257">
        <v>164</v>
      </c>
      <c r="BA23" s="233">
        <v>0</v>
      </c>
      <c r="BB23" s="235">
        <v>0</v>
      </c>
      <c r="BC23" s="235">
        <v>0</v>
      </c>
      <c r="BD23" s="236">
        <v>1</v>
      </c>
      <c r="BE23" s="234">
        <v>0</v>
      </c>
      <c r="BF23" s="234">
        <v>0</v>
      </c>
      <c r="BG23" s="234">
        <v>0</v>
      </c>
      <c r="BH23" s="235">
        <v>0</v>
      </c>
      <c r="BI23" s="256">
        <v>1</v>
      </c>
      <c r="BJ23" s="258">
        <v>1</v>
      </c>
      <c r="BK23" s="238">
        <v>0</v>
      </c>
      <c r="BL23" s="235">
        <v>0</v>
      </c>
      <c r="BM23" s="235">
        <v>0</v>
      </c>
      <c r="BN23" s="236">
        <v>0</v>
      </c>
      <c r="BO23" s="234">
        <v>0</v>
      </c>
      <c r="BP23" s="234">
        <v>0</v>
      </c>
      <c r="BQ23" s="234">
        <v>2</v>
      </c>
      <c r="BR23" s="235">
        <v>0</v>
      </c>
      <c r="BS23" s="256">
        <v>2</v>
      </c>
      <c r="BT23" s="257">
        <v>2</v>
      </c>
      <c r="BU23" s="233">
        <v>0</v>
      </c>
      <c r="BV23" s="235">
        <v>0</v>
      </c>
      <c r="BW23" s="235">
        <v>0</v>
      </c>
      <c r="BX23" s="236">
        <v>0</v>
      </c>
      <c r="BY23" s="234">
        <v>0</v>
      </c>
      <c r="BZ23" s="234">
        <v>0</v>
      </c>
      <c r="CA23" s="234">
        <v>2</v>
      </c>
      <c r="CB23" s="235">
        <v>0</v>
      </c>
      <c r="CC23" s="256">
        <v>2</v>
      </c>
      <c r="CD23" s="258">
        <v>2</v>
      </c>
      <c r="CE23" s="238">
        <v>0</v>
      </c>
      <c r="CF23" s="235">
        <v>0</v>
      </c>
      <c r="CG23" s="235">
        <v>0</v>
      </c>
      <c r="CH23" s="236">
        <v>0</v>
      </c>
      <c r="CI23" s="234">
        <v>0</v>
      </c>
      <c r="CJ23" s="234">
        <v>0</v>
      </c>
      <c r="CK23" s="234">
        <v>0</v>
      </c>
      <c r="CL23" s="235">
        <v>0</v>
      </c>
      <c r="CM23" s="256">
        <v>0</v>
      </c>
      <c r="CN23" s="258">
        <v>0</v>
      </c>
      <c r="CO23" s="238">
        <v>0</v>
      </c>
      <c r="CP23" s="235">
        <v>0</v>
      </c>
      <c r="CQ23" s="235">
        <v>0</v>
      </c>
      <c r="CR23" s="236">
        <v>0</v>
      </c>
      <c r="CS23" s="234">
        <v>0</v>
      </c>
      <c r="CT23" s="234">
        <v>0</v>
      </c>
      <c r="CU23" s="234">
        <v>2</v>
      </c>
      <c r="CV23" s="235">
        <v>4</v>
      </c>
      <c r="CW23" s="256">
        <v>6</v>
      </c>
      <c r="CX23" s="257">
        <v>6</v>
      </c>
      <c r="CY23" s="233">
        <v>0</v>
      </c>
      <c r="CZ23" s="235">
        <v>0</v>
      </c>
      <c r="DA23" s="235">
        <v>0</v>
      </c>
      <c r="DB23" s="236">
        <v>0</v>
      </c>
      <c r="DC23" s="234">
        <v>0</v>
      </c>
      <c r="DD23" s="234">
        <v>0</v>
      </c>
      <c r="DE23" s="234">
        <v>2</v>
      </c>
      <c r="DF23" s="235">
        <v>4</v>
      </c>
      <c r="DG23" s="256">
        <v>6</v>
      </c>
      <c r="DH23" s="258">
        <v>6</v>
      </c>
      <c r="DI23" s="238">
        <v>0</v>
      </c>
      <c r="DJ23" s="235">
        <v>0</v>
      </c>
      <c r="DK23" s="235">
        <v>0</v>
      </c>
      <c r="DL23" s="236">
        <v>0</v>
      </c>
      <c r="DM23" s="234">
        <v>0</v>
      </c>
      <c r="DN23" s="234">
        <v>0</v>
      </c>
      <c r="DO23" s="234">
        <v>0</v>
      </c>
      <c r="DP23" s="235">
        <v>0</v>
      </c>
      <c r="DQ23" s="256">
        <v>0</v>
      </c>
      <c r="DR23" s="258">
        <v>0</v>
      </c>
      <c r="DS23" s="238">
        <v>0</v>
      </c>
      <c r="DT23" s="235">
        <v>0</v>
      </c>
      <c r="DU23" s="235">
        <v>0</v>
      </c>
      <c r="DV23" s="236">
        <v>21</v>
      </c>
      <c r="DW23" s="234">
        <v>62</v>
      </c>
      <c r="DX23" s="234">
        <v>158</v>
      </c>
      <c r="DY23" s="234">
        <v>270</v>
      </c>
      <c r="DZ23" s="235">
        <v>119</v>
      </c>
      <c r="EA23" s="256">
        <v>630</v>
      </c>
      <c r="EB23" s="258">
        <v>630</v>
      </c>
      <c r="EC23" s="255"/>
    </row>
    <row r="24" spans="2:133" ht="21" customHeight="1" x14ac:dyDescent="0.2">
      <c r="B24" s="173" t="s">
        <v>21</v>
      </c>
      <c r="C24" s="233">
        <v>0</v>
      </c>
      <c r="D24" s="235">
        <v>0</v>
      </c>
      <c r="E24" s="235">
        <v>0</v>
      </c>
      <c r="F24" s="236">
        <v>4</v>
      </c>
      <c r="G24" s="234">
        <v>12</v>
      </c>
      <c r="H24" s="234">
        <v>175</v>
      </c>
      <c r="I24" s="234">
        <v>201</v>
      </c>
      <c r="J24" s="235">
        <v>147</v>
      </c>
      <c r="K24" s="256">
        <v>539</v>
      </c>
      <c r="L24" s="257">
        <v>539</v>
      </c>
      <c r="M24" s="233">
        <v>0</v>
      </c>
      <c r="N24" s="235">
        <v>0</v>
      </c>
      <c r="O24" s="256">
        <v>0</v>
      </c>
      <c r="P24" s="236">
        <v>3</v>
      </c>
      <c r="Q24" s="234">
        <v>12</v>
      </c>
      <c r="R24" s="234">
        <v>174</v>
      </c>
      <c r="S24" s="234">
        <v>201</v>
      </c>
      <c r="T24" s="235">
        <v>146</v>
      </c>
      <c r="U24" s="256">
        <v>536</v>
      </c>
      <c r="V24" s="258">
        <v>536</v>
      </c>
      <c r="W24" s="238">
        <v>0</v>
      </c>
      <c r="X24" s="235">
        <v>0</v>
      </c>
      <c r="Y24" s="256">
        <v>0</v>
      </c>
      <c r="Z24" s="238">
        <v>1</v>
      </c>
      <c r="AA24" s="234">
        <v>0</v>
      </c>
      <c r="AB24" s="234">
        <v>1</v>
      </c>
      <c r="AC24" s="234">
        <v>0</v>
      </c>
      <c r="AD24" s="235">
        <v>1</v>
      </c>
      <c r="AE24" s="256">
        <v>3</v>
      </c>
      <c r="AF24" s="237">
        <v>3</v>
      </c>
      <c r="AG24" s="238">
        <v>0</v>
      </c>
      <c r="AH24" s="235">
        <v>0</v>
      </c>
      <c r="AI24" s="256">
        <v>0</v>
      </c>
      <c r="AJ24" s="238">
        <v>22</v>
      </c>
      <c r="AK24" s="234">
        <v>29</v>
      </c>
      <c r="AL24" s="234">
        <v>44</v>
      </c>
      <c r="AM24" s="234">
        <v>51</v>
      </c>
      <c r="AN24" s="235">
        <v>22</v>
      </c>
      <c r="AO24" s="256">
        <v>168</v>
      </c>
      <c r="AP24" s="237">
        <v>168</v>
      </c>
      <c r="AQ24" s="238">
        <v>0</v>
      </c>
      <c r="AR24" s="235">
        <v>0</v>
      </c>
      <c r="AS24" s="256">
        <v>0</v>
      </c>
      <c r="AT24" s="236">
        <v>22</v>
      </c>
      <c r="AU24" s="234">
        <v>29</v>
      </c>
      <c r="AV24" s="234">
        <v>43</v>
      </c>
      <c r="AW24" s="234">
        <v>48</v>
      </c>
      <c r="AX24" s="235">
        <v>20</v>
      </c>
      <c r="AY24" s="256">
        <v>162</v>
      </c>
      <c r="AZ24" s="257">
        <v>162</v>
      </c>
      <c r="BA24" s="233">
        <v>0</v>
      </c>
      <c r="BB24" s="235">
        <v>0</v>
      </c>
      <c r="BC24" s="235">
        <v>0</v>
      </c>
      <c r="BD24" s="236">
        <v>0</v>
      </c>
      <c r="BE24" s="234">
        <v>0</v>
      </c>
      <c r="BF24" s="234">
        <v>1</v>
      </c>
      <c r="BG24" s="234">
        <v>3</v>
      </c>
      <c r="BH24" s="235">
        <v>2</v>
      </c>
      <c r="BI24" s="256">
        <v>6</v>
      </c>
      <c r="BJ24" s="258">
        <v>6</v>
      </c>
      <c r="BK24" s="238">
        <v>0</v>
      </c>
      <c r="BL24" s="235">
        <v>0</v>
      </c>
      <c r="BM24" s="235">
        <v>0</v>
      </c>
      <c r="BN24" s="236">
        <v>0</v>
      </c>
      <c r="BO24" s="234">
        <v>0</v>
      </c>
      <c r="BP24" s="234">
        <v>0</v>
      </c>
      <c r="BQ24" s="234">
        <v>0</v>
      </c>
      <c r="BR24" s="235">
        <v>4</v>
      </c>
      <c r="BS24" s="256">
        <v>4</v>
      </c>
      <c r="BT24" s="257">
        <v>4</v>
      </c>
      <c r="BU24" s="233">
        <v>0</v>
      </c>
      <c r="BV24" s="235">
        <v>0</v>
      </c>
      <c r="BW24" s="235">
        <v>0</v>
      </c>
      <c r="BX24" s="236">
        <v>0</v>
      </c>
      <c r="BY24" s="234">
        <v>0</v>
      </c>
      <c r="BZ24" s="234">
        <v>0</v>
      </c>
      <c r="CA24" s="234">
        <v>0</v>
      </c>
      <c r="CB24" s="235">
        <v>4</v>
      </c>
      <c r="CC24" s="256">
        <v>4</v>
      </c>
      <c r="CD24" s="258">
        <v>4</v>
      </c>
      <c r="CE24" s="238">
        <v>0</v>
      </c>
      <c r="CF24" s="235">
        <v>0</v>
      </c>
      <c r="CG24" s="235">
        <v>0</v>
      </c>
      <c r="CH24" s="236">
        <v>0</v>
      </c>
      <c r="CI24" s="234">
        <v>0</v>
      </c>
      <c r="CJ24" s="234">
        <v>0</v>
      </c>
      <c r="CK24" s="234">
        <v>0</v>
      </c>
      <c r="CL24" s="235">
        <v>0</v>
      </c>
      <c r="CM24" s="256">
        <v>0</v>
      </c>
      <c r="CN24" s="258">
        <v>0</v>
      </c>
      <c r="CO24" s="238">
        <v>0</v>
      </c>
      <c r="CP24" s="235">
        <v>0</v>
      </c>
      <c r="CQ24" s="235">
        <v>0</v>
      </c>
      <c r="CR24" s="236">
        <v>0</v>
      </c>
      <c r="CS24" s="234">
        <v>0</v>
      </c>
      <c r="CT24" s="234">
        <v>1</v>
      </c>
      <c r="CU24" s="234">
        <v>11</v>
      </c>
      <c r="CV24" s="235">
        <v>18</v>
      </c>
      <c r="CW24" s="256">
        <v>30</v>
      </c>
      <c r="CX24" s="257">
        <v>30</v>
      </c>
      <c r="CY24" s="233">
        <v>0</v>
      </c>
      <c r="CZ24" s="235">
        <v>0</v>
      </c>
      <c r="DA24" s="235">
        <v>0</v>
      </c>
      <c r="DB24" s="236">
        <v>0</v>
      </c>
      <c r="DC24" s="234">
        <v>0</v>
      </c>
      <c r="DD24" s="234">
        <v>1</v>
      </c>
      <c r="DE24" s="234">
        <v>11</v>
      </c>
      <c r="DF24" s="235">
        <v>18</v>
      </c>
      <c r="DG24" s="256">
        <v>30</v>
      </c>
      <c r="DH24" s="258">
        <v>30</v>
      </c>
      <c r="DI24" s="238">
        <v>0</v>
      </c>
      <c r="DJ24" s="235">
        <v>0</v>
      </c>
      <c r="DK24" s="235">
        <v>0</v>
      </c>
      <c r="DL24" s="236">
        <v>0</v>
      </c>
      <c r="DM24" s="234">
        <v>0</v>
      </c>
      <c r="DN24" s="234">
        <v>0</v>
      </c>
      <c r="DO24" s="234">
        <v>0</v>
      </c>
      <c r="DP24" s="235">
        <v>0</v>
      </c>
      <c r="DQ24" s="256">
        <v>0</v>
      </c>
      <c r="DR24" s="258">
        <v>0</v>
      </c>
      <c r="DS24" s="238">
        <v>0</v>
      </c>
      <c r="DT24" s="235">
        <v>0</v>
      </c>
      <c r="DU24" s="235">
        <v>0</v>
      </c>
      <c r="DV24" s="236">
        <v>26</v>
      </c>
      <c r="DW24" s="234">
        <v>41</v>
      </c>
      <c r="DX24" s="234">
        <v>220</v>
      </c>
      <c r="DY24" s="234">
        <v>263</v>
      </c>
      <c r="DZ24" s="235">
        <v>191</v>
      </c>
      <c r="EA24" s="256">
        <v>741</v>
      </c>
      <c r="EB24" s="258">
        <v>741</v>
      </c>
      <c r="EC24" s="255"/>
    </row>
    <row r="25" spans="2:133" ht="21" customHeight="1" x14ac:dyDescent="0.2">
      <c r="B25" s="173" t="s">
        <v>22</v>
      </c>
      <c r="C25" s="233">
        <v>0</v>
      </c>
      <c r="D25" s="235">
        <v>0</v>
      </c>
      <c r="E25" s="235">
        <v>0</v>
      </c>
      <c r="F25" s="236">
        <v>3</v>
      </c>
      <c r="G25" s="234">
        <v>7</v>
      </c>
      <c r="H25" s="234">
        <v>56</v>
      </c>
      <c r="I25" s="234">
        <v>61</v>
      </c>
      <c r="J25" s="235">
        <v>33</v>
      </c>
      <c r="K25" s="256">
        <v>160</v>
      </c>
      <c r="L25" s="257">
        <v>160</v>
      </c>
      <c r="M25" s="233">
        <v>0</v>
      </c>
      <c r="N25" s="235">
        <v>0</v>
      </c>
      <c r="O25" s="256">
        <v>0</v>
      </c>
      <c r="P25" s="236">
        <v>3</v>
      </c>
      <c r="Q25" s="234">
        <v>7</v>
      </c>
      <c r="R25" s="234">
        <v>56</v>
      </c>
      <c r="S25" s="234">
        <v>61</v>
      </c>
      <c r="T25" s="235">
        <v>33</v>
      </c>
      <c r="U25" s="256">
        <v>160</v>
      </c>
      <c r="V25" s="258">
        <v>160</v>
      </c>
      <c r="W25" s="238">
        <v>0</v>
      </c>
      <c r="X25" s="235">
        <v>0</v>
      </c>
      <c r="Y25" s="256">
        <v>0</v>
      </c>
      <c r="Z25" s="238">
        <v>0</v>
      </c>
      <c r="AA25" s="234">
        <v>0</v>
      </c>
      <c r="AB25" s="234">
        <v>0</v>
      </c>
      <c r="AC25" s="234">
        <v>0</v>
      </c>
      <c r="AD25" s="235">
        <v>0</v>
      </c>
      <c r="AE25" s="256">
        <v>0</v>
      </c>
      <c r="AF25" s="237">
        <v>0</v>
      </c>
      <c r="AG25" s="238">
        <v>0</v>
      </c>
      <c r="AH25" s="235">
        <v>0</v>
      </c>
      <c r="AI25" s="256">
        <v>0</v>
      </c>
      <c r="AJ25" s="238">
        <v>12</v>
      </c>
      <c r="AK25" s="234">
        <v>27</v>
      </c>
      <c r="AL25" s="234">
        <v>23</v>
      </c>
      <c r="AM25" s="234">
        <v>41</v>
      </c>
      <c r="AN25" s="235">
        <v>17</v>
      </c>
      <c r="AO25" s="256">
        <v>120</v>
      </c>
      <c r="AP25" s="237">
        <v>120</v>
      </c>
      <c r="AQ25" s="238">
        <v>0</v>
      </c>
      <c r="AR25" s="235">
        <v>0</v>
      </c>
      <c r="AS25" s="256">
        <v>0</v>
      </c>
      <c r="AT25" s="236">
        <v>12</v>
      </c>
      <c r="AU25" s="234">
        <v>27</v>
      </c>
      <c r="AV25" s="234">
        <v>23</v>
      </c>
      <c r="AW25" s="234">
        <v>41</v>
      </c>
      <c r="AX25" s="235">
        <v>17</v>
      </c>
      <c r="AY25" s="256">
        <v>120</v>
      </c>
      <c r="AZ25" s="257">
        <v>120</v>
      </c>
      <c r="BA25" s="233">
        <v>0</v>
      </c>
      <c r="BB25" s="235">
        <v>0</v>
      </c>
      <c r="BC25" s="235">
        <v>0</v>
      </c>
      <c r="BD25" s="236">
        <v>0</v>
      </c>
      <c r="BE25" s="234">
        <v>0</v>
      </c>
      <c r="BF25" s="234">
        <v>0</v>
      </c>
      <c r="BG25" s="234">
        <v>0</v>
      </c>
      <c r="BH25" s="235">
        <v>0</v>
      </c>
      <c r="BI25" s="256">
        <v>0</v>
      </c>
      <c r="BJ25" s="258">
        <v>0</v>
      </c>
      <c r="BK25" s="238">
        <v>0</v>
      </c>
      <c r="BL25" s="235">
        <v>0</v>
      </c>
      <c r="BM25" s="235">
        <v>0</v>
      </c>
      <c r="BN25" s="236">
        <v>0</v>
      </c>
      <c r="BO25" s="234">
        <v>0</v>
      </c>
      <c r="BP25" s="234">
        <v>0</v>
      </c>
      <c r="BQ25" s="234">
        <v>0</v>
      </c>
      <c r="BR25" s="235">
        <v>0</v>
      </c>
      <c r="BS25" s="256">
        <v>0</v>
      </c>
      <c r="BT25" s="257">
        <v>0</v>
      </c>
      <c r="BU25" s="233">
        <v>0</v>
      </c>
      <c r="BV25" s="235">
        <v>0</v>
      </c>
      <c r="BW25" s="235">
        <v>0</v>
      </c>
      <c r="BX25" s="236">
        <v>0</v>
      </c>
      <c r="BY25" s="234">
        <v>0</v>
      </c>
      <c r="BZ25" s="234">
        <v>0</v>
      </c>
      <c r="CA25" s="234">
        <v>0</v>
      </c>
      <c r="CB25" s="235">
        <v>0</v>
      </c>
      <c r="CC25" s="256">
        <v>0</v>
      </c>
      <c r="CD25" s="258">
        <v>0</v>
      </c>
      <c r="CE25" s="238">
        <v>0</v>
      </c>
      <c r="CF25" s="235">
        <v>0</v>
      </c>
      <c r="CG25" s="235">
        <v>0</v>
      </c>
      <c r="CH25" s="236">
        <v>0</v>
      </c>
      <c r="CI25" s="234">
        <v>0</v>
      </c>
      <c r="CJ25" s="234">
        <v>0</v>
      </c>
      <c r="CK25" s="234">
        <v>0</v>
      </c>
      <c r="CL25" s="235">
        <v>0</v>
      </c>
      <c r="CM25" s="256">
        <v>0</v>
      </c>
      <c r="CN25" s="258">
        <v>0</v>
      </c>
      <c r="CO25" s="238">
        <v>0</v>
      </c>
      <c r="CP25" s="235">
        <v>0</v>
      </c>
      <c r="CQ25" s="235">
        <v>0</v>
      </c>
      <c r="CR25" s="236">
        <v>0</v>
      </c>
      <c r="CS25" s="234">
        <v>0</v>
      </c>
      <c r="CT25" s="234">
        <v>1</v>
      </c>
      <c r="CU25" s="234">
        <v>7</v>
      </c>
      <c r="CV25" s="235">
        <v>3</v>
      </c>
      <c r="CW25" s="256">
        <v>11</v>
      </c>
      <c r="CX25" s="257">
        <v>11</v>
      </c>
      <c r="CY25" s="233">
        <v>0</v>
      </c>
      <c r="CZ25" s="235">
        <v>0</v>
      </c>
      <c r="DA25" s="235">
        <v>0</v>
      </c>
      <c r="DB25" s="236">
        <v>0</v>
      </c>
      <c r="DC25" s="234">
        <v>0</v>
      </c>
      <c r="DD25" s="234">
        <v>1</v>
      </c>
      <c r="DE25" s="234">
        <v>7</v>
      </c>
      <c r="DF25" s="235">
        <v>1</v>
      </c>
      <c r="DG25" s="256">
        <v>9</v>
      </c>
      <c r="DH25" s="258">
        <v>9</v>
      </c>
      <c r="DI25" s="238">
        <v>0</v>
      </c>
      <c r="DJ25" s="235">
        <v>0</v>
      </c>
      <c r="DK25" s="235">
        <v>0</v>
      </c>
      <c r="DL25" s="236">
        <v>0</v>
      </c>
      <c r="DM25" s="234">
        <v>0</v>
      </c>
      <c r="DN25" s="234">
        <v>0</v>
      </c>
      <c r="DO25" s="234">
        <v>0</v>
      </c>
      <c r="DP25" s="235">
        <v>2</v>
      </c>
      <c r="DQ25" s="256">
        <v>2</v>
      </c>
      <c r="DR25" s="258">
        <v>2</v>
      </c>
      <c r="DS25" s="238">
        <v>0</v>
      </c>
      <c r="DT25" s="235">
        <v>0</v>
      </c>
      <c r="DU25" s="235">
        <v>0</v>
      </c>
      <c r="DV25" s="236">
        <v>15</v>
      </c>
      <c r="DW25" s="234">
        <v>34</v>
      </c>
      <c r="DX25" s="234">
        <v>80</v>
      </c>
      <c r="DY25" s="234">
        <v>109</v>
      </c>
      <c r="DZ25" s="235">
        <v>53</v>
      </c>
      <c r="EA25" s="256">
        <v>291</v>
      </c>
      <c r="EB25" s="258">
        <v>291</v>
      </c>
      <c r="EC25" s="255"/>
    </row>
    <row r="26" spans="2:133" ht="21" customHeight="1" x14ac:dyDescent="0.2">
      <c r="B26" s="173" t="s">
        <v>23</v>
      </c>
      <c r="C26" s="233">
        <v>0</v>
      </c>
      <c r="D26" s="235">
        <v>0</v>
      </c>
      <c r="E26" s="235">
        <v>0</v>
      </c>
      <c r="F26" s="236">
        <v>2</v>
      </c>
      <c r="G26" s="234">
        <v>14</v>
      </c>
      <c r="H26" s="234">
        <v>94</v>
      </c>
      <c r="I26" s="234">
        <v>131</v>
      </c>
      <c r="J26" s="235">
        <v>96</v>
      </c>
      <c r="K26" s="256">
        <v>337</v>
      </c>
      <c r="L26" s="257">
        <v>337</v>
      </c>
      <c r="M26" s="233">
        <v>0</v>
      </c>
      <c r="N26" s="235">
        <v>0</v>
      </c>
      <c r="O26" s="256">
        <v>0</v>
      </c>
      <c r="P26" s="236">
        <v>2</v>
      </c>
      <c r="Q26" s="234">
        <v>14</v>
      </c>
      <c r="R26" s="234">
        <v>94</v>
      </c>
      <c r="S26" s="234">
        <v>129</v>
      </c>
      <c r="T26" s="235">
        <v>96</v>
      </c>
      <c r="U26" s="256">
        <v>335</v>
      </c>
      <c r="V26" s="258">
        <v>335</v>
      </c>
      <c r="W26" s="238">
        <v>0</v>
      </c>
      <c r="X26" s="235">
        <v>0</v>
      </c>
      <c r="Y26" s="256">
        <v>0</v>
      </c>
      <c r="Z26" s="238">
        <v>0</v>
      </c>
      <c r="AA26" s="234">
        <v>0</v>
      </c>
      <c r="AB26" s="234">
        <v>0</v>
      </c>
      <c r="AC26" s="234">
        <v>2</v>
      </c>
      <c r="AD26" s="235">
        <v>0</v>
      </c>
      <c r="AE26" s="256">
        <v>2</v>
      </c>
      <c r="AF26" s="237">
        <v>2</v>
      </c>
      <c r="AG26" s="238">
        <v>0</v>
      </c>
      <c r="AH26" s="235">
        <v>0</v>
      </c>
      <c r="AI26" s="256">
        <v>0</v>
      </c>
      <c r="AJ26" s="238">
        <v>18</v>
      </c>
      <c r="AK26" s="234">
        <v>23</v>
      </c>
      <c r="AL26" s="234">
        <v>38</v>
      </c>
      <c r="AM26" s="234">
        <v>61</v>
      </c>
      <c r="AN26" s="235">
        <v>29</v>
      </c>
      <c r="AO26" s="256">
        <v>169</v>
      </c>
      <c r="AP26" s="237">
        <v>169</v>
      </c>
      <c r="AQ26" s="238">
        <v>0</v>
      </c>
      <c r="AR26" s="235">
        <v>0</v>
      </c>
      <c r="AS26" s="256">
        <v>0</v>
      </c>
      <c r="AT26" s="236">
        <v>18</v>
      </c>
      <c r="AU26" s="234">
        <v>23</v>
      </c>
      <c r="AV26" s="234">
        <v>38</v>
      </c>
      <c r="AW26" s="234">
        <v>61</v>
      </c>
      <c r="AX26" s="235">
        <v>29</v>
      </c>
      <c r="AY26" s="256">
        <v>169</v>
      </c>
      <c r="AZ26" s="257">
        <v>169</v>
      </c>
      <c r="BA26" s="233">
        <v>0</v>
      </c>
      <c r="BB26" s="235">
        <v>0</v>
      </c>
      <c r="BC26" s="235">
        <v>0</v>
      </c>
      <c r="BD26" s="236">
        <v>0</v>
      </c>
      <c r="BE26" s="234">
        <v>0</v>
      </c>
      <c r="BF26" s="234">
        <v>0</v>
      </c>
      <c r="BG26" s="234">
        <v>0</v>
      </c>
      <c r="BH26" s="235">
        <v>0</v>
      </c>
      <c r="BI26" s="256">
        <v>0</v>
      </c>
      <c r="BJ26" s="258">
        <v>0</v>
      </c>
      <c r="BK26" s="238">
        <v>0</v>
      </c>
      <c r="BL26" s="235">
        <v>0</v>
      </c>
      <c r="BM26" s="235">
        <v>0</v>
      </c>
      <c r="BN26" s="236">
        <v>0</v>
      </c>
      <c r="BO26" s="234">
        <v>0</v>
      </c>
      <c r="BP26" s="234">
        <v>0</v>
      </c>
      <c r="BQ26" s="234">
        <v>0</v>
      </c>
      <c r="BR26" s="235">
        <v>2</v>
      </c>
      <c r="BS26" s="256">
        <v>2</v>
      </c>
      <c r="BT26" s="257">
        <v>2</v>
      </c>
      <c r="BU26" s="233">
        <v>0</v>
      </c>
      <c r="BV26" s="235">
        <v>0</v>
      </c>
      <c r="BW26" s="235">
        <v>0</v>
      </c>
      <c r="BX26" s="236">
        <v>0</v>
      </c>
      <c r="BY26" s="234">
        <v>0</v>
      </c>
      <c r="BZ26" s="234">
        <v>0</v>
      </c>
      <c r="CA26" s="234">
        <v>0</v>
      </c>
      <c r="CB26" s="235">
        <v>2</v>
      </c>
      <c r="CC26" s="256">
        <v>2</v>
      </c>
      <c r="CD26" s="258">
        <v>2</v>
      </c>
      <c r="CE26" s="238">
        <v>0</v>
      </c>
      <c r="CF26" s="235">
        <v>0</v>
      </c>
      <c r="CG26" s="235">
        <v>0</v>
      </c>
      <c r="CH26" s="236">
        <v>0</v>
      </c>
      <c r="CI26" s="234">
        <v>0</v>
      </c>
      <c r="CJ26" s="234">
        <v>0</v>
      </c>
      <c r="CK26" s="234">
        <v>0</v>
      </c>
      <c r="CL26" s="235">
        <v>0</v>
      </c>
      <c r="CM26" s="256">
        <v>0</v>
      </c>
      <c r="CN26" s="258">
        <v>0</v>
      </c>
      <c r="CO26" s="238">
        <v>0</v>
      </c>
      <c r="CP26" s="235">
        <v>0</v>
      </c>
      <c r="CQ26" s="235">
        <v>0</v>
      </c>
      <c r="CR26" s="236">
        <v>0</v>
      </c>
      <c r="CS26" s="234">
        <v>0</v>
      </c>
      <c r="CT26" s="234">
        <v>0</v>
      </c>
      <c r="CU26" s="234">
        <v>4</v>
      </c>
      <c r="CV26" s="235">
        <v>9</v>
      </c>
      <c r="CW26" s="256">
        <v>13</v>
      </c>
      <c r="CX26" s="257">
        <v>13</v>
      </c>
      <c r="CY26" s="233">
        <v>0</v>
      </c>
      <c r="CZ26" s="235">
        <v>0</v>
      </c>
      <c r="DA26" s="235">
        <v>0</v>
      </c>
      <c r="DB26" s="236">
        <v>0</v>
      </c>
      <c r="DC26" s="234">
        <v>0</v>
      </c>
      <c r="DD26" s="234">
        <v>0</v>
      </c>
      <c r="DE26" s="234">
        <v>4</v>
      </c>
      <c r="DF26" s="235">
        <v>9</v>
      </c>
      <c r="DG26" s="256">
        <v>13</v>
      </c>
      <c r="DH26" s="258">
        <v>13</v>
      </c>
      <c r="DI26" s="238">
        <v>0</v>
      </c>
      <c r="DJ26" s="235">
        <v>0</v>
      </c>
      <c r="DK26" s="235">
        <v>0</v>
      </c>
      <c r="DL26" s="236">
        <v>0</v>
      </c>
      <c r="DM26" s="234">
        <v>0</v>
      </c>
      <c r="DN26" s="234">
        <v>0</v>
      </c>
      <c r="DO26" s="234">
        <v>0</v>
      </c>
      <c r="DP26" s="235">
        <v>0</v>
      </c>
      <c r="DQ26" s="256">
        <v>0</v>
      </c>
      <c r="DR26" s="258">
        <v>0</v>
      </c>
      <c r="DS26" s="238">
        <v>0</v>
      </c>
      <c r="DT26" s="235">
        <v>0</v>
      </c>
      <c r="DU26" s="235">
        <v>0</v>
      </c>
      <c r="DV26" s="236">
        <v>20</v>
      </c>
      <c r="DW26" s="234">
        <v>37</v>
      </c>
      <c r="DX26" s="234">
        <v>130</v>
      </c>
      <c r="DY26" s="234">
        <v>193</v>
      </c>
      <c r="DZ26" s="235">
        <v>135</v>
      </c>
      <c r="EA26" s="256">
        <v>515</v>
      </c>
      <c r="EB26" s="258">
        <v>515</v>
      </c>
      <c r="EC26" s="255"/>
    </row>
    <row r="27" spans="2:133" ht="21" customHeight="1" x14ac:dyDescent="0.2">
      <c r="B27" s="173" t="s">
        <v>24</v>
      </c>
      <c r="C27" s="233">
        <v>0</v>
      </c>
      <c r="D27" s="235">
        <v>0</v>
      </c>
      <c r="E27" s="235">
        <v>0</v>
      </c>
      <c r="F27" s="236">
        <v>0</v>
      </c>
      <c r="G27" s="234">
        <v>0</v>
      </c>
      <c r="H27" s="234">
        <v>27</v>
      </c>
      <c r="I27" s="234">
        <v>90</v>
      </c>
      <c r="J27" s="235">
        <v>50</v>
      </c>
      <c r="K27" s="256">
        <v>167</v>
      </c>
      <c r="L27" s="257">
        <v>167</v>
      </c>
      <c r="M27" s="233">
        <v>0</v>
      </c>
      <c r="N27" s="235">
        <v>0</v>
      </c>
      <c r="O27" s="256">
        <v>0</v>
      </c>
      <c r="P27" s="236">
        <v>0</v>
      </c>
      <c r="Q27" s="234">
        <v>0</v>
      </c>
      <c r="R27" s="234">
        <v>27</v>
      </c>
      <c r="S27" s="234">
        <v>90</v>
      </c>
      <c r="T27" s="235">
        <v>50</v>
      </c>
      <c r="U27" s="256">
        <v>167</v>
      </c>
      <c r="V27" s="258">
        <v>167</v>
      </c>
      <c r="W27" s="238">
        <v>0</v>
      </c>
      <c r="X27" s="235">
        <v>0</v>
      </c>
      <c r="Y27" s="256">
        <v>0</v>
      </c>
      <c r="Z27" s="238">
        <v>0</v>
      </c>
      <c r="AA27" s="234">
        <v>0</v>
      </c>
      <c r="AB27" s="234">
        <v>0</v>
      </c>
      <c r="AC27" s="234">
        <v>0</v>
      </c>
      <c r="AD27" s="235">
        <v>0</v>
      </c>
      <c r="AE27" s="256">
        <v>0</v>
      </c>
      <c r="AF27" s="237">
        <v>0</v>
      </c>
      <c r="AG27" s="238">
        <v>0</v>
      </c>
      <c r="AH27" s="235">
        <v>0</v>
      </c>
      <c r="AI27" s="256">
        <v>0</v>
      </c>
      <c r="AJ27" s="238">
        <v>15</v>
      </c>
      <c r="AK27" s="234">
        <v>10</v>
      </c>
      <c r="AL27" s="234">
        <v>21</v>
      </c>
      <c r="AM27" s="234">
        <v>25</v>
      </c>
      <c r="AN27" s="235">
        <v>10</v>
      </c>
      <c r="AO27" s="256">
        <v>81</v>
      </c>
      <c r="AP27" s="237">
        <v>81</v>
      </c>
      <c r="AQ27" s="238">
        <v>0</v>
      </c>
      <c r="AR27" s="235">
        <v>0</v>
      </c>
      <c r="AS27" s="256">
        <v>0</v>
      </c>
      <c r="AT27" s="236">
        <v>15</v>
      </c>
      <c r="AU27" s="234">
        <v>10</v>
      </c>
      <c r="AV27" s="234">
        <v>20</v>
      </c>
      <c r="AW27" s="234">
        <v>24</v>
      </c>
      <c r="AX27" s="235">
        <v>10</v>
      </c>
      <c r="AY27" s="256">
        <v>79</v>
      </c>
      <c r="AZ27" s="257">
        <v>79</v>
      </c>
      <c r="BA27" s="233">
        <v>0</v>
      </c>
      <c r="BB27" s="235">
        <v>0</v>
      </c>
      <c r="BC27" s="235">
        <v>0</v>
      </c>
      <c r="BD27" s="236">
        <v>0</v>
      </c>
      <c r="BE27" s="234">
        <v>0</v>
      </c>
      <c r="BF27" s="234">
        <v>1</v>
      </c>
      <c r="BG27" s="234">
        <v>1</v>
      </c>
      <c r="BH27" s="235">
        <v>0</v>
      </c>
      <c r="BI27" s="256">
        <v>2</v>
      </c>
      <c r="BJ27" s="258">
        <v>2</v>
      </c>
      <c r="BK27" s="238">
        <v>0</v>
      </c>
      <c r="BL27" s="235">
        <v>0</v>
      </c>
      <c r="BM27" s="235">
        <v>0</v>
      </c>
      <c r="BN27" s="236">
        <v>0</v>
      </c>
      <c r="BO27" s="234">
        <v>0</v>
      </c>
      <c r="BP27" s="234">
        <v>0</v>
      </c>
      <c r="BQ27" s="234">
        <v>0</v>
      </c>
      <c r="BR27" s="235">
        <v>0</v>
      </c>
      <c r="BS27" s="256">
        <v>0</v>
      </c>
      <c r="BT27" s="257">
        <v>0</v>
      </c>
      <c r="BU27" s="233">
        <v>0</v>
      </c>
      <c r="BV27" s="235">
        <v>0</v>
      </c>
      <c r="BW27" s="235">
        <v>0</v>
      </c>
      <c r="BX27" s="236">
        <v>0</v>
      </c>
      <c r="BY27" s="234">
        <v>0</v>
      </c>
      <c r="BZ27" s="234">
        <v>0</v>
      </c>
      <c r="CA27" s="234">
        <v>0</v>
      </c>
      <c r="CB27" s="235">
        <v>0</v>
      </c>
      <c r="CC27" s="256">
        <v>0</v>
      </c>
      <c r="CD27" s="258">
        <v>0</v>
      </c>
      <c r="CE27" s="238">
        <v>0</v>
      </c>
      <c r="CF27" s="235">
        <v>0</v>
      </c>
      <c r="CG27" s="235">
        <v>0</v>
      </c>
      <c r="CH27" s="236">
        <v>0</v>
      </c>
      <c r="CI27" s="234">
        <v>0</v>
      </c>
      <c r="CJ27" s="234">
        <v>0</v>
      </c>
      <c r="CK27" s="234">
        <v>0</v>
      </c>
      <c r="CL27" s="235">
        <v>0</v>
      </c>
      <c r="CM27" s="256">
        <v>0</v>
      </c>
      <c r="CN27" s="258">
        <v>0</v>
      </c>
      <c r="CO27" s="238">
        <v>0</v>
      </c>
      <c r="CP27" s="235">
        <v>0</v>
      </c>
      <c r="CQ27" s="235">
        <v>0</v>
      </c>
      <c r="CR27" s="236">
        <v>0</v>
      </c>
      <c r="CS27" s="234">
        <v>0</v>
      </c>
      <c r="CT27" s="234">
        <v>0</v>
      </c>
      <c r="CU27" s="234">
        <v>0</v>
      </c>
      <c r="CV27" s="235">
        <v>0</v>
      </c>
      <c r="CW27" s="256">
        <v>0</v>
      </c>
      <c r="CX27" s="257">
        <v>0</v>
      </c>
      <c r="CY27" s="233">
        <v>0</v>
      </c>
      <c r="CZ27" s="235">
        <v>0</v>
      </c>
      <c r="DA27" s="235">
        <v>0</v>
      </c>
      <c r="DB27" s="236">
        <v>0</v>
      </c>
      <c r="DC27" s="234">
        <v>0</v>
      </c>
      <c r="DD27" s="234">
        <v>0</v>
      </c>
      <c r="DE27" s="234">
        <v>0</v>
      </c>
      <c r="DF27" s="235">
        <v>0</v>
      </c>
      <c r="DG27" s="256">
        <v>0</v>
      </c>
      <c r="DH27" s="258">
        <v>0</v>
      </c>
      <c r="DI27" s="238">
        <v>0</v>
      </c>
      <c r="DJ27" s="235">
        <v>0</v>
      </c>
      <c r="DK27" s="235">
        <v>0</v>
      </c>
      <c r="DL27" s="236">
        <v>0</v>
      </c>
      <c r="DM27" s="234">
        <v>0</v>
      </c>
      <c r="DN27" s="234">
        <v>0</v>
      </c>
      <c r="DO27" s="234">
        <v>0</v>
      </c>
      <c r="DP27" s="235">
        <v>0</v>
      </c>
      <c r="DQ27" s="256">
        <v>0</v>
      </c>
      <c r="DR27" s="258">
        <v>0</v>
      </c>
      <c r="DS27" s="238">
        <v>0</v>
      </c>
      <c r="DT27" s="235">
        <v>0</v>
      </c>
      <c r="DU27" s="235">
        <v>0</v>
      </c>
      <c r="DV27" s="236">
        <v>15</v>
      </c>
      <c r="DW27" s="234">
        <v>10</v>
      </c>
      <c r="DX27" s="234">
        <v>48</v>
      </c>
      <c r="DY27" s="234">
        <v>115</v>
      </c>
      <c r="DZ27" s="235">
        <v>59</v>
      </c>
      <c r="EA27" s="256">
        <v>247</v>
      </c>
      <c r="EB27" s="258">
        <v>247</v>
      </c>
      <c r="EC27" s="255"/>
    </row>
    <row r="28" spans="2:133" ht="21" customHeight="1" x14ac:dyDescent="0.2">
      <c r="B28" s="173" t="s">
        <v>25</v>
      </c>
      <c r="C28" s="233">
        <v>0</v>
      </c>
      <c r="D28" s="235">
        <v>0</v>
      </c>
      <c r="E28" s="235">
        <v>0</v>
      </c>
      <c r="F28" s="236">
        <v>0</v>
      </c>
      <c r="G28" s="234">
        <v>4</v>
      </c>
      <c r="H28" s="234">
        <v>58</v>
      </c>
      <c r="I28" s="234">
        <v>84</v>
      </c>
      <c r="J28" s="235">
        <v>47</v>
      </c>
      <c r="K28" s="256">
        <v>193</v>
      </c>
      <c r="L28" s="257">
        <v>193</v>
      </c>
      <c r="M28" s="233">
        <v>0</v>
      </c>
      <c r="N28" s="235">
        <v>0</v>
      </c>
      <c r="O28" s="256">
        <v>0</v>
      </c>
      <c r="P28" s="236">
        <v>0</v>
      </c>
      <c r="Q28" s="234">
        <v>4</v>
      </c>
      <c r="R28" s="234">
        <v>58</v>
      </c>
      <c r="S28" s="234">
        <v>83</v>
      </c>
      <c r="T28" s="235">
        <v>42</v>
      </c>
      <c r="U28" s="256">
        <v>187</v>
      </c>
      <c r="V28" s="258">
        <v>187</v>
      </c>
      <c r="W28" s="238">
        <v>0</v>
      </c>
      <c r="X28" s="235">
        <v>0</v>
      </c>
      <c r="Y28" s="256">
        <v>0</v>
      </c>
      <c r="Z28" s="238">
        <v>0</v>
      </c>
      <c r="AA28" s="234">
        <v>0</v>
      </c>
      <c r="AB28" s="234">
        <v>0</v>
      </c>
      <c r="AC28" s="234">
        <v>1</v>
      </c>
      <c r="AD28" s="235">
        <v>5</v>
      </c>
      <c r="AE28" s="256">
        <v>6</v>
      </c>
      <c r="AF28" s="237">
        <v>6</v>
      </c>
      <c r="AG28" s="238">
        <v>0</v>
      </c>
      <c r="AH28" s="235">
        <v>0</v>
      </c>
      <c r="AI28" s="256">
        <v>0</v>
      </c>
      <c r="AJ28" s="238">
        <v>14</v>
      </c>
      <c r="AK28" s="234">
        <v>26</v>
      </c>
      <c r="AL28" s="234">
        <v>18</v>
      </c>
      <c r="AM28" s="234">
        <v>45</v>
      </c>
      <c r="AN28" s="235">
        <v>14</v>
      </c>
      <c r="AO28" s="256">
        <v>117</v>
      </c>
      <c r="AP28" s="237">
        <v>117</v>
      </c>
      <c r="AQ28" s="238">
        <v>0</v>
      </c>
      <c r="AR28" s="235">
        <v>0</v>
      </c>
      <c r="AS28" s="256">
        <v>0</v>
      </c>
      <c r="AT28" s="236">
        <v>14</v>
      </c>
      <c r="AU28" s="234">
        <v>26</v>
      </c>
      <c r="AV28" s="234">
        <v>18</v>
      </c>
      <c r="AW28" s="234">
        <v>44</v>
      </c>
      <c r="AX28" s="235">
        <v>14</v>
      </c>
      <c r="AY28" s="256">
        <v>116</v>
      </c>
      <c r="AZ28" s="257">
        <v>116</v>
      </c>
      <c r="BA28" s="233">
        <v>0</v>
      </c>
      <c r="BB28" s="235">
        <v>0</v>
      </c>
      <c r="BC28" s="235">
        <v>0</v>
      </c>
      <c r="BD28" s="236">
        <v>0</v>
      </c>
      <c r="BE28" s="234">
        <v>0</v>
      </c>
      <c r="BF28" s="234">
        <v>0</v>
      </c>
      <c r="BG28" s="234">
        <v>1</v>
      </c>
      <c r="BH28" s="235">
        <v>0</v>
      </c>
      <c r="BI28" s="256">
        <v>1</v>
      </c>
      <c r="BJ28" s="258">
        <v>1</v>
      </c>
      <c r="BK28" s="238">
        <v>0</v>
      </c>
      <c r="BL28" s="235">
        <v>0</v>
      </c>
      <c r="BM28" s="235">
        <v>0</v>
      </c>
      <c r="BN28" s="236">
        <v>0</v>
      </c>
      <c r="BO28" s="234">
        <v>0</v>
      </c>
      <c r="BP28" s="234">
        <v>0</v>
      </c>
      <c r="BQ28" s="234">
        <v>0</v>
      </c>
      <c r="BR28" s="235">
        <v>0</v>
      </c>
      <c r="BS28" s="256">
        <v>0</v>
      </c>
      <c r="BT28" s="257">
        <v>0</v>
      </c>
      <c r="BU28" s="233">
        <v>0</v>
      </c>
      <c r="BV28" s="235">
        <v>0</v>
      </c>
      <c r="BW28" s="235">
        <v>0</v>
      </c>
      <c r="BX28" s="236">
        <v>0</v>
      </c>
      <c r="BY28" s="234">
        <v>0</v>
      </c>
      <c r="BZ28" s="234">
        <v>0</v>
      </c>
      <c r="CA28" s="234">
        <v>0</v>
      </c>
      <c r="CB28" s="235">
        <v>0</v>
      </c>
      <c r="CC28" s="256">
        <v>0</v>
      </c>
      <c r="CD28" s="258">
        <v>0</v>
      </c>
      <c r="CE28" s="238">
        <v>0</v>
      </c>
      <c r="CF28" s="235">
        <v>0</v>
      </c>
      <c r="CG28" s="235">
        <v>0</v>
      </c>
      <c r="CH28" s="236">
        <v>0</v>
      </c>
      <c r="CI28" s="234">
        <v>0</v>
      </c>
      <c r="CJ28" s="234">
        <v>0</v>
      </c>
      <c r="CK28" s="234">
        <v>0</v>
      </c>
      <c r="CL28" s="235">
        <v>0</v>
      </c>
      <c r="CM28" s="256">
        <v>0</v>
      </c>
      <c r="CN28" s="258">
        <v>0</v>
      </c>
      <c r="CO28" s="238">
        <v>0</v>
      </c>
      <c r="CP28" s="235">
        <v>0</v>
      </c>
      <c r="CQ28" s="235">
        <v>0</v>
      </c>
      <c r="CR28" s="236">
        <v>0</v>
      </c>
      <c r="CS28" s="234">
        <v>0</v>
      </c>
      <c r="CT28" s="234">
        <v>0</v>
      </c>
      <c r="CU28" s="234">
        <v>0</v>
      </c>
      <c r="CV28" s="235">
        <v>2</v>
      </c>
      <c r="CW28" s="256">
        <v>2</v>
      </c>
      <c r="CX28" s="257">
        <v>2</v>
      </c>
      <c r="CY28" s="233">
        <v>0</v>
      </c>
      <c r="CZ28" s="235">
        <v>0</v>
      </c>
      <c r="DA28" s="235">
        <v>0</v>
      </c>
      <c r="DB28" s="236">
        <v>0</v>
      </c>
      <c r="DC28" s="234">
        <v>0</v>
      </c>
      <c r="DD28" s="234">
        <v>0</v>
      </c>
      <c r="DE28" s="234">
        <v>0</v>
      </c>
      <c r="DF28" s="235">
        <v>2</v>
      </c>
      <c r="DG28" s="256">
        <v>2</v>
      </c>
      <c r="DH28" s="258">
        <v>2</v>
      </c>
      <c r="DI28" s="238">
        <v>0</v>
      </c>
      <c r="DJ28" s="235">
        <v>0</v>
      </c>
      <c r="DK28" s="235">
        <v>0</v>
      </c>
      <c r="DL28" s="236">
        <v>0</v>
      </c>
      <c r="DM28" s="234">
        <v>0</v>
      </c>
      <c r="DN28" s="234">
        <v>0</v>
      </c>
      <c r="DO28" s="234">
        <v>0</v>
      </c>
      <c r="DP28" s="235">
        <v>0</v>
      </c>
      <c r="DQ28" s="256">
        <v>0</v>
      </c>
      <c r="DR28" s="258">
        <v>0</v>
      </c>
      <c r="DS28" s="238">
        <v>0</v>
      </c>
      <c r="DT28" s="235">
        <v>0</v>
      </c>
      <c r="DU28" s="235">
        <v>0</v>
      </c>
      <c r="DV28" s="236">
        <v>14</v>
      </c>
      <c r="DW28" s="234">
        <v>30</v>
      </c>
      <c r="DX28" s="234">
        <v>76</v>
      </c>
      <c r="DY28" s="234">
        <v>129</v>
      </c>
      <c r="DZ28" s="235">
        <v>63</v>
      </c>
      <c r="EA28" s="256">
        <v>312</v>
      </c>
      <c r="EB28" s="258">
        <v>312</v>
      </c>
      <c r="EC28" s="255"/>
    </row>
    <row r="29" spans="2:133" ht="21" customHeight="1" x14ac:dyDescent="0.2">
      <c r="B29" s="173" t="s">
        <v>26</v>
      </c>
      <c r="C29" s="233">
        <v>0</v>
      </c>
      <c r="D29" s="235">
        <v>0</v>
      </c>
      <c r="E29" s="235">
        <v>0</v>
      </c>
      <c r="F29" s="236">
        <v>2</v>
      </c>
      <c r="G29" s="234">
        <v>5</v>
      </c>
      <c r="H29" s="234">
        <v>34</v>
      </c>
      <c r="I29" s="234">
        <v>70</v>
      </c>
      <c r="J29" s="235">
        <v>50</v>
      </c>
      <c r="K29" s="256">
        <v>161</v>
      </c>
      <c r="L29" s="257">
        <v>161</v>
      </c>
      <c r="M29" s="233">
        <v>0</v>
      </c>
      <c r="N29" s="235">
        <v>0</v>
      </c>
      <c r="O29" s="256">
        <v>0</v>
      </c>
      <c r="P29" s="236">
        <v>2</v>
      </c>
      <c r="Q29" s="234">
        <v>5</v>
      </c>
      <c r="R29" s="234">
        <v>34</v>
      </c>
      <c r="S29" s="234">
        <v>68</v>
      </c>
      <c r="T29" s="235">
        <v>50</v>
      </c>
      <c r="U29" s="256">
        <v>159</v>
      </c>
      <c r="V29" s="258">
        <v>159</v>
      </c>
      <c r="W29" s="238">
        <v>0</v>
      </c>
      <c r="X29" s="235">
        <v>0</v>
      </c>
      <c r="Y29" s="256">
        <v>0</v>
      </c>
      <c r="Z29" s="238">
        <v>0</v>
      </c>
      <c r="AA29" s="234">
        <v>0</v>
      </c>
      <c r="AB29" s="234">
        <v>0</v>
      </c>
      <c r="AC29" s="234">
        <v>2</v>
      </c>
      <c r="AD29" s="235">
        <v>0</v>
      </c>
      <c r="AE29" s="256">
        <v>2</v>
      </c>
      <c r="AF29" s="237">
        <v>2</v>
      </c>
      <c r="AG29" s="238">
        <v>0</v>
      </c>
      <c r="AH29" s="235">
        <v>0</v>
      </c>
      <c r="AI29" s="256">
        <v>0</v>
      </c>
      <c r="AJ29" s="238">
        <v>4</v>
      </c>
      <c r="AK29" s="234">
        <v>18</v>
      </c>
      <c r="AL29" s="234">
        <v>31</v>
      </c>
      <c r="AM29" s="234">
        <v>20</v>
      </c>
      <c r="AN29" s="235">
        <v>13</v>
      </c>
      <c r="AO29" s="256">
        <v>86</v>
      </c>
      <c r="AP29" s="237">
        <v>86</v>
      </c>
      <c r="AQ29" s="238">
        <v>0</v>
      </c>
      <c r="AR29" s="235">
        <v>0</v>
      </c>
      <c r="AS29" s="256">
        <v>0</v>
      </c>
      <c r="AT29" s="236">
        <v>4</v>
      </c>
      <c r="AU29" s="234">
        <v>17</v>
      </c>
      <c r="AV29" s="234">
        <v>31</v>
      </c>
      <c r="AW29" s="234">
        <v>19</v>
      </c>
      <c r="AX29" s="235">
        <v>13</v>
      </c>
      <c r="AY29" s="256">
        <v>84</v>
      </c>
      <c r="AZ29" s="257">
        <v>84</v>
      </c>
      <c r="BA29" s="233">
        <v>0</v>
      </c>
      <c r="BB29" s="235">
        <v>0</v>
      </c>
      <c r="BC29" s="235">
        <v>0</v>
      </c>
      <c r="BD29" s="236">
        <v>0</v>
      </c>
      <c r="BE29" s="234">
        <v>1</v>
      </c>
      <c r="BF29" s="234">
        <v>0</v>
      </c>
      <c r="BG29" s="234">
        <v>1</v>
      </c>
      <c r="BH29" s="235">
        <v>0</v>
      </c>
      <c r="BI29" s="256">
        <v>2</v>
      </c>
      <c r="BJ29" s="258">
        <v>2</v>
      </c>
      <c r="BK29" s="238">
        <v>0</v>
      </c>
      <c r="BL29" s="235">
        <v>0</v>
      </c>
      <c r="BM29" s="235">
        <v>0</v>
      </c>
      <c r="BN29" s="236">
        <v>0</v>
      </c>
      <c r="BO29" s="234">
        <v>0</v>
      </c>
      <c r="BP29" s="234">
        <v>0</v>
      </c>
      <c r="BQ29" s="234">
        <v>0</v>
      </c>
      <c r="BR29" s="235">
        <v>0</v>
      </c>
      <c r="BS29" s="256">
        <v>0</v>
      </c>
      <c r="BT29" s="257">
        <v>0</v>
      </c>
      <c r="BU29" s="233">
        <v>0</v>
      </c>
      <c r="BV29" s="235">
        <v>0</v>
      </c>
      <c r="BW29" s="235">
        <v>0</v>
      </c>
      <c r="BX29" s="236">
        <v>0</v>
      </c>
      <c r="BY29" s="234">
        <v>0</v>
      </c>
      <c r="BZ29" s="234">
        <v>0</v>
      </c>
      <c r="CA29" s="234">
        <v>0</v>
      </c>
      <c r="CB29" s="235">
        <v>0</v>
      </c>
      <c r="CC29" s="256">
        <v>0</v>
      </c>
      <c r="CD29" s="258">
        <v>0</v>
      </c>
      <c r="CE29" s="238">
        <v>0</v>
      </c>
      <c r="CF29" s="235">
        <v>0</v>
      </c>
      <c r="CG29" s="235">
        <v>0</v>
      </c>
      <c r="CH29" s="236">
        <v>0</v>
      </c>
      <c r="CI29" s="234">
        <v>0</v>
      </c>
      <c r="CJ29" s="234">
        <v>0</v>
      </c>
      <c r="CK29" s="234">
        <v>0</v>
      </c>
      <c r="CL29" s="235">
        <v>0</v>
      </c>
      <c r="CM29" s="256">
        <v>0</v>
      </c>
      <c r="CN29" s="258">
        <v>0</v>
      </c>
      <c r="CO29" s="238">
        <v>0</v>
      </c>
      <c r="CP29" s="235">
        <v>0</v>
      </c>
      <c r="CQ29" s="235">
        <v>0</v>
      </c>
      <c r="CR29" s="236">
        <v>0</v>
      </c>
      <c r="CS29" s="234">
        <v>0</v>
      </c>
      <c r="CT29" s="234">
        <v>1</v>
      </c>
      <c r="CU29" s="234">
        <v>1</v>
      </c>
      <c r="CV29" s="235">
        <v>2</v>
      </c>
      <c r="CW29" s="256">
        <v>4</v>
      </c>
      <c r="CX29" s="257">
        <v>4</v>
      </c>
      <c r="CY29" s="233">
        <v>0</v>
      </c>
      <c r="CZ29" s="235">
        <v>0</v>
      </c>
      <c r="DA29" s="235">
        <v>0</v>
      </c>
      <c r="DB29" s="236">
        <v>0</v>
      </c>
      <c r="DC29" s="234">
        <v>0</v>
      </c>
      <c r="DD29" s="234">
        <v>1</v>
      </c>
      <c r="DE29" s="234">
        <v>1</v>
      </c>
      <c r="DF29" s="235">
        <v>2</v>
      </c>
      <c r="DG29" s="256">
        <v>4</v>
      </c>
      <c r="DH29" s="258">
        <v>4</v>
      </c>
      <c r="DI29" s="238">
        <v>0</v>
      </c>
      <c r="DJ29" s="235">
        <v>0</v>
      </c>
      <c r="DK29" s="235">
        <v>0</v>
      </c>
      <c r="DL29" s="236">
        <v>0</v>
      </c>
      <c r="DM29" s="234">
        <v>0</v>
      </c>
      <c r="DN29" s="234">
        <v>0</v>
      </c>
      <c r="DO29" s="234">
        <v>0</v>
      </c>
      <c r="DP29" s="235">
        <v>0</v>
      </c>
      <c r="DQ29" s="256">
        <v>0</v>
      </c>
      <c r="DR29" s="258">
        <v>0</v>
      </c>
      <c r="DS29" s="238">
        <v>0</v>
      </c>
      <c r="DT29" s="235">
        <v>0</v>
      </c>
      <c r="DU29" s="235">
        <v>0</v>
      </c>
      <c r="DV29" s="236">
        <v>6</v>
      </c>
      <c r="DW29" s="234">
        <v>23</v>
      </c>
      <c r="DX29" s="234">
        <v>66</v>
      </c>
      <c r="DY29" s="234">
        <v>91</v>
      </c>
      <c r="DZ29" s="235">
        <v>65</v>
      </c>
      <c r="EA29" s="256">
        <v>251</v>
      </c>
      <c r="EB29" s="258">
        <v>251</v>
      </c>
      <c r="EC29" s="255"/>
    </row>
    <row r="30" spans="2:133" ht="21" customHeight="1" x14ac:dyDescent="0.2">
      <c r="B30" s="173" t="s">
        <v>27</v>
      </c>
      <c r="C30" s="233">
        <v>0</v>
      </c>
      <c r="D30" s="235">
        <v>0</v>
      </c>
      <c r="E30" s="235">
        <v>0</v>
      </c>
      <c r="F30" s="236">
        <v>2</v>
      </c>
      <c r="G30" s="234">
        <v>2</v>
      </c>
      <c r="H30" s="234">
        <v>33</v>
      </c>
      <c r="I30" s="234">
        <v>63</v>
      </c>
      <c r="J30" s="235">
        <v>39</v>
      </c>
      <c r="K30" s="256">
        <v>139</v>
      </c>
      <c r="L30" s="257">
        <v>139</v>
      </c>
      <c r="M30" s="233">
        <v>0</v>
      </c>
      <c r="N30" s="235">
        <v>0</v>
      </c>
      <c r="O30" s="256">
        <v>0</v>
      </c>
      <c r="P30" s="236">
        <v>2</v>
      </c>
      <c r="Q30" s="234">
        <v>2</v>
      </c>
      <c r="R30" s="234">
        <v>32</v>
      </c>
      <c r="S30" s="234">
        <v>63</v>
      </c>
      <c r="T30" s="235">
        <v>39</v>
      </c>
      <c r="U30" s="256">
        <v>138</v>
      </c>
      <c r="V30" s="258">
        <v>138</v>
      </c>
      <c r="W30" s="238">
        <v>0</v>
      </c>
      <c r="X30" s="235">
        <v>0</v>
      </c>
      <c r="Y30" s="256">
        <v>0</v>
      </c>
      <c r="Z30" s="238">
        <v>0</v>
      </c>
      <c r="AA30" s="234">
        <v>0</v>
      </c>
      <c r="AB30" s="234">
        <v>1</v>
      </c>
      <c r="AC30" s="234">
        <v>0</v>
      </c>
      <c r="AD30" s="235">
        <v>0</v>
      </c>
      <c r="AE30" s="256">
        <v>1</v>
      </c>
      <c r="AF30" s="237">
        <v>1</v>
      </c>
      <c r="AG30" s="238">
        <v>0</v>
      </c>
      <c r="AH30" s="235">
        <v>0</v>
      </c>
      <c r="AI30" s="256">
        <v>0</v>
      </c>
      <c r="AJ30" s="238">
        <v>10</v>
      </c>
      <c r="AK30" s="234">
        <v>17</v>
      </c>
      <c r="AL30" s="234">
        <v>17</v>
      </c>
      <c r="AM30" s="234">
        <v>18</v>
      </c>
      <c r="AN30" s="235">
        <v>17</v>
      </c>
      <c r="AO30" s="256">
        <v>79</v>
      </c>
      <c r="AP30" s="237">
        <v>79</v>
      </c>
      <c r="AQ30" s="238">
        <v>0</v>
      </c>
      <c r="AR30" s="235">
        <v>0</v>
      </c>
      <c r="AS30" s="256">
        <v>0</v>
      </c>
      <c r="AT30" s="236">
        <v>10</v>
      </c>
      <c r="AU30" s="234">
        <v>15</v>
      </c>
      <c r="AV30" s="234">
        <v>17</v>
      </c>
      <c r="AW30" s="234">
        <v>17</v>
      </c>
      <c r="AX30" s="235">
        <v>17</v>
      </c>
      <c r="AY30" s="256">
        <v>76</v>
      </c>
      <c r="AZ30" s="257">
        <v>76</v>
      </c>
      <c r="BA30" s="233">
        <v>0</v>
      </c>
      <c r="BB30" s="235">
        <v>0</v>
      </c>
      <c r="BC30" s="235">
        <v>0</v>
      </c>
      <c r="BD30" s="236">
        <v>0</v>
      </c>
      <c r="BE30" s="234">
        <v>2</v>
      </c>
      <c r="BF30" s="234">
        <v>0</v>
      </c>
      <c r="BG30" s="234">
        <v>1</v>
      </c>
      <c r="BH30" s="235">
        <v>0</v>
      </c>
      <c r="BI30" s="256">
        <v>3</v>
      </c>
      <c r="BJ30" s="258">
        <v>3</v>
      </c>
      <c r="BK30" s="238">
        <v>0</v>
      </c>
      <c r="BL30" s="235">
        <v>0</v>
      </c>
      <c r="BM30" s="235">
        <v>0</v>
      </c>
      <c r="BN30" s="236">
        <v>0</v>
      </c>
      <c r="BO30" s="234">
        <v>0</v>
      </c>
      <c r="BP30" s="234">
        <v>0</v>
      </c>
      <c r="BQ30" s="234">
        <v>0</v>
      </c>
      <c r="BR30" s="235">
        <v>0</v>
      </c>
      <c r="BS30" s="256">
        <v>0</v>
      </c>
      <c r="BT30" s="257">
        <v>0</v>
      </c>
      <c r="BU30" s="233">
        <v>0</v>
      </c>
      <c r="BV30" s="235">
        <v>0</v>
      </c>
      <c r="BW30" s="235">
        <v>0</v>
      </c>
      <c r="BX30" s="236">
        <v>0</v>
      </c>
      <c r="BY30" s="234">
        <v>0</v>
      </c>
      <c r="BZ30" s="234">
        <v>0</v>
      </c>
      <c r="CA30" s="234">
        <v>0</v>
      </c>
      <c r="CB30" s="235">
        <v>0</v>
      </c>
      <c r="CC30" s="256">
        <v>0</v>
      </c>
      <c r="CD30" s="258">
        <v>0</v>
      </c>
      <c r="CE30" s="238">
        <v>0</v>
      </c>
      <c r="CF30" s="235">
        <v>0</v>
      </c>
      <c r="CG30" s="235">
        <v>0</v>
      </c>
      <c r="CH30" s="236">
        <v>0</v>
      </c>
      <c r="CI30" s="234">
        <v>0</v>
      </c>
      <c r="CJ30" s="234">
        <v>0</v>
      </c>
      <c r="CK30" s="234">
        <v>0</v>
      </c>
      <c r="CL30" s="235">
        <v>0</v>
      </c>
      <c r="CM30" s="256">
        <v>0</v>
      </c>
      <c r="CN30" s="258">
        <v>0</v>
      </c>
      <c r="CO30" s="238">
        <v>0</v>
      </c>
      <c r="CP30" s="235">
        <v>0</v>
      </c>
      <c r="CQ30" s="235">
        <v>0</v>
      </c>
      <c r="CR30" s="236">
        <v>0</v>
      </c>
      <c r="CS30" s="234">
        <v>0</v>
      </c>
      <c r="CT30" s="234">
        <v>0</v>
      </c>
      <c r="CU30" s="234">
        <v>2</v>
      </c>
      <c r="CV30" s="235">
        <v>2</v>
      </c>
      <c r="CW30" s="256">
        <v>4</v>
      </c>
      <c r="CX30" s="257">
        <v>4</v>
      </c>
      <c r="CY30" s="233">
        <v>0</v>
      </c>
      <c r="CZ30" s="235">
        <v>0</v>
      </c>
      <c r="DA30" s="235">
        <v>0</v>
      </c>
      <c r="DB30" s="236">
        <v>0</v>
      </c>
      <c r="DC30" s="234">
        <v>0</v>
      </c>
      <c r="DD30" s="234">
        <v>0</v>
      </c>
      <c r="DE30" s="234">
        <v>1</v>
      </c>
      <c r="DF30" s="235">
        <v>2</v>
      </c>
      <c r="DG30" s="256">
        <v>3</v>
      </c>
      <c r="DH30" s="258">
        <v>3</v>
      </c>
      <c r="DI30" s="238">
        <v>0</v>
      </c>
      <c r="DJ30" s="235">
        <v>0</v>
      </c>
      <c r="DK30" s="235">
        <v>0</v>
      </c>
      <c r="DL30" s="236">
        <v>0</v>
      </c>
      <c r="DM30" s="234">
        <v>0</v>
      </c>
      <c r="DN30" s="234">
        <v>0</v>
      </c>
      <c r="DO30" s="234">
        <v>1</v>
      </c>
      <c r="DP30" s="235">
        <v>0</v>
      </c>
      <c r="DQ30" s="256">
        <v>1</v>
      </c>
      <c r="DR30" s="258">
        <v>1</v>
      </c>
      <c r="DS30" s="238">
        <v>0</v>
      </c>
      <c r="DT30" s="235">
        <v>0</v>
      </c>
      <c r="DU30" s="235">
        <v>0</v>
      </c>
      <c r="DV30" s="236">
        <v>12</v>
      </c>
      <c r="DW30" s="234">
        <v>19</v>
      </c>
      <c r="DX30" s="234">
        <v>50</v>
      </c>
      <c r="DY30" s="234">
        <v>83</v>
      </c>
      <c r="DZ30" s="235">
        <v>58</v>
      </c>
      <c r="EA30" s="256">
        <v>222</v>
      </c>
      <c r="EB30" s="258">
        <v>222</v>
      </c>
      <c r="EC30" s="255"/>
    </row>
    <row r="31" spans="2:133" ht="21" customHeight="1" x14ac:dyDescent="0.2">
      <c r="B31" s="173" t="s">
        <v>28</v>
      </c>
      <c r="C31" s="233">
        <v>0</v>
      </c>
      <c r="D31" s="235">
        <v>0</v>
      </c>
      <c r="E31" s="235">
        <v>0</v>
      </c>
      <c r="F31" s="236">
        <v>0</v>
      </c>
      <c r="G31" s="234">
        <v>1</v>
      </c>
      <c r="H31" s="234">
        <v>10</v>
      </c>
      <c r="I31" s="234">
        <v>19</v>
      </c>
      <c r="J31" s="235">
        <v>19</v>
      </c>
      <c r="K31" s="256">
        <v>49</v>
      </c>
      <c r="L31" s="257">
        <v>49</v>
      </c>
      <c r="M31" s="233">
        <v>0</v>
      </c>
      <c r="N31" s="235">
        <v>0</v>
      </c>
      <c r="O31" s="256">
        <v>0</v>
      </c>
      <c r="P31" s="236">
        <v>0</v>
      </c>
      <c r="Q31" s="234">
        <v>1</v>
      </c>
      <c r="R31" s="234">
        <v>10</v>
      </c>
      <c r="S31" s="234">
        <v>19</v>
      </c>
      <c r="T31" s="235">
        <v>18</v>
      </c>
      <c r="U31" s="256">
        <v>48</v>
      </c>
      <c r="V31" s="258">
        <v>48</v>
      </c>
      <c r="W31" s="238">
        <v>0</v>
      </c>
      <c r="X31" s="235">
        <v>0</v>
      </c>
      <c r="Y31" s="256">
        <v>0</v>
      </c>
      <c r="Z31" s="238">
        <v>0</v>
      </c>
      <c r="AA31" s="234">
        <v>0</v>
      </c>
      <c r="AB31" s="234">
        <v>0</v>
      </c>
      <c r="AC31" s="234">
        <v>0</v>
      </c>
      <c r="AD31" s="235">
        <v>1</v>
      </c>
      <c r="AE31" s="256">
        <v>1</v>
      </c>
      <c r="AF31" s="237">
        <v>1</v>
      </c>
      <c r="AG31" s="238">
        <v>0</v>
      </c>
      <c r="AH31" s="235">
        <v>0</v>
      </c>
      <c r="AI31" s="256">
        <v>0</v>
      </c>
      <c r="AJ31" s="238">
        <v>2</v>
      </c>
      <c r="AK31" s="234">
        <v>8</v>
      </c>
      <c r="AL31" s="234">
        <v>12</v>
      </c>
      <c r="AM31" s="234">
        <v>8</v>
      </c>
      <c r="AN31" s="235">
        <v>2</v>
      </c>
      <c r="AO31" s="256">
        <v>32</v>
      </c>
      <c r="AP31" s="237">
        <v>32</v>
      </c>
      <c r="AQ31" s="238">
        <v>0</v>
      </c>
      <c r="AR31" s="235">
        <v>0</v>
      </c>
      <c r="AS31" s="256">
        <v>0</v>
      </c>
      <c r="AT31" s="236">
        <v>2</v>
      </c>
      <c r="AU31" s="234">
        <v>8</v>
      </c>
      <c r="AV31" s="234">
        <v>12</v>
      </c>
      <c r="AW31" s="234">
        <v>8</v>
      </c>
      <c r="AX31" s="235">
        <v>2</v>
      </c>
      <c r="AY31" s="256">
        <v>32</v>
      </c>
      <c r="AZ31" s="257">
        <v>32</v>
      </c>
      <c r="BA31" s="233">
        <v>0</v>
      </c>
      <c r="BB31" s="235">
        <v>0</v>
      </c>
      <c r="BC31" s="235">
        <v>0</v>
      </c>
      <c r="BD31" s="236">
        <v>0</v>
      </c>
      <c r="BE31" s="234">
        <v>0</v>
      </c>
      <c r="BF31" s="234">
        <v>0</v>
      </c>
      <c r="BG31" s="234">
        <v>0</v>
      </c>
      <c r="BH31" s="235">
        <v>0</v>
      </c>
      <c r="BI31" s="256">
        <v>0</v>
      </c>
      <c r="BJ31" s="258">
        <v>0</v>
      </c>
      <c r="BK31" s="238">
        <v>0</v>
      </c>
      <c r="BL31" s="235">
        <v>0</v>
      </c>
      <c r="BM31" s="235">
        <v>0</v>
      </c>
      <c r="BN31" s="236">
        <v>0</v>
      </c>
      <c r="BO31" s="234">
        <v>0</v>
      </c>
      <c r="BP31" s="234">
        <v>0</v>
      </c>
      <c r="BQ31" s="234">
        <v>0</v>
      </c>
      <c r="BR31" s="235">
        <v>0</v>
      </c>
      <c r="BS31" s="256">
        <v>0</v>
      </c>
      <c r="BT31" s="257">
        <v>0</v>
      </c>
      <c r="BU31" s="233">
        <v>0</v>
      </c>
      <c r="BV31" s="235">
        <v>0</v>
      </c>
      <c r="BW31" s="235">
        <v>0</v>
      </c>
      <c r="BX31" s="236">
        <v>0</v>
      </c>
      <c r="BY31" s="234">
        <v>0</v>
      </c>
      <c r="BZ31" s="234">
        <v>0</v>
      </c>
      <c r="CA31" s="234">
        <v>0</v>
      </c>
      <c r="CB31" s="235">
        <v>0</v>
      </c>
      <c r="CC31" s="256">
        <v>0</v>
      </c>
      <c r="CD31" s="258">
        <v>0</v>
      </c>
      <c r="CE31" s="238">
        <v>0</v>
      </c>
      <c r="CF31" s="235">
        <v>0</v>
      </c>
      <c r="CG31" s="235">
        <v>0</v>
      </c>
      <c r="CH31" s="236">
        <v>0</v>
      </c>
      <c r="CI31" s="234">
        <v>0</v>
      </c>
      <c r="CJ31" s="234">
        <v>0</v>
      </c>
      <c r="CK31" s="234">
        <v>0</v>
      </c>
      <c r="CL31" s="235">
        <v>0</v>
      </c>
      <c r="CM31" s="256">
        <v>0</v>
      </c>
      <c r="CN31" s="258">
        <v>0</v>
      </c>
      <c r="CO31" s="238">
        <v>0</v>
      </c>
      <c r="CP31" s="235">
        <v>0</v>
      </c>
      <c r="CQ31" s="235">
        <v>0</v>
      </c>
      <c r="CR31" s="236">
        <v>0</v>
      </c>
      <c r="CS31" s="234">
        <v>0</v>
      </c>
      <c r="CT31" s="234">
        <v>0</v>
      </c>
      <c r="CU31" s="234">
        <v>0</v>
      </c>
      <c r="CV31" s="235">
        <v>0</v>
      </c>
      <c r="CW31" s="256">
        <v>0</v>
      </c>
      <c r="CX31" s="257">
        <v>0</v>
      </c>
      <c r="CY31" s="233">
        <v>0</v>
      </c>
      <c r="CZ31" s="235">
        <v>0</v>
      </c>
      <c r="DA31" s="235">
        <v>0</v>
      </c>
      <c r="DB31" s="236">
        <v>0</v>
      </c>
      <c r="DC31" s="234">
        <v>0</v>
      </c>
      <c r="DD31" s="234">
        <v>0</v>
      </c>
      <c r="DE31" s="234">
        <v>0</v>
      </c>
      <c r="DF31" s="235">
        <v>0</v>
      </c>
      <c r="DG31" s="256">
        <v>0</v>
      </c>
      <c r="DH31" s="258">
        <v>0</v>
      </c>
      <c r="DI31" s="238">
        <v>0</v>
      </c>
      <c r="DJ31" s="235">
        <v>0</v>
      </c>
      <c r="DK31" s="235">
        <v>0</v>
      </c>
      <c r="DL31" s="236">
        <v>0</v>
      </c>
      <c r="DM31" s="234">
        <v>0</v>
      </c>
      <c r="DN31" s="234">
        <v>0</v>
      </c>
      <c r="DO31" s="234">
        <v>0</v>
      </c>
      <c r="DP31" s="235">
        <v>0</v>
      </c>
      <c r="DQ31" s="256">
        <v>0</v>
      </c>
      <c r="DR31" s="258">
        <v>0</v>
      </c>
      <c r="DS31" s="238">
        <v>0</v>
      </c>
      <c r="DT31" s="235">
        <v>0</v>
      </c>
      <c r="DU31" s="235">
        <v>0</v>
      </c>
      <c r="DV31" s="236">
        <v>2</v>
      </c>
      <c r="DW31" s="234">
        <v>9</v>
      </c>
      <c r="DX31" s="234">
        <v>22</v>
      </c>
      <c r="DY31" s="234">
        <v>27</v>
      </c>
      <c r="DZ31" s="235">
        <v>21</v>
      </c>
      <c r="EA31" s="256">
        <v>81</v>
      </c>
      <c r="EB31" s="258">
        <v>81</v>
      </c>
      <c r="EC31" s="255"/>
    </row>
    <row r="32" spans="2:133" ht="21" customHeight="1" x14ac:dyDescent="0.2">
      <c r="B32" s="173" t="s">
        <v>29</v>
      </c>
      <c r="C32" s="233">
        <v>0</v>
      </c>
      <c r="D32" s="235">
        <v>0</v>
      </c>
      <c r="E32" s="235">
        <v>0</v>
      </c>
      <c r="F32" s="236">
        <v>0</v>
      </c>
      <c r="G32" s="234">
        <v>3</v>
      </c>
      <c r="H32" s="234">
        <v>11</v>
      </c>
      <c r="I32" s="234">
        <v>28</v>
      </c>
      <c r="J32" s="235">
        <v>18</v>
      </c>
      <c r="K32" s="256">
        <v>60</v>
      </c>
      <c r="L32" s="257">
        <v>60</v>
      </c>
      <c r="M32" s="233">
        <v>0</v>
      </c>
      <c r="N32" s="235">
        <v>0</v>
      </c>
      <c r="O32" s="256">
        <v>0</v>
      </c>
      <c r="P32" s="236">
        <v>0</v>
      </c>
      <c r="Q32" s="234">
        <v>3</v>
      </c>
      <c r="R32" s="234">
        <v>11</v>
      </c>
      <c r="S32" s="234">
        <v>28</v>
      </c>
      <c r="T32" s="235">
        <v>18</v>
      </c>
      <c r="U32" s="256">
        <v>60</v>
      </c>
      <c r="V32" s="258">
        <v>60</v>
      </c>
      <c r="W32" s="238">
        <v>0</v>
      </c>
      <c r="X32" s="235">
        <v>0</v>
      </c>
      <c r="Y32" s="256">
        <v>0</v>
      </c>
      <c r="Z32" s="238">
        <v>0</v>
      </c>
      <c r="AA32" s="234">
        <v>0</v>
      </c>
      <c r="AB32" s="234">
        <v>0</v>
      </c>
      <c r="AC32" s="234">
        <v>0</v>
      </c>
      <c r="AD32" s="235">
        <v>0</v>
      </c>
      <c r="AE32" s="256">
        <v>0</v>
      </c>
      <c r="AF32" s="237">
        <v>0</v>
      </c>
      <c r="AG32" s="238">
        <v>0</v>
      </c>
      <c r="AH32" s="235">
        <v>0</v>
      </c>
      <c r="AI32" s="256">
        <v>0</v>
      </c>
      <c r="AJ32" s="238">
        <v>3</v>
      </c>
      <c r="AK32" s="234">
        <v>8</v>
      </c>
      <c r="AL32" s="234">
        <v>7</v>
      </c>
      <c r="AM32" s="234">
        <v>13</v>
      </c>
      <c r="AN32" s="235">
        <v>8</v>
      </c>
      <c r="AO32" s="256">
        <v>39</v>
      </c>
      <c r="AP32" s="237">
        <v>39</v>
      </c>
      <c r="AQ32" s="238">
        <v>0</v>
      </c>
      <c r="AR32" s="235">
        <v>0</v>
      </c>
      <c r="AS32" s="256">
        <v>0</v>
      </c>
      <c r="AT32" s="236">
        <v>3</v>
      </c>
      <c r="AU32" s="234">
        <v>8</v>
      </c>
      <c r="AV32" s="234">
        <v>7</v>
      </c>
      <c r="AW32" s="234">
        <v>13</v>
      </c>
      <c r="AX32" s="235">
        <v>8</v>
      </c>
      <c r="AY32" s="256">
        <v>39</v>
      </c>
      <c r="AZ32" s="257">
        <v>39</v>
      </c>
      <c r="BA32" s="233">
        <v>0</v>
      </c>
      <c r="BB32" s="235">
        <v>0</v>
      </c>
      <c r="BC32" s="235">
        <v>0</v>
      </c>
      <c r="BD32" s="236">
        <v>0</v>
      </c>
      <c r="BE32" s="234">
        <v>0</v>
      </c>
      <c r="BF32" s="234">
        <v>0</v>
      </c>
      <c r="BG32" s="234">
        <v>0</v>
      </c>
      <c r="BH32" s="235">
        <v>0</v>
      </c>
      <c r="BI32" s="256">
        <v>0</v>
      </c>
      <c r="BJ32" s="258">
        <v>0</v>
      </c>
      <c r="BK32" s="238">
        <v>0</v>
      </c>
      <c r="BL32" s="235">
        <v>0</v>
      </c>
      <c r="BM32" s="235">
        <v>0</v>
      </c>
      <c r="BN32" s="236">
        <v>0</v>
      </c>
      <c r="BO32" s="234">
        <v>0</v>
      </c>
      <c r="BP32" s="234">
        <v>0</v>
      </c>
      <c r="BQ32" s="234">
        <v>0</v>
      </c>
      <c r="BR32" s="235">
        <v>0</v>
      </c>
      <c r="BS32" s="256">
        <v>0</v>
      </c>
      <c r="BT32" s="257">
        <v>0</v>
      </c>
      <c r="BU32" s="233">
        <v>0</v>
      </c>
      <c r="BV32" s="235">
        <v>0</v>
      </c>
      <c r="BW32" s="235">
        <v>0</v>
      </c>
      <c r="BX32" s="236">
        <v>0</v>
      </c>
      <c r="BY32" s="234">
        <v>0</v>
      </c>
      <c r="BZ32" s="234">
        <v>0</v>
      </c>
      <c r="CA32" s="234">
        <v>0</v>
      </c>
      <c r="CB32" s="235">
        <v>0</v>
      </c>
      <c r="CC32" s="256">
        <v>0</v>
      </c>
      <c r="CD32" s="258">
        <v>0</v>
      </c>
      <c r="CE32" s="238">
        <v>0</v>
      </c>
      <c r="CF32" s="235">
        <v>0</v>
      </c>
      <c r="CG32" s="235">
        <v>0</v>
      </c>
      <c r="CH32" s="236">
        <v>0</v>
      </c>
      <c r="CI32" s="234">
        <v>0</v>
      </c>
      <c r="CJ32" s="234">
        <v>0</v>
      </c>
      <c r="CK32" s="234">
        <v>0</v>
      </c>
      <c r="CL32" s="235">
        <v>0</v>
      </c>
      <c r="CM32" s="256">
        <v>0</v>
      </c>
      <c r="CN32" s="258">
        <v>0</v>
      </c>
      <c r="CO32" s="238">
        <v>0</v>
      </c>
      <c r="CP32" s="235">
        <v>0</v>
      </c>
      <c r="CQ32" s="235">
        <v>0</v>
      </c>
      <c r="CR32" s="236">
        <v>0</v>
      </c>
      <c r="CS32" s="234">
        <v>0</v>
      </c>
      <c r="CT32" s="234">
        <v>0</v>
      </c>
      <c r="CU32" s="234">
        <v>0</v>
      </c>
      <c r="CV32" s="235">
        <v>0</v>
      </c>
      <c r="CW32" s="256">
        <v>0</v>
      </c>
      <c r="CX32" s="257">
        <v>0</v>
      </c>
      <c r="CY32" s="233">
        <v>0</v>
      </c>
      <c r="CZ32" s="235">
        <v>0</v>
      </c>
      <c r="DA32" s="235">
        <v>0</v>
      </c>
      <c r="DB32" s="236">
        <v>0</v>
      </c>
      <c r="DC32" s="234">
        <v>0</v>
      </c>
      <c r="DD32" s="234">
        <v>0</v>
      </c>
      <c r="DE32" s="234">
        <v>0</v>
      </c>
      <c r="DF32" s="235">
        <v>0</v>
      </c>
      <c r="DG32" s="256">
        <v>0</v>
      </c>
      <c r="DH32" s="258">
        <v>0</v>
      </c>
      <c r="DI32" s="238">
        <v>0</v>
      </c>
      <c r="DJ32" s="235">
        <v>0</v>
      </c>
      <c r="DK32" s="235">
        <v>0</v>
      </c>
      <c r="DL32" s="236">
        <v>0</v>
      </c>
      <c r="DM32" s="234">
        <v>0</v>
      </c>
      <c r="DN32" s="234">
        <v>0</v>
      </c>
      <c r="DO32" s="234">
        <v>0</v>
      </c>
      <c r="DP32" s="235">
        <v>0</v>
      </c>
      <c r="DQ32" s="256">
        <v>0</v>
      </c>
      <c r="DR32" s="258">
        <v>0</v>
      </c>
      <c r="DS32" s="238">
        <v>0</v>
      </c>
      <c r="DT32" s="235">
        <v>0</v>
      </c>
      <c r="DU32" s="235">
        <v>0</v>
      </c>
      <c r="DV32" s="236">
        <v>3</v>
      </c>
      <c r="DW32" s="234">
        <v>11</v>
      </c>
      <c r="DX32" s="234">
        <v>18</v>
      </c>
      <c r="DY32" s="234">
        <v>41</v>
      </c>
      <c r="DZ32" s="235">
        <v>26</v>
      </c>
      <c r="EA32" s="256">
        <v>99</v>
      </c>
      <c r="EB32" s="258">
        <v>99</v>
      </c>
      <c r="EC32" s="255"/>
    </row>
    <row r="33" spans="2:133" ht="21" customHeight="1" x14ac:dyDescent="0.2">
      <c r="B33" s="173" t="s">
        <v>30</v>
      </c>
      <c r="C33" s="233">
        <v>0</v>
      </c>
      <c r="D33" s="235">
        <v>0</v>
      </c>
      <c r="E33" s="235">
        <v>0</v>
      </c>
      <c r="F33" s="236">
        <v>0</v>
      </c>
      <c r="G33" s="234">
        <v>5</v>
      </c>
      <c r="H33" s="234">
        <v>19</v>
      </c>
      <c r="I33" s="234">
        <v>31</v>
      </c>
      <c r="J33" s="235">
        <v>21</v>
      </c>
      <c r="K33" s="256">
        <v>76</v>
      </c>
      <c r="L33" s="257">
        <v>76</v>
      </c>
      <c r="M33" s="233">
        <v>0</v>
      </c>
      <c r="N33" s="235">
        <v>0</v>
      </c>
      <c r="O33" s="256">
        <v>0</v>
      </c>
      <c r="P33" s="236">
        <v>0</v>
      </c>
      <c r="Q33" s="234">
        <v>5</v>
      </c>
      <c r="R33" s="234">
        <v>19</v>
      </c>
      <c r="S33" s="234">
        <v>31</v>
      </c>
      <c r="T33" s="235">
        <v>21</v>
      </c>
      <c r="U33" s="256">
        <v>76</v>
      </c>
      <c r="V33" s="258">
        <v>76</v>
      </c>
      <c r="W33" s="238">
        <v>0</v>
      </c>
      <c r="X33" s="235">
        <v>0</v>
      </c>
      <c r="Y33" s="256">
        <v>0</v>
      </c>
      <c r="Z33" s="238">
        <v>0</v>
      </c>
      <c r="AA33" s="234">
        <v>0</v>
      </c>
      <c r="AB33" s="234">
        <v>0</v>
      </c>
      <c r="AC33" s="234">
        <v>0</v>
      </c>
      <c r="AD33" s="235">
        <v>0</v>
      </c>
      <c r="AE33" s="256">
        <v>0</v>
      </c>
      <c r="AF33" s="237">
        <v>0</v>
      </c>
      <c r="AG33" s="238">
        <v>0</v>
      </c>
      <c r="AH33" s="235">
        <v>0</v>
      </c>
      <c r="AI33" s="256">
        <v>0</v>
      </c>
      <c r="AJ33" s="238">
        <v>11</v>
      </c>
      <c r="AK33" s="234">
        <v>7</v>
      </c>
      <c r="AL33" s="234">
        <v>11</v>
      </c>
      <c r="AM33" s="234">
        <v>14</v>
      </c>
      <c r="AN33" s="235">
        <v>6</v>
      </c>
      <c r="AO33" s="256">
        <v>49</v>
      </c>
      <c r="AP33" s="237">
        <v>49</v>
      </c>
      <c r="AQ33" s="238">
        <v>0</v>
      </c>
      <c r="AR33" s="235">
        <v>0</v>
      </c>
      <c r="AS33" s="256">
        <v>0</v>
      </c>
      <c r="AT33" s="236">
        <v>11</v>
      </c>
      <c r="AU33" s="234">
        <v>7</v>
      </c>
      <c r="AV33" s="234">
        <v>10</v>
      </c>
      <c r="AW33" s="234">
        <v>14</v>
      </c>
      <c r="AX33" s="235">
        <v>6</v>
      </c>
      <c r="AY33" s="256">
        <v>48</v>
      </c>
      <c r="AZ33" s="257">
        <v>48</v>
      </c>
      <c r="BA33" s="233">
        <v>0</v>
      </c>
      <c r="BB33" s="235">
        <v>0</v>
      </c>
      <c r="BC33" s="235">
        <v>0</v>
      </c>
      <c r="BD33" s="236">
        <v>0</v>
      </c>
      <c r="BE33" s="234">
        <v>0</v>
      </c>
      <c r="BF33" s="234">
        <v>1</v>
      </c>
      <c r="BG33" s="234">
        <v>0</v>
      </c>
      <c r="BH33" s="235">
        <v>0</v>
      </c>
      <c r="BI33" s="256">
        <v>1</v>
      </c>
      <c r="BJ33" s="258">
        <v>1</v>
      </c>
      <c r="BK33" s="238">
        <v>0</v>
      </c>
      <c r="BL33" s="235">
        <v>0</v>
      </c>
      <c r="BM33" s="235">
        <v>0</v>
      </c>
      <c r="BN33" s="236">
        <v>0</v>
      </c>
      <c r="BO33" s="234">
        <v>0</v>
      </c>
      <c r="BP33" s="234">
        <v>0</v>
      </c>
      <c r="BQ33" s="234">
        <v>0</v>
      </c>
      <c r="BR33" s="235">
        <v>0</v>
      </c>
      <c r="BS33" s="256">
        <v>0</v>
      </c>
      <c r="BT33" s="257">
        <v>0</v>
      </c>
      <c r="BU33" s="233">
        <v>0</v>
      </c>
      <c r="BV33" s="235">
        <v>0</v>
      </c>
      <c r="BW33" s="235">
        <v>0</v>
      </c>
      <c r="BX33" s="236">
        <v>0</v>
      </c>
      <c r="BY33" s="234">
        <v>0</v>
      </c>
      <c r="BZ33" s="234">
        <v>0</v>
      </c>
      <c r="CA33" s="234">
        <v>0</v>
      </c>
      <c r="CB33" s="235">
        <v>0</v>
      </c>
      <c r="CC33" s="256">
        <v>0</v>
      </c>
      <c r="CD33" s="258">
        <v>0</v>
      </c>
      <c r="CE33" s="238">
        <v>0</v>
      </c>
      <c r="CF33" s="235">
        <v>0</v>
      </c>
      <c r="CG33" s="235">
        <v>0</v>
      </c>
      <c r="CH33" s="236">
        <v>0</v>
      </c>
      <c r="CI33" s="234">
        <v>0</v>
      </c>
      <c r="CJ33" s="234">
        <v>0</v>
      </c>
      <c r="CK33" s="234">
        <v>0</v>
      </c>
      <c r="CL33" s="235">
        <v>0</v>
      </c>
      <c r="CM33" s="256">
        <v>0</v>
      </c>
      <c r="CN33" s="258">
        <v>0</v>
      </c>
      <c r="CO33" s="238">
        <v>0</v>
      </c>
      <c r="CP33" s="235">
        <v>0</v>
      </c>
      <c r="CQ33" s="235">
        <v>0</v>
      </c>
      <c r="CR33" s="236">
        <v>0</v>
      </c>
      <c r="CS33" s="234">
        <v>0</v>
      </c>
      <c r="CT33" s="234">
        <v>0</v>
      </c>
      <c r="CU33" s="234">
        <v>1</v>
      </c>
      <c r="CV33" s="235">
        <v>3</v>
      </c>
      <c r="CW33" s="256">
        <v>4</v>
      </c>
      <c r="CX33" s="257">
        <v>4</v>
      </c>
      <c r="CY33" s="233">
        <v>0</v>
      </c>
      <c r="CZ33" s="235">
        <v>0</v>
      </c>
      <c r="DA33" s="235">
        <v>0</v>
      </c>
      <c r="DB33" s="236">
        <v>0</v>
      </c>
      <c r="DC33" s="234">
        <v>0</v>
      </c>
      <c r="DD33" s="234">
        <v>0</v>
      </c>
      <c r="DE33" s="234">
        <v>1</v>
      </c>
      <c r="DF33" s="235">
        <v>3</v>
      </c>
      <c r="DG33" s="256">
        <v>4</v>
      </c>
      <c r="DH33" s="258">
        <v>4</v>
      </c>
      <c r="DI33" s="238">
        <v>0</v>
      </c>
      <c r="DJ33" s="235">
        <v>0</v>
      </c>
      <c r="DK33" s="235">
        <v>0</v>
      </c>
      <c r="DL33" s="236">
        <v>0</v>
      </c>
      <c r="DM33" s="234">
        <v>0</v>
      </c>
      <c r="DN33" s="234">
        <v>0</v>
      </c>
      <c r="DO33" s="234">
        <v>0</v>
      </c>
      <c r="DP33" s="235">
        <v>0</v>
      </c>
      <c r="DQ33" s="256">
        <v>0</v>
      </c>
      <c r="DR33" s="258">
        <v>0</v>
      </c>
      <c r="DS33" s="238">
        <v>0</v>
      </c>
      <c r="DT33" s="235">
        <v>0</v>
      </c>
      <c r="DU33" s="235">
        <v>0</v>
      </c>
      <c r="DV33" s="236">
        <v>11</v>
      </c>
      <c r="DW33" s="234">
        <v>12</v>
      </c>
      <c r="DX33" s="234">
        <v>30</v>
      </c>
      <c r="DY33" s="234">
        <v>46</v>
      </c>
      <c r="DZ33" s="235">
        <v>30</v>
      </c>
      <c r="EA33" s="256">
        <v>129</v>
      </c>
      <c r="EB33" s="258">
        <v>129</v>
      </c>
      <c r="EC33" s="255"/>
    </row>
    <row r="34" spans="2:133" ht="21" customHeight="1" x14ac:dyDescent="0.2">
      <c r="B34" s="173" t="s">
        <v>31</v>
      </c>
      <c r="C34" s="233">
        <v>0</v>
      </c>
      <c r="D34" s="235">
        <v>0</v>
      </c>
      <c r="E34" s="235">
        <v>0</v>
      </c>
      <c r="F34" s="236">
        <v>2</v>
      </c>
      <c r="G34" s="234">
        <v>2</v>
      </c>
      <c r="H34" s="234">
        <v>24</v>
      </c>
      <c r="I34" s="234">
        <v>32</v>
      </c>
      <c r="J34" s="235">
        <v>23</v>
      </c>
      <c r="K34" s="256">
        <v>83</v>
      </c>
      <c r="L34" s="257">
        <v>83</v>
      </c>
      <c r="M34" s="233">
        <v>0</v>
      </c>
      <c r="N34" s="235">
        <v>0</v>
      </c>
      <c r="O34" s="256">
        <v>0</v>
      </c>
      <c r="P34" s="236">
        <v>2</v>
      </c>
      <c r="Q34" s="234">
        <v>2</v>
      </c>
      <c r="R34" s="234">
        <v>24</v>
      </c>
      <c r="S34" s="234">
        <v>32</v>
      </c>
      <c r="T34" s="235">
        <v>23</v>
      </c>
      <c r="U34" s="256">
        <v>83</v>
      </c>
      <c r="V34" s="258">
        <v>83</v>
      </c>
      <c r="W34" s="238">
        <v>0</v>
      </c>
      <c r="X34" s="235">
        <v>0</v>
      </c>
      <c r="Y34" s="256">
        <v>0</v>
      </c>
      <c r="Z34" s="238">
        <v>0</v>
      </c>
      <c r="AA34" s="234">
        <v>0</v>
      </c>
      <c r="AB34" s="234">
        <v>0</v>
      </c>
      <c r="AC34" s="234">
        <v>0</v>
      </c>
      <c r="AD34" s="235">
        <v>0</v>
      </c>
      <c r="AE34" s="256">
        <v>0</v>
      </c>
      <c r="AF34" s="237">
        <v>0</v>
      </c>
      <c r="AG34" s="238">
        <v>0</v>
      </c>
      <c r="AH34" s="235">
        <v>0</v>
      </c>
      <c r="AI34" s="256">
        <v>0</v>
      </c>
      <c r="AJ34" s="238">
        <v>2</v>
      </c>
      <c r="AK34" s="234">
        <v>7</v>
      </c>
      <c r="AL34" s="234">
        <v>12</v>
      </c>
      <c r="AM34" s="234">
        <v>12</v>
      </c>
      <c r="AN34" s="235">
        <v>3</v>
      </c>
      <c r="AO34" s="256">
        <v>36</v>
      </c>
      <c r="AP34" s="237">
        <v>36</v>
      </c>
      <c r="AQ34" s="238">
        <v>0</v>
      </c>
      <c r="AR34" s="235">
        <v>0</v>
      </c>
      <c r="AS34" s="256">
        <v>0</v>
      </c>
      <c r="AT34" s="236">
        <v>2</v>
      </c>
      <c r="AU34" s="234">
        <v>7</v>
      </c>
      <c r="AV34" s="234">
        <v>12</v>
      </c>
      <c r="AW34" s="234">
        <v>12</v>
      </c>
      <c r="AX34" s="235">
        <v>3</v>
      </c>
      <c r="AY34" s="256">
        <v>36</v>
      </c>
      <c r="AZ34" s="257">
        <v>36</v>
      </c>
      <c r="BA34" s="233">
        <v>0</v>
      </c>
      <c r="BB34" s="235">
        <v>0</v>
      </c>
      <c r="BC34" s="235">
        <v>0</v>
      </c>
      <c r="BD34" s="236">
        <v>0</v>
      </c>
      <c r="BE34" s="234">
        <v>0</v>
      </c>
      <c r="BF34" s="234">
        <v>0</v>
      </c>
      <c r="BG34" s="234">
        <v>0</v>
      </c>
      <c r="BH34" s="235">
        <v>0</v>
      </c>
      <c r="BI34" s="256">
        <v>0</v>
      </c>
      <c r="BJ34" s="258">
        <v>0</v>
      </c>
      <c r="BK34" s="238">
        <v>0</v>
      </c>
      <c r="BL34" s="235">
        <v>0</v>
      </c>
      <c r="BM34" s="235">
        <v>0</v>
      </c>
      <c r="BN34" s="236">
        <v>0</v>
      </c>
      <c r="BO34" s="234">
        <v>0</v>
      </c>
      <c r="BP34" s="234">
        <v>0</v>
      </c>
      <c r="BQ34" s="234">
        <v>0</v>
      </c>
      <c r="BR34" s="235">
        <v>0</v>
      </c>
      <c r="BS34" s="256">
        <v>0</v>
      </c>
      <c r="BT34" s="257">
        <v>0</v>
      </c>
      <c r="BU34" s="233">
        <v>0</v>
      </c>
      <c r="BV34" s="235">
        <v>0</v>
      </c>
      <c r="BW34" s="235">
        <v>0</v>
      </c>
      <c r="BX34" s="236">
        <v>0</v>
      </c>
      <c r="BY34" s="234">
        <v>0</v>
      </c>
      <c r="BZ34" s="234">
        <v>0</v>
      </c>
      <c r="CA34" s="234">
        <v>0</v>
      </c>
      <c r="CB34" s="235">
        <v>0</v>
      </c>
      <c r="CC34" s="256">
        <v>0</v>
      </c>
      <c r="CD34" s="258">
        <v>0</v>
      </c>
      <c r="CE34" s="238">
        <v>0</v>
      </c>
      <c r="CF34" s="235">
        <v>0</v>
      </c>
      <c r="CG34" s="235">
        <v>0</v>
      </c>
      <c r="CH34" s="236">
        <v>0</v>
      </c>
      <c r="CI34" s="234">
        <v>0</v>
      </c>
      <c r="CJ34" s="234">
        <v>0</v>
      </c>
      <c r="CK34" s="234">
        <v>0</v>
      </c>
      <c r="CL34" s="235">
        <v>0</v>
      </c>
      <c r="CM34" s="256">
        <v>0</v>
      </c>
      <c r="CN34" s="258">
        <v>0</v>
      </c>
      <c r="CO34" s="238">
        <v>0</v>
      </c>
      <c r="CP34" s="235">
        <v>0</v>
      </c>
      <c r="CQ34" s="235">
        <v>0</v>
      </c>
      <c r="CR34" s="236">
        <v>1</v>
      </c>
      <c r="CS34" s="234">
        <v>0</v>
      </c>
      <c r="CT34" s="234">
        <v>0</v>
      </c>
      <c r="CU34" s="234">
        <v>2</v>
      </c>
      <c r="CV34" s="235">
        <v>2</v>
      </c>
      <c r="CW34" s="256">
        <v>5</v>
      </c>
      <c r="CX34" s="257">
        <v>5</v>
      </c>
      <c r="CY34" s="233">
        <v>0</v>
      </c>
      <c r="CZ34" s="235">
        <v>0</v>
      </c>
      <c r="DA34" s="235">
        <v>0</v>
      </c>
      <c r="DB34" s="236">
        <v>1</v>
      </c>
      <c r="DC34" s="234">
        <v>0</v>
      </c>
      <c r="DD34" s="234">
        <v>0</v>
      </c>
      <c r="DE34" s="234">
        <v>2</v>
      </c>
      <c r="DF34" s="235">
        <v>2</v>
      </c>
      <c r="DG34" s="256">
        <v>5</v>
      </c>
      <c r="DH34" s="258">
        <v>5</v>
      </c>
      <c r="DI34" s="238">
        <v>0</v>
      </c>
      <c r="DJ34" s="235">
        <v>0</v>
      </c>
      <c r="DK34" s="235">
        <v>0</v>
      </c>
      <c r="DL34" s="236">
        <v>0</v>
      </c>
      <c r="DM34" s="234">
        <v>0</v>
      </c>
      <c r="DN34" s="234">
        <v>0</v>
      </c>
      <c r="DO34" s="234">
        <v>0</v>
      </c>
      <c r="DP34" s="235">
        <v>0</v>
      </c>
      <c r="DQ34" s="256">
        <v>0</v>
      </c>
      <c r="DR34" s="258">
        <v>0</v>
      </c>
      <c r="DS34" s="238">
        <v>0</v>
      </c>
      <c r="DT34" s="235">
        <v>0</v>
      </c>
      <c r="DU34" s="235">
        <v>0</v>
      </c>
      <c r="DV34" s="236">
        <v>5</v>
      </c>
      <c r="DW34" s="234">
        <v>9</v>
      </c>
      <c r="DX34" s="234">
        <v>36</v>
      </c>
      <c r="DY34" s="234">
        <v>46</v>
      </c>
      <c r="DZ34" s="235">
        <v>28</v>
      </c>
      <c r="EA34" s="256">
        <v>124</v>
      </c>
      <c r="EB34" s="258">
        <v>124</v>
      </c>
      <c r="EC34" s="255"/>
    </row>
    <row r="35" spans="2:133" ht="21" customHeight="1" x14ac:dyDescent="0.2">
      <c r="B35" s="173" t="s">
        <v>32</v>
      </c>
      <c r="C35" s="233">
        <v>0</v>
      </c>
      <c r="D35" s="235">
        <v>0</v>
      </c>
      <c r="E35" s="235">
        <v>0</v>
      </c>
      <c r="F35" s="236">
        <v>2</v>
      </c>
      <c r="G35" s="234">
        <v>0</v>
      </c>
      <c r="H35" s="234">
        <v>13</v>
      </c>
      <c r="I35" s="234">
        <v>23</v>
      </c>
      <c r="J35" s="235">
        <v>19</v>
      </c>
      <c r="K35" s="256">
        <v>57</v>
      </c>
      <c r="L35" s="257">
        <v>57</v>
      </c>
      <c r="M35" s="233">
        <v>0</v>
      </c>
      <c r="N35" s="235">
        <v>0</v>
      </c>
      <c r="O35" s="256">
        <v>0</v>
      </c>
      <c r="P35" s="236">
        <v>2</v>
      </c>
      <c r="Q35" s="234">
        <v>0</v>
      </c>
      <c r="R35" s="234">
        <v>13</v>
      </c>
      <c r="S35" s="234">
        <v>22</v>
      </c>
      <c r="T35" s="235">
        <v>18</v>
      </c>
      <c r="U35" s="256">
        <v>55</v>
      </c>
      <c r="V35" s="258">
        <v>55</v>
      </c>
      <c r="W35" s="238">
        <v>0</v>
      </c>
      <c r="X35" s="235">
        <v>0</v>
      </c>
      <c r="Y35" s="256">
        <v>0</v>
      </c>
      <c r="Z35" s="238">
        <v>0</v>
      </c>
      <c r="AA35" s="234">
        <v>0</v>
      </c>
      <c r="AB35" s="234">
        <v>0</v>
      </c>
      <c r="AC35" s="234">
        <v>1</v>
      </c>
      <c r="AD35" s="235">
        <v>1</v>
      </c>
      <c r="AE35" s="256">
        <v>2</v>
      </c>
      <c r="AF35" s="237">
        <v>2</v>
      </c>
      <c r="AG35" s="238">
        <v>0</v>
      </c>
      <c r="AH35" s="235">
        <v>0</v>
      </c>
      <c r="AI35" s="256">
        <v>0</v>
      </c>
      <c r="AJ35" s="238">
        <v>4</v>
      </c>
      <c r="AK35" s="234">
        <v>6</v>
      </c>
      <c r="AL35" s="234">
        <v>12</v>
      </c>
      <c r="AM35" s="234">
        <v>20</v>
      </c>
      <c r="AN35" s="235">
        <v>8</v>
      </c>
      <c r="AO35" s="256">
        <v>50</v>
      </c>
      <c r="AP35" s="237">
        <v>50</v>
      </c>
      <c r="AQ35" s="238">
        <v>0</v>
      </c>
      <c r="AR35" s="235">
        <v>0</v>
      </c>
      <c r="AS35" s="256">
        <v>0</v>
      </c>
      <c r="AT35" s="236">
        <v>4</v>
      </c>
      <c r="AU35" s="234">
        <v>6</v>
      </c>
      <c r="AV35" s="234">
        <v>12</v>
      </c>
      <c r="AW35" s="234">
        <v>20</v>
      </c>
      <c r="AX35" s="235">
        <v>8</v>
      </c>
      <c r="AY35" s="256">
        <v>50</v>
      </c>
      <c r="AZ35" s="257">
        <v>50</v>
      </c>
      <c r="BA35" s="233">
        <v>0</v>
      </c>
      <c r="BB35" s="235">
        <v>0</v>
      </c>
      <c r="BC35" s="235">
        <v>0</v>
      </c>
      <c r="BD35" s="236">
        <v>0</v>
      </c>
      <c r="BE35" s="234">
        <v>0</v>
      </c>
      <c r="BF35" s="234">
        <v>0</v>
      </c>
      <c r="BG35" s="234">
        <v>0</v>
      </c>
      <c r="BH35" s="235">
        <v>0</v>
      </c>
      <c r="BI35" s="256">
        <v>0</v>
      </c>
      <c r="BJ35" s="258">
        <v>0</v>
      </c>
      <c r="BK35" s="238">
        <v>0</v>
      </c>
      <c r="BL35" s="235">
        <v>0</v>
      </c>
      <c r="BM35" s="235">
        <v>0</v>
      </c>
      <c r="BN35" s="236">
        <v>0</v>
      </c>
      <c r="BO35" s="234">
        <v>0</v>
      </c>
      <c r="BP35" s="234">
        <v>0</v>
      </c>
      <c r="BQ35" s="234">
        <v>0</v>
      </c>
      <c r="BR35" s="235">
        <v>0</v>
      </c>
      <c r="BS35" s="256">
        <v>0</v>
      </c>
      <c r="BT35" s="257">
        <v>0</v>
      </c>
      <c r="BU35" s="233">
        <v>0</v>
      </c>
      <c r="BV35" s="235">
        <v>0</v>
      </c>
      <c r="BW35" s="235">
        <v>0</v>
      </c>
      <c r="BX35" s="236">
        <v>0</v>
      </c>
      <c r="BY35" s="234">
        <v>0</v>
      </c>
      <c r="BZ35" s="234">
        <v>0</v>
      </c>
      <c r="CA35" s="234">
        <v>0</v>
      </c>
      <c r="CB35" s="235">
        <v>0</v>
      </c>
      <c r="CC35" s="256">
        <v>0</v>
      </c>
      <c r="CD35" s="258">
        <v>0</v>
      </c>
      <c r="CE35" s="238">
        <v>0</v>
      </c>
      <c r="CF35" s="235">
        <v>0</v>
      </c>
      <c r="CG35" s="235">
        <v>0</v>
      </c>
      <c r="CH35" s="236">
        <v>0</v>
      </c>
      <c r="CI35" s="234">
        <v>0</v>
      </c>
      <c r="CJ35" s="234">
        <v>0</v>
      </c>
      <c r="CK35" s="234">
        <v>0</v>
      </c>
      <c r="CL35" s="235">
        <v>0</v>
      </c>
      <c r="CM35" s="256">
        <v>0</v>
      </c>
      <c r="CN35" s="258">
        <v>0</v>
      </c>
      <c r="CO35" s="238">
        <v>0</v>
      </c>
      <c r="CP35" s="235">
        <v>0</v>
      </c>
      <c r="CQ35" s="235">
        <v>0</v>
      </c>
      <c r="CR35" s="236">
        <v>0</v>
      </c>
      <c r="CS35" s="234">
        <v>2</v>
      </c>
      <c r="CT35" s="234">
        <v>2</v>
      </c>
      <c r="CU35" s="234">
        <v>0</v>
      </c>
      <c r="CV35" s="235">
        <v>1</v>
      </c>
      <c r="CW35" s="256">
        <v>5</v>
      </c>
      <c r="CX35" s="257">
        <v>5</v>
      </c>
      <c r="CY35" s="233">
        <v>0</v>
      </c>
      <c r="CZ35" s="235">
        <v>0</v>
      </c>
      <c r="DA35" s="235">
        <v>0</v>
      </c>
      <c r="DB35" s="236">
        <v>0</v>
      </c>
      <c r="DC35" s="234">
        <v>2</v>
      </c>
      <c r="DD35" s="234">
        <v>2</v>
      </c>
      <c r="DE35" s="234">
        <v>0</v>
      </c>
      <c r="DF35" s="235">
        <v>1</v>
      </c>
      <c r="DG35" s="256">
        <v>5</v>
      </c>
      <c r="DH35" s="258">
        <v>5</v>
      </c>
      <c r="DI35" s="238">
        <v>0</v>
      </c>
      <c r="DJ35" s="235">
        <v>0</v>
      </c>
      <c r="DK35" s="235">
        <v>0</v>
      </c>
      <c r="DL35" s="236">
        <v>0</v>
      </c>
      <c r="DM35" s="234">
        <v>0</v>
      </c>
      <c r="DN35" s="234">
        <v>0</v>
      </c>
      <c r="DO35" s="234">
        <v>0</v>
      </c>
      <c r="DP35" s="235">
        <v>0</v>
      </c>
      <c r="DQ35" s="256">
        <v>0</v>
      </c>
      <c r="DR35" s="258">
        <v>0</v>
      </c>
      <c r="DS35" s="238">
        <v>0</v>
      </c>
      <c r="DT35" s="235">
        <v>0</v>
      </c>
      <c r="DU35" s="235">
        <v>0</v>
      </c>
      <c r="DV35" s="236">
        <v>6</v>
      </c>
      <c r="DW35" s="234">
        <v>8</v>
      </c>
      <c r="DX35" s="234">
        <v>26</v>
      </c>
      <c r="DY35" s="234">
        <v>43</v>
      </c>
      <c r="DZ35" s="235">
        <v>28</v>
      </c>
      <c r="EA35" s="256">
        <v>111</v>
      </c>
      <c r="EB35" s="258">
        <v>111</v>
      </c>
      <c r="EC35" s="255"/>
    </row>
    <row r="36" spans="2:133" ht="21" customHeight="1" x14ac:dyDescent="0.2">
      <c r="B36" s="173" t="s">
        <v>33</v>
      </c>
      <c r="C36" s="233">
        <v>0</v>
      </c>
      <c r="D36" s="235">
        <v>0</v>
      </c>
      <c r="E36" s="235">
        <v>0</v>
      </c>
      <c r="F36" s="236">
        <v>0</v>
      </c>
      <c r="G36" s="234">
        <v>7</v>
      </c>
      <c r="H36" s="234">
        <v>24</v>
      </c>
      <c r="I36" s="234">
        <v>30</v>
      </c>
      <c r="J36" s="235">
        <v>18</v>
      </c>
      <c r="K36" s="256">
        <v>79</v>
      </c>
      <c r="L36" s="257">
        <v>79</v>
      </c>
      <c r="M36" s="233">
        <v>0</v>
      </c>
      <c r="N36" s="235">
        <v>0</v>
      </c>
      <c r="O36" s="256">
        <v>0</v>
      </c>
      <c r="P36" s="236">
        <v>0</v>
      </c>
      <c r="Q36" s="234">
        <v>7</v>
      </c>
      <c r="R36" s="234">
        <v>24</v>
      </c>
      <c r="S36" s="234">
        <v>30</v>
      </c>
      <c r="T36" s="235">
        <v>18</v>
      </c>
      <c r="U36" s="256">
        <v>79</v>
      </c>
      <c r="V36" s="258">
        <v>79</v>
      </c>
      <c r="W36" s="238">
        <v>0</v>
      </c>
      <c r="X36" s="235">
        <v>0</v>
      </c>
      <c r="Y36" s="256">
        <v>0</v>
      </c>
      <c r="Z36" s="238">
        <v>0</v>
      </c>
      <c r="AA36" s="234">
        <v>0</v>
      </c>
      <c r="AB36" s="234">
        <v>0</v>
      </c>
      <c r="AC36" s="234">
        <v>0</v>
      </c>
      <c r="AD36" s="235">
        <v>0</v>
      </c>
      <c r="AE36" s="256">
        <v>0</v>
      </c>
      <c r="AF36" s="237">
        <v>0</v>
      </c>
      <c r="AG36" s="238">
        <v>0</v>
      </c>
      <c r="AH36" s="235">
        <v>0</v>
      </c>
      <c r="AI36" s="256">
        <v>0</v>
      </c>
      <c r="AJ36" s="238">
        <v>7</v>
      </c>
      <c r="AK36" s="234">
        <v>9</v>
      </c>
      <c r="AL36" s="234">
        <v>12</v>
      </c>
      <c r="AM36" s="234">
        <v>20</v>
      </c>
      <c r="AN36" s="235">
        <v>7</v>
      </c>
      <c r="AO36" s="256">
        <v>55</v>
      </c>
      <c r="AP36" s="237">
        <v>55</v>
      </c>
      <c r="AQ36" s="238">
        <v>0</v>
      </c>
      <c r="AR36" s="235">
        <v>0</v>
      </c>
      <c r="AS36" s="256">
        <v>0</v>
      </c>
      <c r="AT36" s="236">
        <v>7</v>
      </c>
      <c r="AU36" s="234">
        <v>9</v>
      </c>
      <c r="AV36" s="234">
        <v>12</v>
      </c>
      <c r="AW36" s="234">
        <v>20</v>
      </c>
      <c r="AX36" s="235">
        <v>7</v>
      </c>
      <c r="AY36" s="256">
        <v>55</v>
      </c>
      <c r="AZ36" s="257">
        <v>55</v>
      </c>
      <c r="BA36" s="233">
        <v>0</v>
      </c>
      <c r="BB36" s="235">
        <v>0</v>
      </c>
      <c r="BC36" s="235">
        <v>0</v>
      </c>
      <c r="BD36" s="236">
        <v>0</v>
      </c>
      <c r="BE36" s="234">
        <v>0</v>
      </c>
      <c r="BF36" s="234">
        <v>0</v>
      </c>
      <c r="BG36" s="234">
        <v>0</v>
      </c>
      <c r="BH36" s="235">
        <v>0</v>
      </c>
      <c r="BI36" s="256">
        <v>0</v>
      </c>
      <c r="BJ36" s="258">
        <v>0</v>
      </c>
      <c r="BK36" s="238">
        <v>0</v>
      </c>
      <c r="BL36" s="235">
        <v>0</v>
      </c>
      <c r="BM36" s="235">
        <v>0</v>
      </c>
      <c r="BN36" s="236">
        <v>0</v>
      </c>
      <c r="BO36" s="234">
        <v>0</v>
      </c>
      <c r="BP36" s="234">
        <v>0</v>
      </c>
      <c r="BQ36" s="234">
        <v>0</v>
      </c>
      <c r="BR36" s="235">
        <v>0</v>
      </c>
      <c r="BS36" s="256">
        <v>0</v>
      </c>
      <c r="BT36" s="257">
        <v>0</v>
      </c>
      <c r="BU36" s="233">
        <v>0</v>
      </c>
      <c r="BV36" s="235">
        <v>0</v>
      </c>
      <c r="BW36" s="235">
        <v>0</v>
      </c>
      <c r="BX36" s="236">
        <v>0</v>
      </c>
      <c r="BY36" s="234">
        <v>0</v>
      </c>
      <c r="BZ36" s="234">
        <v>0</v>
      </c>
      <c r="CA36" s="234">
        <v>0</v>
      </c>
      <c r="CB36" s="235">
        <v>0</v>
      </c>
      <c r="CC36" s="256">
        <v>0</v>
      </c>
      <c r="CD36" s="258">
        <v>0</v>
      </c>
      <c r="CE36" s="238">
        <v>0</v>
      </c>
      <c r="CF36" s="235">
        <v>0</v>
      </c>
      <c r="CG36" s="235">
        <v>0</v>
      </c>
      <c r="CH36" s="236">
        <v>0</v>
      </c>
      <c r="CI36" s="234">
        <v>0</v>
      </c>
      <c r="CJ36" s="234">
        <v>0</v>
      </c>
      <c r="CK36" s="234">
        <v>0</v>
      </c>
      <c r="CL36" s="235">
        <v>0</v>
      </c>
      <c r="CM36" s="256">
        <v>0</v>
      </c>
      <c r="CN36" s="258">
        <v>0</v>
      </c>
      <c r="CO36" s="238">
        <v>0</v>
      </c>
      <c r="CP36" s="235">
        <v>0</v>
      </c>
      <c r="CQ36" s="235">
        <v>0</v>
      </c>
      <c r="CR36" s="236">
        <v>3</v>
      </c>
      <c r="CS36" s="234">
        <v>10</v>
      </c>
      <c r="CT36" s="234">
        <v>8</v>
      </c>
      <c r="CU36" s="234">
        <v>9</v>
      </c>
      <c r="CV36" s="235">
        <v>10</v>
      </c>
      <c r="CW36" s="256">
        <v>40</v>
      </c>
      <c r="CX36" s="257">
        <v>40</v>
      </c>
      <c r="CY36" s="233">
        <v>0</v>
      </c>
      <c r="CZ36" s="235">
        <v>0</v>
      </c>
      <c r="DA36" s="235">
        <v>0</v>
      </c>
      <c r="DB36" s="236">
        <v>3</v>
      </c>
      <c r="DC36" s="234">
        <v>10</v>
      </c>
      <c r="DD36" s="234">
        <v>8</v>
      </c>
      <c r="DE36" s="234">
        <v>9</v>
      </c>
      <c r="DF36" s="235">
        <v>10</v>
      </c>
      <c r="DG36" s="256">
        <v>40</v>
      </c>
      <c r="DH36" s="258">
        <v>40</v>
      </c>
      <c r="DI36" s="238">
        <v>0</v>
      </c>
      <c r="DJ36" s="235">
        <v>0</v>
      </c>
      <c r="DK36" s="235">
        <v>0</v>
      </c>
      <c r="DL36" s="236">
        <v>0</v>
      </c>
      <c r="DM36" s="234">
        <v>0</v>
      </c>
      <c r="DN36" s="234">
        <v>0</v>
      </c>
      <c r="DO36" s="234">
        <v>0</v>
      </c>
      <c r="DP36" s="235">
        <v>0</v>
      </c>
      <c r="DQ36" s="256">
        <v>0</v>
      </c>
      <c r="DR36" s="258">
        <v>0</v>
      </c>
      <c r="DS36" s="238">
        <v>0</v>
      </c>
      <c r="DT36" s="235">
        <v>0</v>
      </c>
      <c r="DU36" s="235">
        <v>0</v>
      </c>
      <c r="DV36" s="236">
        <v>9</v>
      </c>
      <c r="DW36" s="234">
        <v>26</v>
      </c>
      <c r="DX36" s="234">
        <v>44</v>
      </c>
      <c r="DY36" s="234">
        <v>59</v>
      </c>
      <c r="DZ36" s="235">
        <v>34</v>
      </c>
      <c r="EA36" s="256">
        <v>172</v>
      </c>
      <c r="EB36" s="258">
        <v>172</v>
      </c>
      <c r="EC36" s="255"/>
    </row>
    <row r="37" spans="2:133" ht="21" customHeight="1" x14ac:dyDescent="0.2">
      <c r="B37" s="173" t="s">
        <v>34</v>
      </c>
      <c r="C37" s="233">
        <v>0</v>
      </c>
      <c r="D37" s="235">
        <v>0</v>
      </c>
      <c r="E37" s="235">
        <v>0</v>
      </c>
      <c r="F37" s="236">
        <v>0</v>
      </c>
      <c r="G37" s="234">
        <v>0</v>
      </c>
      <c r="H37" s="234">
        <v>7</v>
      </c>
      <c r="I37" s="234">
        <v>27</v>
      </c>
      <c r="J37" s="235">
        <v>8</v>
      </c>
      <c r="K37" s="256">
        <v>42</v>
      </c>
      <c r="L37" s="257">
        <v>42</v>
      </c>
      <c r="M37" s="233">
        <v>0</v>
      </c>
      <c r="N37" s="235">
        <v>0</v>
      </c>
      <c r="O37" s="256">
        <v>0</v>
      </c>
      <c r="P37" s="236">
        <v>0</v>
      </c>
      <c r="Q37" s="234">
        <v>0</v>
      </c>
      <c r="R37" s="234">
        <v>7</v>
      </c>
      <c r="S37" s="234">
        <v>27</v>
      </c>
      <c r="T37" s="235">
        <v>8</v>
      </c>
      <c r="U37" s="256">
        <v>42</v>
      </c>
      <c r="V37" s="258">
        <v>42</v>
      </c>
      <c r="W37" s="238">
        <v>0</v>
      </c>
      <c r="X37" s="235">
        <v>0</v>
      </c>
      <c r="Y37" s="256">
        <v>0</v>
      </c>
      <c r="Z37" s="238">
        <v>0</v>
      </c>
      <c r="AA37" s="234">
        <v>0</v>
      </c>
      <c r="AB37" s="234">
        <v>0</v>
      </c>
      <c r="AC37" s="234">
        <v>0</v>
      </c>
      <c r="AD37" s="235">
        <v>0</v>
      </c>
      <c r="AE37" s="256">
        <v>0</v>
      </c>
      <c r="AF37" s="237">
        <v>0</v>
      </c>
      <c r="AG37" s="238">
        <v>0</v>
      </c>
      <c r="AH37" s="235">
        <v>0</v>
      </c>
      <c r="AI37" s="256">
        <v>0</v>
      </c>
      <c r="AJ37" s="238">
        <v>8</v>
      </c>
      <c r="AK37" s="234">
        <v>11</v>
      </c>
      <c r="AL37" s="234">
        <v>7</v>
      </c>
      <c r="AM37" s="234">
        <v>9</v>
      </c>
      <c r="AN37" s="235">
        <v>3</v>
      </c>
      <c r="AO37" s="256">
        <v>38</v>
      </c>
      <c r="AP37" s="237">
        <v>38</v>
      </c>
      <c r="AQ37" s="238">
        <v>0</v>
      </c>
      <c r="AR37" s="235">
        <v>0</v>
      </c>
      <c r="AS37" s="256">
        <v>0</v>
      </c>
      <c r="AT37" s="236">
        <v>8</v>
      </c>
      <c r="AU37" s="234">
        <v>10</v>
      </c>
      <c r="AV37" s="234">
        <v>7</v>
      </c>
      <c r="AW37" s="234">
        <v>9</v>
      </c>
      <c r="AX37" s="235">
        <v>3</v>
      </c>
      <c r="AY37" s="256">
        <v>37</v>
      </c>
      <c r="AZ37" s="257">
        <v>37</v>
      </c>
      <c r="BA37" s="233">
        <v>0</v>
      </c>
      <c r="BB37" s="235">
        <v>0</v>
      </c>
      <c r="BC37" s="235">
        <v>0</v>
      </c>
      <c r="BD37" s="236">
        <v>0</v>
      </c>
      <c r="BE37" s="234">
        <v>1</v>
      </c>
      <c r="BF37" s="234">
        <v>0</v>
      </c>
      <c r="BG37" s="234">
        <v>0</v>
      </c>
      <c r="BH37" s="235">
        <v>0</v>
      </c>
      <c r="BI37" s="256">
        <v>1</v>
      </c>
      <c r="BJ37" s="258">
        <v>1</v>
      </c>
      <c r="BK37" s="238">
        <v>0</v>
      </c>
      <c r="BL37" s="235">
        <v>0</v>
      </c>
      <c r="BM37" s="235">
        <v>0</v>
      </c>
      <c r="BN37" s="236">
        <v>0</v>
      </c>
      <c r="BO37" s="234">
        <v>0</v>
      </c>
      <c r="BP37" s="234">
        <v>0</v>
      </c>
      <c r="BQ37" s="234">
        <v>0</v>
      </c>
      <c r="BR37" s="235">
        <v>0</v>
      </c>
      <c r="BS37" s="256">
        <v>0</v>
      </c>
      <c r="BT37" s="257">
        <v>0</v>
      </c>
      <c r="BU37" s="233">
        <v>0</v>
      </c>
      <c r="BV37" s="235">
        <v>0</v>
      </c>
      <c r="BW37" s="235">
        <v>0</v>
      </c>
      <c r="BX37" s="236">
        <v>0</v>
      </c>
      <c r="BY37" s="234">
        <v>0</v>
      </c>
      <c r="BZ37" s="234">
        <v>0</v>
      </c>
      <c r="CA37" s="234">
        <v>0</v>
      </c>
      <c r="CB37" s="235">
        <v>0</v>
      </c>
      <c r="CC37" s="256">
        <v>0</v>
      </c>
      <c r="CD37" s="258">
        <v>0</v>
      </c>
      <c r="CE37" s="238">
        <v>0</v>
      </c>
      <c r="CF37" s="235">
        <v>0</v>
      </c>
      <c r="CG37" s="235">
        <v>0</v>
      </c>
      <c r="CH37" s="236">
        <v>0</v>
      </c>
      <c r="CI37" s="234">
        <v>0</v>
      </c>
      <c r="CJ37" s="234">
        <v>0</v>
      </c>
      <c r="CK37" s="234">
        <v>0</v>
      </c>
      <c r="CL37" s="235">
        <v>0</v>
      </c>
      <c r="CM37" s="256">
        <v>0</v>
      </c>
      <c r="CN37" s="258">
        <v>0</v>
      </c>
      <c r="CO37" s="238">
        <v>0</v>
      </c>
      <c r="CP37" s="235">
        <v>0</v>
      </c>
      <c r="CQ37" s="235">
        <v>0</v>
      </c>
      <c r="CR37" s="236">
        <v>0</v>
      </c>
      <c r="CS37" s="234">
        <v>0</v>
      </c>
      <c r="CT37" s="234">
        <v>0</v>
      </c>
      <c r="CU37" s="234">
        <v>2</v>
      </c>
      <c r="CV37" s="235">
        <v>1</v>
      </c>
      <c r="CW37" s="256">
        <v>3</v>
      </c>
      <c r="CX37" s="257">
        <v>3</v>
      </c>
      <c r="CY37" s="233">
        <v>0</v>
      </c>
      <c r="CZ37" s="235">
        <v>0</v>
      </c>
      <c r="DA37" s="235">
        <v>0</v>
      </c>
      <c r="DB37" s="236">
        <v>0</v>
      </c>
      <c r="DC37" s="234">
        <v>0</v>
      </c>
      <c r="DD37" s="234">
        <v>0</v>
      </c>
      <c r="DE37" s="234">
        <v>2</v>
      </c>
      <c r="DF37" s="235">
        <v>0</v>
      </c>
      <c r="DG37" s="256">
        <v>2</v>
      </c>
      <c r="DH37" s="258">
        <v>2</v>
      </c>
      <c r="DI37" s="238">
        <v>0</v>
      </c>
      <c r="DJ37" s="235">
        <v>0</v>
      </c>
      <c r="DK37" s="235">
        <v>0</v>
      </c>
      <c r="DL37" s="236">
        <v>0</v>
      </c>
      <c r="DM37" s="234">
        <v>0</v>
      </c>
      <c r="DN37" s="234">
        <v>0</v>
      </c>
      <c r="DO37" s="234">
        <v>0</v>
      </c>
      <c r="DP37" s="235">
        <v>1</v>
      </c>
      <c r="DQ37" s="256">
        <v>1</v>
      </c>
      <c r="DR37" s="258">
        <v>1</v>
      </c>
      <c r="DS37" s="238">
        <v>0</v>
      </c>
      <c r="DT37" s="235">
        <v>0</v>
      </c>
      <c r="DU37" s="235">
        <v>0</v>
      </c>
      <c r="DV37" s="236">
        <v>8</v>
      </c>
      <c r="DW37" s="234">
        <v>11</v>
      </c>
      <c r="DX37" s="234">
        <v>14</v>
      </c>
      <c r="DY37" s="234">
        <v>38</v>
      </c>
      <c r="DZ37" s="235">
        <v>12</v>
      </c>
      <c r="EA37" s="256">
        <v>83</v>
      </c>
      <c r="EB37" s="258">
        <v>83</v>
      </c>
      <c r="EC37" s="255"/>
    </row>
    <row r="38" spans="2:133" ht="21" customHeight="1" x14ac:dyDescent="0.2">
      <c r="B38" s="173" t="s">
        <v>35</v>
      </c>
      <c r="C38" s="233">
        <v>0</v>
      </c>
      <c r="D38" s="235">
        <v>0</v>
      </c>
      <c r="E38" s="235">
        <v>0</v>
      </c>
      <c r="F38" s="236">
        <v>1</v>
      </c>
      <c r="G38" s="234">
        <v>1</v>
      </c>
      <c r="H38" s="234">
        <v>23</v>
      </c>
      <c r="I38" s="234">
        <v>47</v>
      </c>
      <c r="J38" s="235">
        <v>30</v>
      </c>
      <c r="K38" s="256">
        <v>102</v>
      </c>
      <c r="L38" s="257">
        <v>102</v>
      </c>
      <c r="M38" s="233">
        <v>0</v>
      </c>
      <c r="N38" s="235">
        <v>0</v>
      </c>
      <c r="O38" s="256">
        <v>0</v>
      </c>
      <c r="P38" s="236">
        <v>1</v>
      </c>
      <c r="Q38" s="234">
        <v>1</v>
      </c>
      <c r="R38" s="234">
        <v>23</v>
      </c>
      <c r="S38" s="234">
        <v>47</v>
      </c>
      <c r="T38" s="235">
        <v>30</v>
      </c>
      <c r="U38" s="256">
        <v>102</v>
      </c>
      <c r="V38" s="258">
        <v>102</v>
      </c>
      <c r="W38" s="238">
        <v>0</v>
      </c>
      <c r="X38" s="235">
        <v>0</v>
      </c>
      <c r="Y38" s="256">
        <v>0</v>
      </c>
      <c r="Z38" s="238">
        <v>0</v>
      </c>
      <c r="AA38" s="234">
        <v>0</v>
      </c>
      <c r="AB38" s="234">
        <v>0</v>
      </c>
      <c r="AC38" s="234">
        <v>0</v>
      </c>
      <c r="AD38" s="235">
        <v>0</v>
      </c>
      <c r="AE38" s="256">
        <v>0</v>
      </c>
      <c r="AF38" s="237">
        <v>0</v>
      </c>
      <c r="AG38" s="238">
        <v>0</v>
      </c>
      <c r="AH38" s="235">
        <v>0</v>
      </c>
      <c r="AI38" s="256">
        <v>0</v>
      </c>
      <c r="AJ38" s="238">
        <v>23</v>
      </c>
      <c r="AK38" s="234">
        <v>26</v>
      </c>
      <c r="AL38" s="234">
        <v>28</v>
      </c>
      <c r="AM38" s="234">
        <v>15</v>
      </c>
      <c r="AN38" s="235">
        <v>8</v>
      </c>
      <c r="AO38" s="256">
        <v>100</v>
      </c>
      <c r="AP38" s="237">
        <v>100</v>
      </c>
      <c r="AQ38" s="238">
        <v>0</v>
      </c>
      <c r="AR38" s="235">
        <v>0</v>
      </c>
      <c r="AS38" s="256">
        <v>0</v>
      </c>
      <c r="AT38" s="236">
        <v>23</v>
      </c>
      <c r="AU38" s="234">
        <v>26</v>
      </c>
      <c r="AV38" s="234">
        <v>28</v>
      </c>
      <c r="AW38" s="234">
        <v>15</v>
      </c>
      <c r="AX38" s="235">
        <v>8</v>
      </c>
      <c r="AY38" s="256">
        <v>100</v>
      </c>
      <c r="AZ38" s="257">
        <v>100</v>
      </c>
      <c r="BA38" s="233">
        <v>0</v>
      </c>
      <c r="BB38" s="235">
        <v>0</v>
      </c>
      <c r="BC38" s="235">
        <v>0</v>
      </c>
      <c r="BD38" s="236">
        <v>0</v>
      </c>
      <c r="BE38" s="234">
        <v>0</v>
      </c>
      <c r="BF38" s="234">
        <v>0</v>
      </c>
      <c r="BG38" s="234">
        <v>0</v>
      </c>
      <c r="BH38" s="235">
        <v>0</v>
      </c>
      <c r="BI38" s="256">
        <v>0</v>
      </c>
      <c r="BJ38" s="258">
        <v>0</v>
      </c>
      <c r="BK38" s="238">
        <v>0</v>
      </c>
      <c r="BL38" s="235">
        <v>0</v>
      </c>
      <c r="BM38" s="235">
        <v>0</v>
      </c>
      <c r="BN38" s="236">
        <v>0</v>
      </c>
      <c r="BO38" s="234">
        <v>0</v>
      </c>
      <c r="BP38" s="234">
        <v>0</v>
      </c>
      <c r="BQ38" s="234">
        <v>0</v>
      </c>
      <c r="BR38" s="235">
        <v>0</v>
      </c>
      <c r="BS38" s="256">
        <v>0</v>
      </c>
      <c r="BT38" s="257">
        <v>0</v>
      </c>
      <c r="BU38" s="233">
        <v>0</v>
      </c>
      <c r="BV38" s="235">
        <v>0</v>
      </c>
      <c r="BW38" s="235">
        <v>0</v>
      </c>
      <c r="BX38" s="236">
        <v>0</v>
      </c>
      <c r="BY38" s="234">
        <v>0</v>
      </c>
      <c r="BZ38" s="234">
        <v>0</v>
      </c>
      <c r="CA38" s="234">
        <v>0</v>
      </c>
      <c r="CB38" s="235">
        <v>0</v>
      </c>
      <c r="CC38" s="256">
        <v>0</v>
      </c>
      <c r="CD38" s="258">
        <v>0</v>
      </c>
      <c r="CE38" s="238">
        <v>0</v>
      </c>
      <c r="CF38" s="235">
        <v>0</v>
      </c>
      <c r="CG38" s="235">
        <v>0</v>
      </c>
      <c r="CH38" s="236">
        <v>0</v>
      </c>
      <c r="CI38" s="234">
        <v>0</v>
      </c>
      <c r="CJ38" s="234">
        <v>0</v>
      </c>
      <c r="CK38" s="234">
        <v>0</v>
      </c>
      <c r="CL38" s="235">
        <v>0</v>
      </c>
      <c r="CM38" s="256">
        <v>0</v>
      </c>
      <c r="CN38" s="258">
        <v>0</v>
      </c>
      <c r="CO38" s="238">
        <v>0</v>
      </c>
      <c r="CP38" s="235">
        <v>0</v>
      </c>
      <c r="CQ38" s="235">
        <v>0</v>
      </c>
      <c r="CR38" s="236">
        <v>3</v>
      </c>
      <c r="CS38" s="234">
        <v>1</v>
      </c>
      <c r="CT38" s="234">
        <v>7</v>
      </c>
      <c r="CU38" s="234">
        <v>6</v>
      </c>
      <c r="CV38" s="235">
        <v>3</v>
      </c>
      <c r="CW38" s="256">
        <v>20</v>
      </c>
      <c r="CX38" s="257">
        <v>20</v>
      </c>
      <c r="CY38" s="233">
        <v>0</v>
      </c>
      <c r="CZ38" s="235">
        <v>0</v>
      </c>
      <c r="DA38" s="235">
        <v>0</v>
      </c>
      <c r="DB38" s="236">
        <v>2</v>
      </c>
      <c r="DC38" s="234">
        <v>1</v>
      </c>
      <c r="DD38" s="234">
        <v>7</v>
      </c>
      <c r="DE38" s="234">
        <v>6</v>
      </c>
      <c r="DF38" s="235">
        <v>3</v>
      </c>
      <c r="DG38" s="256">
        <v>19</v>
      </c>
      <c r="DH38" s="258">
        <v>19</v>
      </c>
      <c r="DI38" s="238">
        <v>0</v>
      </c>
      <c r="DJ38" s="235">
        <v>0</v>
      </c>
      <c r="DK38" s="235">
        <v>0</v>
      </c>
      <c r="DL38" s="236">
        <v>1</v>
      </c>
      <c r="DM38" s="234">
        <v>0</v>
      </c>
      <c r="DN38" s="234">
        <v>0</v>
      </c>
      <c r="DO38" s="234">
        <v>0</v>
      </c>
      <c r="DP38" s="235">
        <v>0</v>
      </c>
      <c r="DQ38" s="256">
        <v>1</v>
      </c>
      <c r="DR38" s="258">
        <v>1</v>
      </c>
      <c r="DS38" s="238">
        <v>0</v>
      </c>
      <c r="DT38" s="235">
        <v>0</v>
      </c>
      <c r="DU38" s="235">
        <v>0</v>
      </c>
      <c r="DV38" s="236">
        <v>27</v>
      </c>
      <c r="DW38" s="234">
        <v>28</v>
      </c>
      <c r="DX38" s="234">
        <v>58</v>
      </c>
      <c r="DY38" s="234">
        <v>68</v>
      </c>
      <c r="DZ38" s="235">
        <v>41</v>
      </c>
      <c r="EA38" s="256">
        <v>222</v>
      </c>
      <c r="EB38" s="258">
        <v>222</v>
      </c>
      <c r="EC38" s="255"/>
    </row>
    <row r="39" spans="2:133" ht="21" customHeight="1" x14ac:dyDescent="0.2">
      <c r="B39" s="173" t="s">
        <v>36</v>
      </c>
      <c r="C39" s="233">
        <v>0</v>
      </c>
      <c r="D39" s="235">
        <v>0</v>
      </c>
      <c r="E39" s="235">
        <v>0</v>
      </c>
      <c r="F39" s="236">
        <v>0</v>
      </c>
      <c r="G39" s="234">
        <v>3</v>
      </c>
      <c r="H39" s="234">
        <v>61</v>
      </c>
      <c r="I39" s="234">
        <v>85</v>
      </c>
      <c r="J39" s="235">
        <v>64</v>
      </c>
      <c r="K39" s="256">
        <v>213</v>
      </c>
      <c r="L39" s="257">
        <v>213</v>
      </c>
      <c r="M39" s="233">
        <v>0</v>
      </c>
      <c r="N39" s="235">
        <v>0</v>
      </c>
      <c r="O39" s="256">
        <v>0</v>
      </c>
      <c r="P39" s="236">
        <v>0</v>
      </c>
      <c r="Q39" s="234">
        <v>3</v>
      </c>
      <c r="R39" s="234">
        <v>60</v>
      </c>
      <c r="S39" s="234">
        <v>81</v>
      </c>
      <c r="T39" s="235">
        <v>63</v>
      </c>
      <c r="U39" s="256">
        <v>207</v>
      </c>
      <c r="V39" s="258">
        <v>207</v>
      </c>
      <c r="W39" s="238">
        <v>0</v>
      </c>
      <c r="X39" s="235">
        <v>0</v>
      </c>
      <c r="Y39" s="256">
        <v>0</v>
      </c>
      <c r="Z39" s="238">
        <v>0</v>
      </c>
      <c r="AA39" s="234">
        <v>0</v>
      </c>
      <c r="AB39" s="234">
        <v>1</v>
      </c>
      <c r="AC39" s="234">
        <v>4</v>
      </c>
      <c r="AD39" s="235">
        <v>1</v>
      </c>
      <c r="AE39" s="256">
        <v>6</v>
      </c>
      <c r="AF39" s="237">
        <v>6</v>
      </c>
      <c r="AG39" s="238">
        <v>0</v>
      </c>
      <c r="AH39" s="235">
        <v>0</v>
      </c>
      <c r="AI39" s="256">
        <v>0</v>
      </c>
      <c r="AJ39" s="238">
        <v>14</v>
      </c>
      <c r="AK39" s="234">
        <v>18</v>
      </c>
      <c r="AL39" s="234">
        <v>34</v>
      </c>
      <c r="AM39" s="234">
        <v>50</v>
      </c>
      <c r="AN39" s="235">
        <v>23</v>
      </c>
      <c r="AO39" s="256">
        <v>139</v>
      </c>
      <c r="AP39" s="237">
        <v>139</v>
      </c>
      <c r="AQ39" s="238">
        <v>0</v>
      </c>
      <c r="AR39" s="235">
        <v>0</v>
      </c>
      <c r="AS39" s="256">
        <v>0</v>
      </c>
      <c r="AT39" s="236">
        <v>14</v>
      </c>
      <c r="AU39" s="234">
        <v>18</v>
      </c>
      <c r="AV39" s="234">
        <v>34</v>
      </c>
      <c r="AW39" s="234">
        <v>49</v>
      </c>
      <c r="AX39" s="235">
        <v>23</v>
      </c>
      <c r="AY39" s="256">
        <v>138</v>
      </c>
      <c r="AZ39" s="257">
        <v>138</v>
      </c>
      <c r="BA39" s="233">
        <v>0</v>
      </c>
      <c r="BB39" s="235">
        <v>0</v>
      </c>
      <c r="BC39" s="235">
        <v>0</v>
      </c>
      <c r="BD39" s="236">
        <v>0</v>
      </c>
      <c r="BE39" s="234">
        <v>0</v>
      </c>
      <c r="BF39" s="234">
        <v>0</v>
      </c>
      <c r="BG39" s="234">
        <v>1</v>
      </c>
      <c r="BH39" s="235">
        <v>0</v>
      </c>
      <c r="BI39" s="256">
        <v>1</v>
      </c>
      <c r="BJ39" s="258">
        <v>1</v>
      </c>
      <c r="BK39" s="238">
        <v>0</v>
      </c>
      <c r="BL39" s="235">
        <v>0</v>
      </c>
      <c r="BM39" s="235">
        <v>0</v>
      </c>
      <c r="BN39" s="236">
        <v>0</v>
      </c>
      <c r="BO39" s="234">
        <v>0</v>
      </c>
      <c r="BP39" s="234">
        <v>0</v>
      </c>
      <c r="BQ39" s="234">
        <v>1</v>
      </c>
      <c r="BR39" s="235">
        <v>1</v>
      </c>
      <c r="BS39" s="256">
        <v>2</v>
      </c>
      <c r="BT39" s="257">
        <v>2</v>
      </c>
      <c r="BU39" s="233">
        <v>0</v>
      </c>
      <c r="BV39" s="235">
        <v>0</v>
      </c>
      <c r="BW39" s="235">
        <v>0</v>
      </c>
      <c r="BX39" s="236">
        <v>0</v>
      </c>
      <c r="BY39" s="234">
        <v>0</v>
      </c>
      <c r="BZ39" s="234">
        <v>0</v>
      </c>
      <c r="CA39" s="234">
        <v>1</v>
      </c>
      <c r="CB39" s="235">
        <v>1</v>
      </c>
      <c r="CC39" s="256">
        <v>2</v>
      </c>
      <c r="CD39" s="258">
        <v>2</v>
      </c>
      <c r="CE39" s="238">
        <v>0</v>
      </c>
      <c r="CF39" s="235">
        <v>0</v>
      </c>
      <c r="CG39" s="235">
        <v>0</v>
      </c>
      <c r="CH39" s="236">
        <v>0</v>
      </c>
      <c r="CI39" s="234">
        <v>0</v>
      </c>
      <c r="CJ39" s="234">
        <v>0</v>
      </c>
      <c r="CK39" s="234">
        <v>0</v>
      </c>
      <c r="CL39" s="235">
        <v>0</v>
      </c>
      <c r="CM39" s="256">
        <v>0</v>
      </c>
      <c r="CN39" s="258">
        <v>0</v>
      </c>
      <c r="CO39" s="238">
        <v>0</v>
      </c>
      <c r="CP39" s="235">
        <v>0</v>
      </c>
      <c r="CQ39" s="235">
        <v>0</v>
      </c>
      <c r="CR39" s="236">
        <v>0</v>
      </c>
      <c r="CS39" s="234">
        <v>0</v>
      </c>
      <c r="CT39" s="234">
        <v>0</v>
      </c>
      <c r="CU39" s="234">
        <v>7</v>
      </c>
      <c r="CV39" s="235">
        <v>3</v>
      </c>
      <c r="CW39" s="256">
        <v>10</v>
      </c>
      <c r="CX39" s="257">
        <v>10</v>
      </c>
      <c r="CY39" s="233">
        <v>0</v>
      </c>
      <c r="CZ39" s="235">
        <v>0</v>
      </c>
      <c r="DA39" s="235">
        <v>0</v>
      </c>
      <c r="DB39" s="236">
        <v>0</v>
      </c>
      <c r="DC39" s="234">
        <v>0</v>
      </c>
      <c r="DD39" s="234">
        <v>0</v>
      </c>
      <c r="DE39" s="234">
        <v>6</v>
      </c>
      <c r="DF39" s="235">
        <v>3</v>
      </c>
      <c r="DG39" s="256">
        <v>9</v>
      </c>
      <c r="DH39" s="258">
        <v>9</v>
      </c>
      <c r="DI39" s="238">
        <v>0</v>
      </c>
      <c r="DJ39" s="235">
        <v>0</v>
      </c>
      <c r="DK39" s="235">
        <v>0</v>
      </c>
      <c r="DL39" s="236">
        <v>0</v>
      </c>
      <c r="DM39" s="234">
        <v>0</v>
      </c>
      <c r="DN39" s="234">
        <v>0</v>
      </c>
      <c r="DO39" s="234">
        <v>1</v>
      </c>
      <c r="DP39" s="235">
        <v>0</v>
      </c>
      <c r="DQ39" s="256">
        <v>1</v>
      </c>
      <c r="DR39" s="258">
        <v>1</v>
      </c>
      <c r="DS39" s="238">
        <v>0</v>
      </c>
      <c r="DT39" s="235">
        <v>0</v>
      </c>
      <c r="DU39" s="235">
        <v>0</v>
      </c>
      <c r="DV39" s="236">
        <v>14</v>
      </c>
      <c r="DW39" s="234">
        <v>21</v>
      </c>
      <c r="DX39" s="234">
        <v>95</v>
      </c>
      <c r="DY39" s="234">
        <v>140</v>
      </c>
      <c r="DZ39" s="235">
        <v>90</v>
      </c>
      <c r="EA39" s="256">
        <v>360</v>
      </c>
      <c r="EB39" s="258">
        <v>360</v>
      </c>
      <c r="EC39" s="255"/>
    </row>
    <row r="40" spans="2:133" ht="21" customHeight="1" thickBot="1" x14ac:dyDescent="0.25">
      <c r="B40" s="175" t="s">
        <v>37</v>
      </c>
      <c r="C40" s="239">
        <v>0</v>
      </c>
      <c r="D40" s="241">
        <v>0</v>
      </c>
      <c r="E40" s="241">
        <v>0</v>
      </c>
      <c r="F40" s="242">
        <v>0</v>
      </c>
      <c r="G40" s="240">
        <v>0</v>
      </c>
      <c r="H40" s="240">
        <v>5</v>
      </c>
      <c r="I40" s="240">
        <v>8</v>
      </c>
      <c r="J40" s="241">
        <v>7</v>
      </c>
      <c r="K40" s="259">
        <v>20</v>
      </c>
      <c r="L40" s="260">
        <v>20</v>
      </c>
      <c r="M40" s="239">
        <v>0</v>
      </c>
      <c r="N40" s="241">
        <v>0</v>
      </c>
      <c r="O40" s="259">
        <v>0</v>
      </c>
      <c r="P40" s="242">
        <v>0</v>
      </c>
      <c r="Q40" s="240">
        <v>0</v>
      </c>
      <c r="R40" s="240">
        <v>5</v>
      </c>
      <c r="S40" s="240">
        <v>8</v>
      </c>
      <c r="T40" s="241">
        <v>7</v>
      </c>
      <c r="U40" s="259">
        <v>20</v>
      </c>
      <c r="V40" s="261">
        <v>20</v>
      </c>
      <c r="W40" s="244">
        <v>0</v>
      </c>
      <c r="X40" s="241">
        <v>0</v>
      </c>
      <c r="Y40" s="259">
        <v>0</v>
      </c>
      <c r="Z40" s="244">
        <v>0</v>
      </c>
      <c r="AA40" s="240">
        <v>0</v>
      </c>
      <c r="AB40" s="240">
        <v>0</v>
      </c>
      <c r="AC40" s="240">
        <v>0</v>
      </c>
      <c r="AD40" s="241">
        <v>0</v>
      </c>
      <c r="AE40" s="259">
        <v>0</v>
      </c>
      <c r="AF40" s="243">
        <v>0</v>
      </c>
      <c r="AG40" s="244">
        <v>0</v>
      </c>
      <c r="AH40" s="241">
        <v>0</v>
      </c>
      <c r="AI40" s="259">
        <v>0</v>
      </c>
      <c r="AJ40" s="244">
        <v>1</v>
      </c>
      <c r="AK40" s="240">
        <v>3</v>
      </c>
      <c r="AL40" s="240">
        <v>8</v>
      </c>
      <c r="AM40" s="240">
        <v>2</v>
      </c>
      <c r="AN40" s="241">
        <v>2</v>
      </c>
      <c r="AO40" s="259">
        <v>16</v>
      </c>
      <c r="AP40" s="243">
        <v>16</v>
      </c>
      <c r="AQ40" s="244">
        <v>0</v>
      </c>
      <c r="AR40" s="241">
        <v>0</v>
      </c>
      <c r="AS40" s="259">
        <v>0</v>
      </c>
      <c r="AT40" s="242">
        <v>1</v>
      </c>
      <c r="AU40" s="240">
        <v>3</v>
      </c>
      <c r="AV40" s="240">
        <v>8</v>
      </c>
      <c r="AW40" s="240">
        <v>2</v>
      </c>
      <c r="AX40" s="241">
        <v>2</v>
      </c>
      <c r="AY40" s="259">
        <v>16</v>
      </c>
      <c r="AZ40" s="260">
        <v>16</v>
      </c>
      <c r="BA40" s="239">
        <v>0</v>
      </c>
      <c r="BB40" s="241">
        <v>0</v>
      </c>
      <c r="BC40" s="241">
        <v>0</v>
      </c>
      <c r="BD40" s="242">
        <v>0</v>
      </c>
      <c r="BE40" s="240">
        <v>0</v>
      </c>
      <c r="BF40" s="240">
        <v>0</v>
      </c>
      <c r="BG40" s="240">
        <v>0</v>
      </c>
      <c r="BH40" s="241">
        <v>0</v>
      </c>
      <c r="BI40" s="259">
        <v>0</v>
      </c>
      <c r="BJ40" s="261">
        <v>0</v>
      </c>
      <c r="BK40" s="244">
        <v>0</v>
      </c>
      <c r="BL40" s="241">
        <v>0</v>
      </c>
      <c r="BM40" s="241">
        <v>0</v>
      </c>
      <c r="BN40" s="242">
        <v>0</v>
      </c>
      <c r="BO40" s="240">
        <v>0</v>
      </c>
      <c r="BP40" s="240">
        <v>0</v>
      </c>
      <c r="BQ40" s="240">
        <v>0</v>
      </c>
      <c r="BR40" s="241">
        <v>0</v>
      </c>
      <c r="BS40" s="259">
        <v>0</v>
      </c>
      <c r="BT40" s="260">
        <v>0</v>
      </c>
      <c r="BU40" s="239">
        <v>0</v>
      </c>
      <c r="BV40" s="241">
        <v>0</v>
      </c>
      <c r="BW40" s="241">
        <v>0</v>
      </c>
      <c r="BX40" s="242">
        <v>0</v>
      </c>
      <c r="BY40" s="240">
        <v>0</v>
      </c>
      <c r="BZ40" s="240">
        <v>0</v>
      </c>
      <c r="CA40" s="240">
        <v>0</v>
      </c>
      <c r="CB40" s="241">
        <v>0</v>
      </c>
      <c r="CC40" s="259">
        <v>0</v>
      </c>
      <c r="CD40" s="261">
        <v>0</v>
      </c>
      <c r="CE40" s="244">
        <v>0</v>
      </c>
      <c r="CF40" s="241">
        <v>0</v>
      </c>
      <c r="CG40" s="241">
        <v>0</v>
      </c>
      <c r="CH40" s="242">
        <v>0</v>
      </c>
      <c r="CI40" s="240">
        <v>0</v>
      </c>
      <c r="CJ40" s="240">
        <v>0</v>
      </c>
      <c r="CK40" s="240">
        <v>0</v>
      </c>
      <c r="CL40" s="241">
        <v>0</v>
      </c>
      <c r="CM40" s="259">
        <v>0</v>
      </c>
      <c r="CN40" s="261">
        <v>0</v>
      </c>
      <c r="CO40" s="244">
        <v>0</v>
      </c>
      <c r="CP40" s="241">
        <v>0</v>
      </c>
      <c r="CQ40" s="241">
        <v>0</v>
      </c>
      <c r="CR40" s="242">
        <v>0</v>
      </c>
      <c r="CS40" s="240">
        <v>0</v>
      </c>
      <c r="CT40" s="240">
        <v>0</v>
      </c>
      <c r="CU40" s="240">
        <v>0</v>
      </c>
      <c r="CV40" s="241">
        <v>1</v>
      </c>
      <c r="CW40" s="259">
        <v>1</v>
      </c>
      <c r="CX40" s="260">
        <v>1</v>
      </c>
      <c r="CY40" s="239">
        <v>0</v>
      </c>
      <c r="CZ40" s="241">
        <v>0</v>
      </c>
      <c r="DA40" s="241">
        <v>0</v>
      </c>
      <c r="DB40" s="242">
        <v>0</v>
      </c>
      <c r="DC40" s="240">
        <v>0</v>
      </c>
      <c r="DD40" s="240">
        <v>0</v>
      </c>
      <c r="DE40" s="240">
        <v>0</v>
      </c>
      <c r="DF40" s="241">
        <v>1</v>
      </c>
      <c r="DG40" s="259">
        <v>1</v>
      </c>
      <c r="DH40" s="261">
        <v>1</v>
      </c>
      <c r="DI40" s="244">
        <v>0</v>
      </c>
      <c r="DJ40" s="241">
        <v>0</v>
      </c>
      <c r="DK40" s="241">
        <v>0</v>
      </c>
      <c r="DL40" s="242">
        <v>0</v>
      </c>
      <c r="DM40" s="240">
        <v>0</v>
      </c>
      <c r="DN40" s="240">
        <v>0</v>
      </c>
      <c r="DO40" s="240">
        <v>0</v>
      </c>
      <c r="DP40" s="241">
        <v>0</v>
      </c>
      <c r="DQ40" s="259">
        <v>0</v>
      </c>
      <c r="DR40" s="261">
        <v>0</v>
      </c>
      <c r="DS40" s="244">
        <v>0</v>
      </c>
      <c r="DT40" s="241">
        <v>0</v>
      </c>
      <c r="DU40" s="241">
        <v>0</v>
      </c>
      <c r="DV40" s="242">
        <v>1</v>
      </c>
      <c r="DW40" s="240">
        <v>3</v>
      </c>
      <c r="DX40" s="240">
        <v>13</v>
      </c>
      <c r="DY40" s="240">
        <v>10</v>
      </c>
      <c r="DZ40" s="241">
        <v>10</v>
      </c>
      <c r="EA40" s="259">
        <v>37</v>
      </c>
      <c r="EB40" s="261">
        <v>37</v>
      </c>
      <c r="EC40" s="255"/>
    </row>
    <row r="41" spans="2:133" x14ac:dyDescent="0.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55"/>
      <c r="AH41" s="255"/>
      <c r="AI41" s="255"/>
      <c r="AJ41" s="255"/>
      <c r="AK41" s="255"/>
      <c r="AL41" s="255"/>
      <c r="AM41" s="255"/>
      <c r="AN41" s="255"/>
      <c r="AO41" s="255"/>
      <c r="AP41" s="255"/>
      <c r="AQ41" s="255"/>
      <c r="AR41" s="255"/>
      <c r="AS41" s="255"/>
      <c r="AT41" s="255"/>
      <c r="AU41" s="255"/>
      <c r="AV41" s="255"/>
      <c r="AW41" s="255"/>
      <c r="AX41" s="255"/>
      <c r="AY41" s="255"/>
      <c r="AZ41" s="255"/>
      <c r="BA41" s="255"/>
      <c r="BB41" s="255"/>
      <c r="BC41" s="255"/>
      <c r="BD41" s="255"/>
      <c r="BE41" s="255"/>
      <c r="BF41" s="255"/>
      <c r="BG41" s="255"/>
      <c r="BH41" s="255"/>
      <c r="BI41" s="255"/>
      <c r="BJ41" s="255"/>
      <c r="BK41" s="255"/>
      <c r="BL41" s="255"/>
      <c r="BM41" s="255"/>
      <c r="BN41" s="255"/>
      <c r="BO41" s="255"/>
      <c r="BP41" s="255"/>
      <c r="BQ41" s="255"/>
      <c r="BR41" s="255"/>
      <c r="BS41" s="255"/>
      <c r="BT41" s="255"/>
      <c r="BU41" s="255"/>
      <c r="BV41" s="255"/>
      <c r="BW41" s="255"/>
      <c r="BX41" s="255"/>
      <c r="BY41" s="255"/>
      <c r="BZ41" s="255"/>
      <c r="CA41" s="255"/>
      <c r="CB41" s="255"/>
      <c r="CC41" s="255"/>
      <c r="CD41" s="255"/>
      <c r="CE41" s="255"/>
      <c r="CF41" s="255"/>
      <c r="CG41" s="255"/>
      <c r="CH41" s="255"/>
      <c r="CI41" s="255"/>
      <c r="CJ41" s="255"/>
      <c r="CK41" s="255"/>
      <c r="CL41" s="255"/>
      <c r="CM41" s="255"/>
      <c r="CN41" s="255"/>
      <c r="CO41" s="255"/>
      <c r="CP41" s="255"/>
      <c r="CQ41" s="255"/>
      <c r="CR41" s="255"/>
      <c r="CS41" s="255"/>
      <c r="CT41" s="255"/>
      <c r="CU41" s="255"/>
      <c r="CV41" s="255"/>
      <c r="CW41" s="255"/>
      <c r="CX41" s="255"/>
      <c r="CY41" s="255"/>
      <c r="CZ41" s="255"/>
      <c r="DA41" s="255"/>
      <c r="DB41" s="255"/>
      <c r="DC41" s="255"/>
      <c r="DD41" s="255"/>
      <c r="DE41" s="255"/>
      <c r="DF41" s="255"/>
      <c r="DG41" s="255"/>
      <c r="DH41" s="255"/>
      <c r="DI41" s="255"/>
      <c r="DJ41" s="255"/>
      <c r="DK41" s="255"/>
      <c r="DL41" s="255"/>
      <c r="DM41" s="255"/>
      <c r="DN41" s="255"/>
      <c r="DO41" s="255"/>
      <c r="DP41" s="255"/>
      <c r="DQ41" s="255"/>
      <c r="DR41" s="255"/>
      <c r="DS41" s="255"/>
      <c r="DT41" s="255"/>
      <c r="DU41" s="255"/>
      <c r="DV41" s="255"/>
      <c r="DW41" s="255"/>
      <c r="DX41" s="255"/>
      <c r="DY41" s="255"/>
      <c r="DZ41" s="255"/>
      <c r="EA41" s="255"/>
      <c r="EB41" s="255"/>
      <c r="EC41" s="255"/>
    </row>
    <row r="42" spans="2:133" x14ac:dyDescent="0.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c r="DV42" s="255"/>
      <c r="DW42" s="255"/>
      <c r="DX42" s="255"/>
      <c r="DY42" s="255"/>
      <c r="DZ42" s="255"/>
      <c r="EA42" s="255"/>
      <c r="EB42" s="255"/>
      <c r="EC42" s="255"/>
    </row>
    <row r="43" spans="2:133" x14ac:dyDescent="0.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c r="DM43" s="255"/>
      <c r="DN43" s="255"/>
      <c r="DO43" s="255"/>
      <c r="DP43" s="255"/>
      <c r="DQ43" s="255"/>
      <c r="DR43" s="255"/>
      <c r="DS43" s="255"/>
      <c r="DT43" s="255"/>
      <c r="DU43" s="255"/>
      <c r="DV43" s="255"/>
      <c r="DW43" s="255"/>
      <c r="DX43" s="255"/>
      <c r="DY43" s="255"/>
      <c r="DZ43" s="255"/>
      <c r="EA43" s="255"/>
      <c r="EB43" s="255"/>
      <c r="EC43" s="255"/>
    </row>
    <row r="44" spans="2:133" x14ac:dyDescent="0.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55"/>
      <c r="AH44" s="255"/>
      <c r="AI44" s="255"/>
      <c r="AJ44" s="255"/>
      <c r="AK44" s="255"/>
      <c r="AL44" s="255"/>
      <c r="AM44" s="255"/>
      <c r="AN44" s="255"/>
      <c r="AO44" s="255"/>
      <c r="AP44" s="255"/>
      <c r="AQ44" s="255"/>
      <c r="AR44" s="255"/>
      <c r="AS44" s="255"/>
      <c r="AT44" s="255"/>
      <c r="AU44" s="255"/>
      <c r="AV44" s="255"/>
      <c r="AW44" s="255"/>
      <c r="AX44" s="255"/>
      <c r="AY44" s="255"/>
      <c r="AZ44" s="255"/>
      <c r="BA44" s="255"/>
      <c r="BB44" s="255"/>
      <c r="BC44" s="255"/>
      <c r="BD44" s="255"/>
      <c r="BE44" s="255"/>
      <c r="BF44" s="255"/>
      <c r="BG44" s="255"/>
      <c r="BH44" s="255"/>
      <c r="BI44" s="255"/>
      <c r="BJ44" s="255"/>
      <c r="BK44" s="255"/>
      <c r="BL44" s="255"/>
      <c r="BM44" s="255"/>
      <c r="BN44" s="255"/>
      <c r="BO44" s="255"/>
      <c r="BP44" s="255"/>
      <c r="BQ44" s="255"/>
      <c r="BR44" s="255"/>
      <c r="BS44" s="255"/>
      <c r="BT44" s="255"/>
      <c r="BU44" s="255"/>
      <c r="BV44" s="255"/>
      <c r="BW44" s="255"/>
      <c r="BX44" s="255"/>
      <c r="BY44" s="255"/>
      <c r="BZ44" s="255"/>
      <c r="CA44" s="255"/>
      <c r="CB44" s="255"/>
      <c r="CC44" s="255"/>
      <c r="CD44" s="255"/>
      <c r="CE44" s="255"/>
      <c r="CF44" s="255"/>
      <c r="CG44" s="255"/>
      <c r="CH44" s="255"/>
      <c r="CI44" s="255"/>
      <c r="CJ44" s="255"/>
      <c r="CK44" s="255"/>
      <c r="CL44" s="255"/>
      <c r="CM44" s="255"/>
      <c r="CN44" s="255"/>
      <c r="CO44" s="255"/>
      <c r="CP44" s="255"/>
      <c r="CQ44" s="255"/>
      <c r="CR44" s="255"/>
      <c r="CS44" s="255"/>
      <c r="CT44" s="255"/>
      <c r="CU44" s="255"/>
      <c r="CV44" s="255"/>
      <c r="CW44" s="255"/>
      <c r="CX44" s="255"/>
      <c r="CY44" s="255"/>
      <c r="CZ44" s="255"/>
      <c r="DA44" s="255"/>
      <c r="DB44" s="255"/>
      <c r="DC44" s="255"/>
      <c r="DD44" s="255"/>
      <c r="DE44" s="255"/>
      <c r="DF44" s="255"/>
      <c r="DG44" s="255"/>
      <c r="DH44" s="255"/>
      <c r="DI44" s="255"/>
      <c r="DJ44" s="255"/>
      <c r="DK44" s="255"/>
      <c r="DL44" s="255"/>
      <c r="DM44" s="255"/>
      <c r="DN44" s="255"/>
      <c r="DO44" s="255"/>
      <c r="DP44" s="255"/>
      <c r="DQ44" s="255"/>
      <c r="DR44" s="255"/>
      <c r="DS44" s="255"/>
      <c r="DT44" s="255"/>
      <c r="DU44" s="255"/>
      <c r="DV44" s="255"/>
      <c r="DW44" s="255"/>
      <c r="DX44" s="255"/>
      <c r="DY44" s="255"/>
      <c r="DZ44" s="255"/>
      <c r="EA44" s="255"/>
      <c r="EB44" s="255"/>
      <c r="EC44" s="255"/>
    </row>
    <row r="45" spans="2:133" x14ac:dyDescent="0.2">
      <c r="C45" s="262"/>
      <c r="D45" s="262"/>
      <c r="E45" s="262"/>
      <c r="F45" s="262"/>
      <c r="G45" s="262"/>
      <c r="H45" s="262"/>
      <c r="I45" s="262"/>
      <c r="J45" s="262"/>
      <c r="K45" s="262"/>
      <c r="L45" s="262"/>
      <c r="M45" s="262"/>
      <c r="N45" s="262"/>
      <c r="O45" s="262"/>
      <c r="P45" s="262"/>
      <c r="Q45" s="262"/>
      <c r="R45" s="262"/>
      <c r="S45" s="262"/>
      <c r="T45" s="262"/>
      <c r="U45" s="262"/>
      <c r="V45" s="262"/>
      <c r="W45" s="262"/>
      <c r="X45" s="262"/>
      <c r="Y45" s="262"/>
      <c r="Z45" s="262"/>
      <c r="AA45" s="262"/>
      <c r="AB45" s="262"/>
      <c r="AC45" s="262"/>
      <c r="AD45" s="262"/>
      <c r="AE45" s="262"/>
      <c r="AF45" s="262"/>
      <c r="AG45" s="255"/>
      <c r="AH45" s="255"/>
      <c r="AI45" s="255"/>
      <c r="AJ45" s="255"/>
      <c r="AK45" s="255"/>
      <c r="AL45" s="255"/>
      <c r="AM45" s="255"/>
      <c r="AN45" s="255"/>
      <c r="AO45" s="255"/>
      <c r="AP45" s="255"/>
      <c r="AQ45" s="255"/>
      <c r="AR45" s="255"/>
      <c r="AS45" s="255"/>
      <c r="AT45" s="255"/>
      <c r="AU45" s="255"/>
      <c r="AV45" s="255"/>
      <c r="AW45" s="255"/>
      <c r="AX45" s="255"/>
      <c r="AY45" s="255"/>
      <c r="AZ45" s="255"/>
      <c r="BA45" s="255"/>
      <c r="BB45" s="255"/>
      <c r="BC45" s="255"/>
      <c r="BD45" s="255"/>
      <c r="BE45" s="255"/>
      <c r="BF45" s="255"/>
      <c r="BG45" s="255"/>
      <c r="BH45" s="255"/>
      <c r="BI45" s="255"/>
      <c r="BJ45" s="255"/>
      <c r="BK45" s="255"/>
      <c r="BL45" s="255"/>
      <c r="BM45" s="255"/>
      <c r="BN45" s="255"/>
      <c r="BO45" s="255"/>
      <c r="BP45" s="255"/>
      <c r="BQ45" s="255"/>
      <c r="BR45" s="255"/>
      <c r="BS45" s="255"/>
      <c r="BT45" s="255"/>
      <c r="BU45" s="255"/>
      <c r="BV45" s="255"/>
      <c r="BW45" s="255"/>
      <c r="BX45" s="255"/>
      <c r="BY45" s="255"/>
      <c r="BZ45" s="255"/>
      <c r="CA45" s="255"/>
      <c r="CB45" s="255"/>
      <c r="CC45" s="255"/>
      <c r="CD45" s="255"/>
      <c r="CE45" s="255"/>
      <c r="CF45" s="255"/>
      <c r="CG45" s="255"/>
      <c r="CH45" s="255"/>
      <c r="CI45" s="255"/>
      <c r="CJ45" s="255"/>
      <c r="CK45" s="255"/>
      <c r="CL45" s="255"/>
      <c r="CM45" s="255"/>
      <c r="CN45" s="255"/>
      <c r="CO45" s="255"/>
      <c r="CP45" s="255"/>
      <c r="CQ45" s="255"/>
      <c r="CR45" s="255"/>
      <c r="CS45" s="255"/>
      <c r="CT45" s="255"/>
      <c r="CU45" s="255"/>
      <c r="CV45" s="255"/>
      <c r="CW45" s="255"/>
      <c r="CX45" s="255"/>
      <c r="CY45" s="255"/>
      <c r="CZ45" s="255"/>
      <c r="DA45" s="255"/>
      <c r="DB45" s="255"/>
      <c r="DC45" s="255"/>
      <c r="DD45" s="255"/>
      <c r="DE45" s="255"/>
      <c r="DF45" s="255"/>
      <c r="DG45" s="255"/>
      <c r="DH45" s="255"/>
      <c r="DI45" s="255"/>
      <c r="DJ45" s="255"/>
      <c r="DK45" s="255"/>
      <c r="DL45" s="255"/>
      <c r="DM45" s="255"/>
      <c r="DN45" s="255"/>
      <c r="DO45" s="255"/>
      <c r="DP45" s="255"/>
      <c r="DQ45" s="255"/>
      <c r="DR45" s="255"/>
      <c r="DS45" s="255"/>
      <c r="DT45" s="255"/>
      <c r="DU45" s="255"/>
      <c r="DV45" s="255"/>
      <c r="DW45" s="255"/>
      <c r="DX45" s="255"/>
      <c r="DY45" s="255"/>
      <c r="DZ45" s="255"/>
      <c r="EA45" s="255"/>
      <c r="EB45" s="255"/>
      <c r="EC45" s="255"/>
    </row>
    <row r="46" spans="2:133" x14ac:dyDescent="0.2">
      <c r="C46" s="137"/>
      <c r="D46" s="137"/>
      <c r="E46" s="137"/>
      <c r="F46" s="137"/>
      <c r="G46" s="137"/>
      <c r="H46" s="137"/>
      <c r="I46" s="137"/>
      <c r="J46" s="137"/>
      <c r="K46" s="137"/>
      <c r="L46" s="137"/>
      <c r="M46" s="137"/>
      <c r="N46" s="137"/>
      <c r="O46" s="137"/>
      <c r="P46" s="137"/>
      <c r="Q46" s="137"/>
      <c r="R46" s="137"/>
      <c r="S46" s="137"/>
      <c r="T46" s="137"/>
      <c r="U46" s="137"/>
      <c r="V46" s="137"/>
      <c r="W46" s="137"/>
      <c r="X46" s="137"/>
      <c r="Y46" s="137"/>
      <c r="Z46" s="137"/>
      <c r="AA46" s="137"/>
      <c r="AB46" s="137"/>
      <c r="AC46" s="137"/>
      <c r="AD46" s="137"/>
      <c r="AE46" s="137"/>
      <c r="AF46" s="137"/>
    </row>
    <row r="47" spans="2:133" x14ac:dyDescent="0.2">
      <c r="C47" s="137"/>
      <c r="D47" s="137"/>
      <c r="E47" s="137"/>
      <c r="F47" s="137"/>
      <c r="G47" s="137"/>
      <c r="H47" s="137"/>
      <c r="I47" s="137"/>
      <c r="J47" s="137"/>
      <c r="K47" s="137"/>
      <c r="L47" s="137"/>
      <c r="M47" s="137"/>
      <c r="N47" s="137"/>
      <c r="O47" s="137"/>
      <c r="P47" s="137"/>
      <c r="Q47" s="137"/>
      <c r="R47" s="137"/>
      <c r="S47" s="137"/>
      <c r="T47" s="137"/>
      <c r="U47" s="137"/>
      <c r="V47" s="137"/>
      <c r="W47" s="137"/>
      <c r="X47" s="137"/>
      <c r="Y47" s="137"/>
      <c r="Z47" s="137"/>
      <c r="AA47" s="137"/>
      <c r="AB47" s="137"/>
      <c r="AC47" s="137"/>
      <c r="AD47" s="137"/>
      <c r="AE47" s="137"/>
      <c r="AF47" s="137"/>
    </row>
    <row r="48" spans="2:133" x14ac:dyDescent="0.2">
      <c r="C48" s="137"/>
      <c r="D48" s="137"/>
      <c r="E48" s="137"/>
      <c r="F48" s="137"/>
      <c r="G48" s="137"/>
      <c r="H48" s="137"/>
      <c r="I48" s="137"/>
      <c r="J48" s="137"/>
      <c r="K48" s="137"/>
      <c r="L48" s="137"/>
      <c r="M48" s="137"/>
      <c r="N48" s="137"/>
      <c r="O48" s="137"/>
      <c r="P48" s="137"/>
      <c r="Q48" s="137"/>
      <c r="R48" s="137"/>
      <c r="S48" s="137"/>
      <c r="T48" s="137"/>
      <c r="U48" s="137"/>
      <c r="V48" s="137"/>
      <c r="W48" s="137"/>
      <c r="X48" s="137"/>
      <c r="Y48" s="137"/>
      <c r="Z48" s="137"/>
      <c r="AA48" s="137"/>
      <c r="AB48" s="137"/>
      <c r="AC48" s="137"/>
      <c r="AD48" s="137"/>
      <c r="AE48" s="137"/>
      <c r="AF48" s="137"/>
    </row>
    <row r="49" spans="3:32" x14ac:dyDescent="0.2">
      <c r="C49" s="137"/>
      <c r="D49" s="137"/>
      <c r="E49" s="137"/>
      <c r="F49" s="137"/>
      <c r="G49" s="137"/>
      <c r="H49" s="137"/>
      <c r="I49" s="137"/>
      <c r="J49" s="137"/>
      <c r="K49" s="137"/>
      <c r="L49" s="137"/>
      <c r="M49" s="137"/>
      <c r="N49" s="137"/>
      <c r="O49" s="137"/>
      <c r="P49" s="137"/>
      <c r="Q49" s="137"/>
      <c r="R49" s="137"/>
      <c r="S49" s="137"/>
      <c r="T49" s="137"/>
      <c r="U49" s="137"/>
      <c r="V49" s="137"/>
      <c r="W49" s="137"/>
      <c r="X49" s="137"/>
      <c r="Y49" s="137"/>
      <c r="Z49" s="137"/>
      <c r="AA49" s="137"/>
      <c r="AB49" s="137"/>
      <c r="AC49" s="137"/>
      <c r="AD49" s="137"/>
      <c r="AE49" s="137"/>
      <c r="AF49" s="137"/>
    </row>
    <row r="50" spans="3:32" x14ac:dyDescent="0.2">
      <c r="C50" s="137"/>
      <c r="D50" s="137"/>
      <c r="E50" s="137"/>
      <c r="F50" s="137"/>
      <c r="G50" s="137"/>
      <c r="H50" s="137"/>
      <c r="I50" s="137"/>
      <c r="J50" s="137"/>
      <c r="K50" s="137"/>
      <c r="L50" s="137"/>
      <c r="M50" s="137"/>
      <c r="N50" s="137"/>
      <c r="O50" s="137"/>
      <c r="P50" s="137"/>
      <c r="Q50" s="137"/>
      <c r="R50" s="137"/>
      <c r="S50" s="137"/>
      <c r="T50" s="137"/>
      <c r="U50" s="137"/>
      <c r="V50" s="137"/>
      <c r="W50" s="137"/>
      <c r="X50" s="137"/>
      <c r="Y50" s="137"/>
      <c r="Z50" s="137"/>
      <c r="AA50" s="137"/>
      <c r="AB50" s="137"/>
      <c r="AC50" s="137"/>
      <c r="AD50" s="137"/>
      <c r="AE50" s="137"/>
      <c r="AF50" s="137"/>
    </row>
    <row r="51" spans="3:32" x14ac:dyDescent="0.2">
      <c r="C51" s="137"/>
      <c r="D51" s="137"/>
      <c r="E51" s="137"/>
      <c r="F51" s="137"/>
      <c r="G51" s="137"/>
      <c r="H51" s="137"/>
      <c r="I51" s="137"/>
      <c r="J51" s="137"/>
      <c r="K51" s="137"/>
      <c r="L51" s="137"/>
      <c r="M51" s="137"/>
      <c r="N51" s="137"/>
      <c r="O51" s="137"/>
      <c r="P51" s="137"/>
      <c r="Q51" s="137"/>
      <c r="R51" s="137"/>
      <c r="S51" s="137"/>
      <c r="T51" s="137"/>
      <c r="U51" s="137"/>
      <c r="V51" s="137"/>
      <c r="W51" s="137"/>
      <c r="X51" s="137"/>
      <c r="Y51" s="137"/>
      <c r="Z51" s="137"/>
      <c r="AA51" s="137"/>
      <c r="AB51" s="137"/>
      <c r="AC51" s="137"/>
      <c r="AD51" s="137"/>
      <c r="AE51" s="137"/>
      <c r="AF51" s="137"/>
    </row>
    <row r="52" spans="3:32" x14ac:dyDescent="0.2">
      <c r="C52" s="137"/>
      <c r="D52" s="137"/>
      <c r="E52" s="137"/>
      <c r="F52" s="137"/>
      <c r="G52" s="137"/>
      <c r="H52" s="137"/>
      <c r="I52" s="137"/>
      <c r="J52" s="137"/>
      <c r="K52" s="137"/>
      <c r="L52" s="137"/>
      <c r="M52" s="137"/>
      <c r="N52" s="137"/>
      <c r="O52" s="137"/>
      <c r="P52" s="137"/>
      <c r="Q52" s="137"/>
      <c r="R52" s="137"/>
      <c r="S52" s="137"/>
      <c r="T52" s="137"/>
      <c r="U52" s="137"/>
      <c r="V52" s="137"/>
      <c r="W52" s="137"/>
      <c r="X52" s="137"/>
      <c r="Y52" s="137"/>
      <c r="Z52" s="137"/>
      <c r="AA52" s="137"/>
      <c r="AB52" s="137"/>
      <c r="AC52" s="137"/>
      <c r="AD52" s="137"/>
      <c r="AE52" s="137"/>
      <c r="AF52" s="137"/>
    </row>
    <row r="53" spans="3:32" x14ac:dyDescent="0.2">
      <c r="C53" s="137"/>
      <c r="D53" s="137"/>
      <c r="E53" s="137"/>
      <c r="F53" s="137"/>
      <c r="G53" s="137"/>
      <c r="H53" s="137"/>
      <c r="I53" s="137"/>
      <c r="J53" s="137"/>
      <c r="K53" s="137"/>
      <c r="L53" s="137"/>
      <c r="M53" s="137"/>
      <c r="N53" s="137"/>
      <c r="O53" s="137"/>
      <c r="P53" s="137"/>
      <c r="Q53" s="137"/>
      <c r="R53" s="137"/>
      <c r="S53" s="137"/>
      <c r="T53" s="137"/>
      <c r="U53" s="137"/>
      <c r="V53" s="137"/>
      <c r="W53" s="137"/>
      <c r="X53" s="137"/>
      <c r="Y53" s="137"/>
      <c r="Z53" s="137"/>
      <c r="AA53" s="137"/>
      <c r="AB53" s="137"/>
      <c r="AC53" s="137"/>
      <c r="AD53" s="137"/>
      <c r="AE53" s="137"/>
      <c r="AF53" s="137"/>
    </row>
    <row r="54" spans="3:32" x14ac:dyDescent="0.2">
      <c r="C54" s="137"/>
      <c r="D54" s="137"/>
      <c r="E54" s="137"/>
      <c r="F54" s="137"/>
      <c r="G54" s="137"/>
      <c r="H54" s="137"/>
      <c r="I54" s="137"/>
      <c r="J54" s="137"/>
      <c r="K54" s="137"/>
      <c r="L54" s="137"/>
      <c r="M54" s="137"/>
      <c r="N54" s="137"/>
      <c r="O54" s="137"/>
      <c r="P54" s="137"/>
      <c r="Q54" s="137"/>
      <c r="R54" s="137"/>
      <c r="S54" s="137"/>
      <c r="T54" s="137"/>
      <c r="U54" s="137"/>
      <c r="V54" s="137"/>
      <c r="W54" s="137"/>
      <c r="X54" s="137"/>
      <c r="Y54" s="137"/>
      <c r="Z54" s="137"/>
      <c r="AA54" s="137"/>
      <c r="AB54" s="137"/>
      <c r="AC54" s="137"/>
      <c r="AD54" s="137"/>
      <c r="AE54" s="137"/>
      <c r="AF54" s="137"/>
    </row>
    <row r="55" spans="3:32" x14ac:dyDescent="0.2">
      <c r="C55" s="137"/>
      <c r="D55" s="137"/>
      <c r="E55" s="137"/>
      <c r="F55" s="137"/>
      <c r="G55" s="137"/>
      <c r="H55" s="137"/>
      <c r="I55" s="137"/>
      <c r="J55" s="137"/>
      <c r="K55" s="137"/>
      <c r="L55" s="137"/>
      <c r="M55" s="137"/>
      <c r="N55" s="137"/>
      <c r="O55" s="137"/>
      <c r="P55" s="137"/>
      <c r="Q55" s="137"/>
      <c r="R55" s="137"/>
      <c r="S55" s="137"/>
      <c r="T55" s="137"/>
      <c r="U55" s="137"/>
      <c r="V55" s="137"/>
      <c r="W55" s="137"/>
      <c r="X55" s="137"/>
      <c r="Y55" s="137"/>
      <c r="Z55" s="137"/>
      <c r="AA55" s="137"/>
      <c r="AB55" s="137"/>
      <c r="AC55" s="137"/>
      <c r="AD55" s="137"/>
      <c r="AE55" s="137"/>
      <c r="AF55" s="137"/>
    </row>
    <row r="56" spans="3:32" x14ac:dyDescent="0.2">
      <c r="C56" s="137"/>
      <c r="D56" s="137"/>
      <c r="E56" s="137"/>
      <c r="F56" s="137"/>
      <c r="G56" s="137"/>
      <c r="H56" s="137"/>
      <c r="I56" s="137"/>
      <c r="J56" s="137"/>
      <c r="K56" s="137"/>
      <c r="L56" s="137"/>
      <c r="M56" s="137"/>
      <c r="N56" s="137"/>
      <c r="O56" s="137"/>
      <c r="P56" s="137"/>
      <c r="Q56" s="137"/>
      <c r="R56" s="137"/>
      <c r="S56" s="137"/>
      <c r="T56" s="137"/>
      <c r="U56" s="137"/>
      <c r="V56" s="137"/>
      <c r="W56" s="137"/>
      <c r="X56" s="137"/>
      <c r="Y56" s="137"/>
      <c r="Z56" s="137"/>
      <c r="AA56" s="137"/>
      <c r="AB56" s="137"/>
      <c r="AC56" s="137"/>
      <c r="AD56" s="137"/>
      <c r="AE56" s="137"/>
      <c r="AF56" s="137"/>
    </row>
    <row r="57" spans="3:32" x14ac:dyDescent="0.2">
      <c r="C57" s="137"/>
      <c r="D57" s="137"/>
      <c r="E57" s="137"/>
      <c r="F57" s="137"/>
      <c r="G57" s="137"/>
      <c r="H57" s="137"/>
      <c r="I57" s="137"/>
      <c r="J57" s="137"/>
      <c r="K57" s="137"/>
      <c r="L57" s="137"/>
      <c r="M57" s="137"/>
      <c r="N57" s="137"/>
      <c r="O57" s="137"/>
      <c r="P57" s="137"/>
      <c r="Q57" s="137"/>
      <c r="R57" s="137"/>
      <c r="S57" s="137"/>
      <c r="T57" s="137"/>
      <c r="U57" s="137"/>
      <c r="V57" s="137"/>
      <c r="W57" s="137"/>
      <c r="X57" s="137"/>
      <c r="Y57" s="137"/>
      <c r="Z57" s="137"/>
      <c r="AA57" s="137"/>
      <c r="AB57" s="137"/>
      <c r="AC57" s="137"/>
      <c r="AD57" s="137"/>
      <c r="AE57" s="137"/>
      <c r="AF57" s="137"/>
    </row>
    <row r="58" spans="3:32" x14ac:dyDescent="0.2">
      <c r="C58" s="137"/>
      <c r="D58" s="137"/>
      <c r="E58" s="137"/>
      <c r="F58" s="137"/>
      <c r="G58" s="137"/>
      <c r="H58" s="137"/>
      <c r="I58" s="137"/>
      <c r="J58" s="137"/>
      <c r="K58" s="137"/>
      <c r="L58" s="137"/>
      <c r="M58" s="137"/>
      <c r="N58" s="137"/>
      <c r="O58" s="137"/>
      <c r="P58" s="137"/>
      <c r="Q58" s="137"/>
      <c r="R58" s="137"/>
      <c r="S58" s="137"/>
      <c r="T58" s="137"/>
      <c r="U58" s="137"/>
      <c r="V58" s="137"/>
      <c r="W58" s="137"/>
      <c r="X58" s="137"/>
      <c r="Y58" s="137"/>
      <c r="Z58" s="137"/>
      <c r="AA58" s="137"/>
      <c r="AB58" s="137"/>
      <c r="AC58" s="137"/>
      <c r="AD58" s="137"/>
      <c r="AE58" s="137"/>
      <c r="AF58" s="137"/>
    </row>
    <row r="59" spans="3:32" x14ac:dyDescent="0.2">
      <c r="C59" s="137"/>
      <c r="D59" s="137"/>
      <c r="E59" s="137"/>
      <c r="F59" s="137"/>
      <c r="G59" s="137"/>
      <c r="H59" s="137"/>
      <c r="I59" s="137"/>
      <c r="J59" s="137"/>
      <c r="K59" s="137"/>
      <c r="L59" s="137"/>
      <c r="M59" s="137"/>
      <c r="N59" s="137"/>
      <c r="O59" s="137"/>
      <c r="P59" s="137"/>
      <c r="Q59" s="137"/>
      <c r="R59" s="137"/>
      <c r="S59" s="137"/>
      <c r="T59" s="137"/>
      <c r="U59" s="137"/>
      <c r="V59" s="137"/>
      <c r="W59" s="137"/>
      <c r="X59" s="137"/>
      <c r="Y59" s="137"/>
      <c r="Z59" s="137"/>
      <c r="AA59" s="137"/>
      <c r="AB59" s="137"/>
      <c r="AC59" s="137"/>
      <c r="AD59" s="137"/>
      <c r="AE59" s="137"/>
      <c r="AF59" s="137"/>
    </row>
    <row r="60" spans="3:32" x14ac:dyDescent="0.2">
      <c r="C60" s="137"/>
      <c r="D60" s="137"/>
      <c r="E60" s="137"/>
      <c r="F60" s="137"/>
      <c r="G60" s="137"/>
      <c r="H60" s="137"/>
      <c r="I60" s="137"/>
      <c r="J60" s="137"/>
      <c r="K60" s="137"/>
      <c r="L60" s="137"/>
      <c r="M60" s="137"/>
      <c r="N60" s="137"/>
      <c r="O60" s="137"/>
      <c r="P60" s="137"/>
      <c r="Q60" s="137"/>
      <c r="R60" s="137"/>
      <c r="S60" s="137"/>
      <c r="T60" s="137"/>
      <c r="U60" s="137"/>
      <c r="V60" s="137"/>
      <c r="W60" s="137"/>
      <c r="X60" s="137"/>
      <c r="Y60" s="137"/>
      <c r="Z60" s="137"/>
      <c r="AA60" s="137"/>
      <c r="AB60" s="137"/>
      <c r="AC60" s="137"/>
      <c r="AD60" s="137"/>
      <c r="AE60" s="137"/>
      <c r="AF60" s="137"/>
    </row>
    <row r="61" spans="3:32" x14ac:dyDescent="0.2">
      <c r="C61" s="137"/>
      <c r="D61" s="137"/>
      <c r="E61" s="137"/>
      <c r="F61" s="137"/>
      <c r="G61" s="137"/>
      <c r="H61" s="137"/>
      <c r="I61" s="137"/>
      <c r="J61" s="137"/>
      <c r="K61" s="137"/>
      <c r="L61" s="137"/>
      <c r="M61" s="137"/>
      <c r="N61" s="137"/>
      <c r="O61" s="137"/>
      <c r="P61" s="137"/>
      <c r="Q61" s="137"/>
      <c r="R61" s="137"/>
      <c r="S61" s="137"/>
      <c r="T61" s="137"/>
      <c r="U61" s="137"/>
      <c r="V61" s="137"/>
      <c r="W61" s="137"/>
      <c r="X61" s="137"/>
      <c r="Y61" s="137"/>
      <c r="Z61" s="137"/>
      <c r="AA61" s="137"/>
      <c r="AB61" s="137"/>
      <c r="AC61" s="137"/>
      <c r="AD61" s="137"/>
      <c r="AE61" s="137"/>
      <c r="AF61" s="137"/>
    </row>
    <row r="62" spans="3:32" x14ac:dyDescent="0.2">
      <c r="C62" s="137"/>
      <c r="D62" s="137"/>
      <c r="E62" s="137"/>
      <c r="F62" s="137"/>
      <c r="G62" s="137"/>
      <c r="H62" s="137"/>
      <c r="I62" s="137"/>
      <c r="J62" s="137"/>
      <c r="K62" s="137"/>
      <c r="L62" s="137"/>
      <c r="M62" s="137"/>
      <c r="N62" s="137"/>
      <c r="O62" s="137"/>
      <c r="P62" s="137"/>
      <c r="Q62" s="137"/>
      <c r="R62" s="137"/>
      <c r="S62" s="137"/>
      <c r="T62" s="137"/>
      <c r="U62" s="137"/>
      <c r="V62" s="137"/>
      <c r="W62" s="137"/>
      <c r="X62" s="137"/>
      <c r="Y62" s="137"/>
      <c r="Z62" s="137"/>
      <c r="AA62" s="137"/>
      <c r="AB62" s="137"/>
      <c r="AC62" s="137"/>
      <c r="AD62" s="137"/>
      <c r="AE62" s="137"/>
      <c r="AF62" s="137"/>
    </row>
    <row r="63" spans="3:32" x14ac:dyDescent="0.2">
      <c r="C63" s="137"/>
      <c r="D63" s="137"/>
      <c r="E63" s="137"/>
      <c r="F63" s="137"/>
      <c r="G63" s="137"/>
      <c r="H63" s="137"/>
      <c r="I63" s="137"/>
      <c r="J63" s="137"/>
      <c r="K63" s="137"/>
      <c r="L63" s="137"/>
      <c r="M63" s="137"/>
      <c r="N63" s="137"/>
      <c r="O63" s="137"/>
      <c r="P63" s="137"/>
      <c r="Q63" s="137"/>
      <c r="R63" s="137"/>
      <c r="S63" s="137"/>
      <c r="T63" s="137"/>
      <c r="U63" s="137"/>
      <c r="V63" s="137"/>
      <c r="W63" s="137"/>
      <c r="X63" s="137"/>
      <c r="Y63" s="137"/>
      <c r="Z63" s="137"/>
      <c r="AA63" s="137"/>
      <c r="AB63" s="137"/>
      <c r="AC63" s="137"/>
      <c r="AD63" s="137"/>
      <c r="AE63" s="137"/>
      <c r="AF63" s="137"/>
    </row>
    <row r="64" spans="3:32" x14ac:dyDescent="0.2">
      <c r="C64" s="137"/>
      <c r="D64" s="137"/>
      <c r="E64" s="137"/>
      <c r="F64" s="137"/>
      <c r="G64" s="137"/>
      <c r="H64" s="137"/>
      <c r="I64" s="137"/>
      <c r="J64" s="137"/>
      <c r="K64" s="137"/>
      <c r="L64" s="137"/>
      <c r="M64" s="137"/>
      <c r="N64" s="137"/>
      <c r="O64" s="137"/>
      <c r="P64" s="137"/>
      <c r="Q64" s="137"/>
      <c r="R64" s="137"/>
      <c r="S64" s="137"/>
      <c r="T64" s="137"/>
      <c r="U64" s="137"/>
      <c r="V64" s="137"/>
      <c r="W64" s="137"/>
      <c r="X64" s="137"/>
      <c r="Y64" s="137"/>
      <c r="Z64" s="137"/>
      <c r="AA64" s="137"/>
      <c r="AB64" s="137"/>
      <c r="AC64" s="137"/>
      <c r="AD64" s="137"/>
      <c r="AE64" s="137"/>
      <c r="AF64" s="137"/>
    </row>
    <row r="65" spans="3:32" x14ac:dyDescent="0.2">
      <c r="C65" s="137"/>
      <c r="D65" s="137"/>
      <c r="E65" s="137"/>
      <c r="F65" s="137"/>
      <c r="G65" s="137"/>
      <c r="H65" s="137"/>
      <c r="I65" s="137"/>
      <c r="J65" s="137"/>
      <c r="K65" s="137"/>
      <c r="L65" s="137"/>
      <c r="M65" s="137"/>
      <c r="N65" s="137"/>
      <c r="O65" s="137"/>
      <c r="P65" s="137"/>
      <c r="Q65" s="137"/>
      <c r="R65" s="137"/>
      <c r="S65" s="137"/>
      <c r="T65" s="137"/>
      <c r="U65" s="137"/>
      <c r="V65" s="137"/>
      <c r="W65" s="137"/>
      <c r="X65" s="137"/>
      <c r="Y65" s="137"/>
      <c r="Z65" s="137"/>
      <c r="AA65" s="137"/>
      <c r="AB65" s="137"/>
      <c r="AC65" s="137"/>
      <c r="AD65" s="137"/>
      <c r="AE65" s="137"/>
      <c r="AF65" s="137"/>
    </row>
    <row r="66" spans="3:32" x14ac:dyDescent="0.2">
      <c r="C66" s="137"/>
      <c r="D66" s="137"/>
      <c r="E66" s="137"/>
      <c r="F66" s="137"/>
      <c r="G66" s="137"/>
      <c r="H66" s="137"/>
      <c r="I66" s="137"/>
      <c r="J66" s="137"/>
      <c r="K66" s="137"/>
      <c r="L66" s="137"/>
      <c r="M66" s="137"/>
      <c r="N66" s="137"/>
      <c r="O66" s="137"/>
      <c r="P66" s="137"/>
      <c r="Q66" s="137"/>
      <c r="R66" s="137"/>
      <c r="S66" s="137"/>
      <c r="T66" s="137"/>
      <c r="U66" s="137"/>
      <c r="V66" s="137"/>
      <c r="W66" s="137"/>
      <c r="X66" s="137"/>
      <c r="Y66" s="137"/>
      <c r="Z66" s="137"/>
      <c r="AA66" s="137"/>
      <c r="AB66" s="137"/>
      <c r="AC66" s="137"/>
      <c r="AD66" s="137"/>
      <c r="AE66" s="137"/>
      <c r="AF66" s="137"/>
    </row>
    <row r="67" spans="3:32" x14ac:dyDescent="0.2">
      <c r="C67" s="137"/>
      <c r="D67" s="137"/>
      <c r="E67" s="137"/>
      <c r="F67" s="137"/>
      <c r="G67" s="137"/>
      <c r="H67" s="137"/>
      <c r="I67" s="137"/>
      <c r="J67" s="137"/>
      <c r="K67" s="137"/>
      <c r="L67" s="137"/>
      <c r="M67" s="137"/>
      <c r="N67" s="137"/>
      <c r="O67" s="137"/>
      <c r="P67" s="137"/>
      <c r="Q67" s="137"/>
      <c r="R67" s="137"/>
      <c r="S67" s="137"/>
      <c r="T67" s="137"/>
      <c r="U67" s="137"/>
      <c r="V67" s="137"/>
      <c r="W67" s="137"/>
      <c r="X67" s="137"/>
      <c r="Y67" s="137"/>
      <c r="Z67" s="137"/>
      <c r="AA67" s="137"/>
      <c r="AB67" s="137"/>
      <c r="AC67" s="137"/>
      <c r="AD67" s="137"/>
      <c r="AE67" s="137"/>
      <c r="AF67" s="137"/>
    </row>
    <row r="68" spans="3:32" x14ac:dyDescent="0.2">
      <c r="C68" s="137"/>
      <c r="D68" s="137"/>
      <c r="E68" s="137"/>
      <c r="F68" s="137"/>
      <c r="G68" s="137"/>
      <c r="H68" s="137"/>
      <c r="I68" s="137"/>
      <c r="J68" s="137"/>
      <c r="K68" s="137"/>
      <c r="L68" s="137"/>
      <c r="M68" s="137"/>
      <c r="N68" s="137"/>
      <c r="O68" s="137"/>
      <c r="P68" s="137"/>
      <c r="Q68" s="137"/>
      <c r="R68" s="137"/>
      <c r="S68" s="137"/>
      <c r="T68" s="137"/>
      <c r="U68" s="137"/>
      <c r="V68" s="137"/>
      <c r="W68" s="137"/>
      <c r="X68" s="137"/>
      <c r="Y68" s="137"/>
      <c r="Z68" s="137"/>
      <c r="AA68" s="137"/>
      <c r="AB68" s="137"/>
      <c r="AC68" s="137"/>
      <c r="AD68" s="137"/>
      <c r="AE68" s="137"/>
      <c r="AF68" s="137"/>
    </row>
    <row r="69" spans="3:32" x14ac:dyDescent="0.2">
      <c r="C69" s="137"/>
      <c r="D69" s="137"/>
      <c r="E69" s="137"/>
      <c r="F69" s="137"/>
      <c r="G69" s="137"/>
      <c r="H69" s="137"/>
      <c r="I69" s="137"/>
      <c r="J69" s="137"/>
      <c r="K69" s="137"/>
      <c r="L69" s="137"/>
      <c r="M69" s="137"/>
      <c r="N69" s="137"/>
      <c r="O69" s="137"/>
      <c r="P69" s="137"/>
      <c r="Q69" s="137"/>
      <c r="R69" s="137"/>
      <c r="S69" s="137"/>
      <c r="T69" s="137"/>
      <c r="U69" s="137"/>
      <c r="V69" s="137"/>
      <c r="W69" s="137"/>
      <c r="X69" s="137"/>
      <c r="Y69" s="137"/>
      <c r="Z69" s="137"/>
      <c r="AA69" s="137"/>
      <c r="AB69" s="137"/>
      <c r="AC69" s="137"/>
      <c r="AD69" s="137"/>
      <c r="AE69" s="137"/>
      <c r="AF69" s="137"/>
    </row>
    <row r="70" spans="3:32" x14ac:dyDescent="0.2">
      <c r="C70" s="137"/>
      <c r="D70" s="137"/>
      <c r="E70" s="137"/>
      <c r="F70" s="137"/>
      <c r="G70" s="137"/>
      <c r="H70" s="137"/>
      <c r="I70" s="137"/>
      <c r="J70" s="137"/>
      <c r="K70" s="137"/>
      <c r="L70" s="137"/>
      <c r="M70" s="137"/>
      <c r="N70" s="137"/>
      <c r="O70" s="137"/>
      <c r="P70" s="137"/>
      <c r="Q70" s="137"/>
      <c r="R70" s="137"/>
      <c r="S70" s="137"/>
      <c r="T70" s="137"/>
      <c r="U70" s="137"/>
      <c r="V70" s="137"/>
      <c r="W70" s="137"/>
      <c r="X70" s="137"/>
      <c r="Y70" s="137"/>
      <c r="Z70" s="137"/>
      <c r="AA70" s="137"/>
      <c r="AB70" s="137"/>
      <c r="AC70" s="137"/>
      <c r="AD70" s="137"/>
      <c r="AE70" s="137"/>
      <c r="AF70" s="137"/>
    </row>
    <row r="71" spans="3:32" x14ac:dyDescent="0.2">
      <c r="C71" s="137"/>
      <c r="D71" s="137"/>
      <c r="E71" s="137"/>
      <c r="F71" s="137"/>
      <c r="G71" s="137"/>
      <c r="H71" s="137"/>
      <c r="I71" s="137"/>
      <c r="J71" s="137"/>
      <c r="K71" s="137"/>
      <c r="L71" s="137"/>
      <c r="M71" s="137"/>
      <c r="N71" s="137"/>
      <c r="O71" s="137"/>
      <c r="P71" s="137"/>
      <c r="Q71" s="137"/>
      <c r="R71" s="137"/>
      <c r="S71" s="137"/>
      <c r="T71" s="137"/>
      <c r="U71" s="137"/>
      <c r="V71" s="137"/>
      <c r="W71" s="137"/>
      <c r="X71" s="137"/>
      <c r="Y71" s="137"/>
      <c r="Z71" s="137"/>
      <c r="AA71" s="137"/>
      <c r="AB71" s="137"/>
      <c r="AC71" s="137"/>
      <c r="AD71" s="137"/>
      <c r="AE71" s="137"/>
      <c r="AF71" s="137"/>
    </row>
    <row r="72" spans="3:32" x14ac:dyDescent="0.2">
      <c r="C72" s="137"/>
      <c r="D72" s="137"/>
      <c r="E72" s="137"/>
      <c r="F72" s="137"/>
      <c r="G72" s="137"/>
      <c r="H72" s="137"/>
      <c r="I72" s="137"/>
      <c r="J72" s="137"/>
      <c r="K72" s="137"/>
      <c r="L72" s="137"/>
      <c r="M72" s="137"/>
      <c r="N72" s="137"/>
      <c r="O72" s="137"/>
      <c r="P72" s="137"/>
      <c r="Q72" s="137"/>
      <c r="R72" s="137"/>
      <c r="S72" s="137"/>
      <c r="T72" s="137"/>
      <c r="U72" s="137"/>
      <c r="V72" s="137"/>
      <c r="W72" s="137"/>
      <c r="X72" s="137"/>
      <c r="Y72" s="137"/>
      <c r="Z72" s="137"/>
      <c r="AA72" s="137"/>
      <c r="AB72" s="137"/>
      <c r="AC72" s="137"/>
      <c r="AD72" s="137"/>
      <c r="AE72" s="137"/>
      <c r="AF72" s="137"/>
    </row>
    <row r="73" spans="3:32" x14ac:dyDescent="0.2">
      <c r="C73" s="137"/>
      <c r="D73" s="137"/>
      <c r="E73" s="137"/>
      <c r="F73" s="137"/>
      <c r="G73" s="137"/>
      <c r="H73" s="137"/>
      <c r="I73" s="137"/>
      <c r="J73" s="137"/>
      <c r="K73" s="137"/>
      <c r="L73" s="137"/>
      <c r="M73" s="137"/>
      <c r="N73" s="137"/>
      <c r="O73" s="137"/>
      <c r="P73" s="137"/>
      <c r="Q73" s="137"/>
      <c r="R73" s="137"/>
      <c r="S73" s="137"/>
      <c r="T73" s="137"/>
      <c r="U73" s="137"/>
      <c r="V73" s="137"/>
      <c r="W73" s="137"/>
      <c r="X73" s="137"/>
      <c r="Y73" s="137"/>
      <c r="Z73" s="137"/>
      <c r="AA73" s="137"/>
      <c r="AB73" s="137"/>
      <c r="AC73" s="137"/>
      <c r="AD73" s="137"/>
      <c r="AE73" s="137"/>
      <c r="AF73" s="137"/>
    </row>
    <row r="74" spans="3:32" x14ac:dyDescent="0.2">
      <c r="C74" s="137"/>
      <c r="D74" s="137"/>
      <c r="E74" s="137"/>
      <c r="F74" s="137"/>
      <c r="G74" s="137"/>
      <c r="H74" s="137"/>
      <c r="I74" s="137"/>
      <c r="J74" s="137"/>
      <c r="K74" s="137"/>
      <c r="L74" s="137"/>
      <c r="M74" s="137"/>
      <c r="N74" s="137"/>
      <c r="O74" s="137"/>
      <c r="P74" s="137"/>
      <c r="Q74" s="137"/>
      <c r="R74" s="137"/>
      <c r="S74" s="137"/>
      <c r="T74" s="137"/>
      <c r="U74" s="137"/>
      <c r="V74" s="137"/>
      <c r="W74" s="137"/>
      <c r="X74" s="137"/>
      <c r="Y74" s="137"/>
      <c r="Z74" s="137"/>
      <c r="AA74" s="137"/>
      <c r="AB74" s="137"/>
      <c r="AC74" s="137"/>
      <c r="AD74" s="137"/>
      <c r="AE74" s="137"/>
      <c r="AF74" s="137"/>
    </row>
    <row r="75" spans="3:32" x14ac:dyDescent="0.2">
      <c r="C75" s="137"/>
      <c r="D75" s="137"/>
      <c r="E75" s="137"/>
      <c r="F75" s="137"/>
      <c r="G75" s="137"/>
      <c r="H75" s="137"/>
      <c r="I75" s="137"/>
      <c r="J75" s="137"/>
      <c r="K75" s="137"/>
      <c r="L75" s="137"/>
      <c r="M75" s="137"/>
      <c r="N75" s="137"/>
      <c r="O75" s="137"/>
      <c r="P75" s="137"/>
      <c r="Q75" s="137"/>
      <c r="R75" s="137"/>
      <c r="S75" s="137"/>
      <c r="T75" s="137"/>
      <c r="U75" s="137"/>
      <c r="V75" s="137"/>
      <c r="W75" s="137"/>
      <c r="X75" s="137"/>
      <c r="Y75" s="137"/>
      <c r="Z75" s="137"/>
      <c r="AA75" s="137"/>
      <c r="AB75" s="137"/>
      <c r="AC75" s="137"/>
      <c r="AD75" s="137"/>
      <c r="AE75" s="137"/>
      <c r="AF75" s="137"/>
    </row>
    <row r="76" spans="3:32" x14ac:dyDescent="0.2">
      <c r="C76" s="137"/>
      <c r="D76" s="137"/>
      <c r="E76" s="137"/>
      <c r="F76" s="137"/>
      <c r="G76" s="137"/>
      <c r="H76" s="137"/>
      <c r="I76" s="137"/>
      <c r="J76" s="137"/>
      <c r="K76" s="137"/>
      <c r="L76" s="137"/>
      <c r="M76" s="137"/>
      <c r="N76" s="137"/>
      <c r="O76" s="137"/>
      <c r="P76" s="137"/>
      <c r="Q76" s="137"/>
      <c r="R76" s="137"/>
      <c r="S76" s="137"/>
      <c r="T76" s="137"/>
      <c r="U76" s="137"/>
      <c r="V76" s="137"/>
      <c r="W76" s="137"/>
      <c r="X76" s="137"/>
      <c r="Y76" s="137"/>
      <c r="Z76" s="137"/>
      <c r="AA76" s="137"/>
      <c r="AB76" s="137"/>
      <c r="AC76" s="137"/>
      <c r="AD76" s="137"/>
      <c r="AE76" s="137"/>
      <c r="AF76" s="137"/>
    </row>
    <row r="77" spans="3:32" x14ac:dyDescent="0.2">
      <c r="C77" s="137"/>
      <c r="D77" s="137"/>
      <c r="E77" s="137"/>
      <c r="F77" s="137"/>
      <c r="G77" s="137"/>
      <c r="H77" s="137"/>
      <c r="I77" s="137"/>
      <c r="J77" s="137"/>
      <c r="K77" s="137"/>
      <c r="L77" s="137"/>
      <c r="M77" s="137"/>
      <c r="N77" s="137"/>
      <c r="O77" s="137"/>
      <c r="P77" s="137"/>
      <c r="Q77" s="137"/>
      <c r="R77" s="137"/>
      <c r="S77" s="137"/>
      <c r="T77" s="137"/>
      <c r="U77" s="137"/>
      <c r="V77" s="137"/>
      <c r="W77" s="137"/>
      <c r="X77" s="137"/>
      <c r="Y77" s="137"/>
      <c r="Z77" s="137"/>
      <c r="AA77" s="137"/>
      <c r="AB77" s="137"/>
      <c r="AC77" s="137"/>
      <c r="AD77" s="137"/>
      <c r="AE77" s="137"/>
      <c r="AF77" s="137"/>
    </row>
    <row r="78" spans="3:32" x14ac:dyDescent="0.2">
      <c r="C78" s="137"/>
      <c r="D78" s="137"/>
      <c r="E78" s="137"/>
      <c r="F78" s="137"/>
      <c r="G78" s="137"/>
      <c r="H78" s="137"/>
      <c r="I78" s="137"/>
      <c r="J78" s="137"/>
      <c r="K78" s="137"/>
      <c r="L78" s="137"/>
      <c r="M78" s="137"/>
      <c r="N78" s="137"/>
      <c r="O78" s="137"/>
      <c r="P78" s="137"/>
      <c r="Q78" s="137"/>
      <c r="R78" s="137"/>
      <c r="S78" s="137"/>
      <c r="T78" s="137"/>
      <c r="U78" s="137"/>
      <c r="V78" s="137"/>
      <c r="W78" s="137"/>
      <c r="X78" s="137"/>
      <c r="Y78" s="137"/>
      <c r="Z78" s="137"/>
      <c r="AA78" s="137"/>
      <c r="AB78" s="137"/>
      <c r="AC78" s="137"/>
      <c r="AD78" s="137"/>
      <c r="AE78" s="137"/>
      <c r="AF78" s="137"/>
    </row>
    <row r="79" spans="3:32" x14ac:dyDescent="0.2">
      <c r="C79" s="137"/>
      <c r="D79" s="137"/>
      <c r="E79" s="137"/>
      <c r="F79" s="137"/>
      <c r="G79" s="137"/>
      <c r="H79" s="137"/>
      <c r="I79" s="137"/>
      <c r="J79" s="137"/>
      <c r="K79" s="137"/>
      <c r="L79" s="137"/>
      <c r="M79" s="137"/>
      <c r="N79" s="137"/>
      <c r="O79" s="137"/>
      <c r="P79" s="137"/>
      <c r="Q79" s="137"/>
      <c r="R79" s="137"/>
      <c r="S79" s="137"/>
      <c r="T79" s="137"/>
      <c r="U79" s="137"/>
      <c r="V79" s="137"/>
      <c r="W79" s="137"/>
      <c r="X79" s="137"/>
      <c r="Y79" s="137"/>
      <c r="Z79" s="137"/>
      <c r="AA79" s="137"/>
      <c r="AB79" s="137"/>
      <c r="AC79" s="137"/>
      <c r="AD79" s="137"/>
      <c r="AE79" s="137"/>
      <c r="AF79" s="137"/>
    </row>
    <row r="80" spans="3:32" x14ac:dyDescent="0.2">
      <c r="C80" s="137"/>
      <c r="D80" s="137"/>
      <c r="E80" s="137"/>
      <c r="F80" s="137"/>
      <c r="G80" s="137"/>
      <c r="H80" s="137"/>
      <c r="I80" s="137"/>
      <c r="J80" s="137"/>
      <c r="K80" s="137"/>
      <c r="L80" s="137"/>
      <c r="M80" s="137"/>
      <c r="N80" s="137"/>
      <c r="O80" s="137"/>
      <c r="P80" s="137"/>
      <c r="Q80" s="137"/>
      <c r="R80" s="137"/>
      <c r="S80" s="137"/>
      <c r="T80" s="137"/>
      <c r="U80" s="137"/>
      <c r="V80" s="137"/>
      <c r="W80" s="137"/>
      <c r="X80" s="137"/>
      <c r="Y80" s="137"/>
      <c r="Z80" s="137"/>
      <c r="AA80" s="137"/>
      <c r="AB80" s="137"/>
      <c r="AC80" s="137"/>
      <c r="AD80" s="137"/>
      <c r="AE80" s="137"/>
      <c r="AF80" s="137"/>
    </row>
    <row r="81" spans="3:32" x14ac:dyDescent="0.2">
      <c r="C81" s="137"/>
      <c r="D81" s="137"/>
      <c r="E81" s="137"/>
      <c r="F81" s="137"/>
      <c r="G81" s="137"/>
      <c r="H81" s="137"/>
      <c r="I81" s="137"/>
      <c r="J81" s="137"/>
      <c r="K81" s="137"/>
      <c r="L81" s="137"/>
      <c r="M81" s="137"/>
      <c r="N81" s="137"/>
      <c r="O81" s="137"/>
      <c r="P81" s="137"/>
      <c r="Q81" s="137"/>
      <c r="R81" s="137"/>
      <c r="S81" s="137"/>
      <c r="T81" s="137"/>
      <c r="U81" s="137"/>
      <c r="V81" s="137"/>
      <c r="W81" s="137"/>
      <c r="X81" s="137"/>
      <c r="Y81" s="137"/>
      <c r="Z81" s="137"/>
      <c r="AA81" s="137"/>
      <c r="AB81" s="137"/>
      <c r="AC81" s="137"/>
      <c r="AD81" s="137"/>
      <c r="AE81" s="137"/>
      <c r="AF81" s="137"/>
    </row>
    <row r="82" spans="3:32" x14ac:dyDescent="0.2">
      <c r="C82" s="137"/>
      <c r="D82" s="137"/>
      <c r="E82" s="137"/>
      <c r="F82" s="137"/>
      <c r="G82" s="137"/>
      <c r="H82" s="137"/>
      <c r="I82" s="137"/>
      <c r="J82" s="137"/>
      <c r="K82" s="137"/>
      <c r="L82" s="137"/>
      <c r="M82" s="137"/>
      <c r="N82" s="137"/>
      <c r="O82" s="137"/>
      <c r="P82" s="137"/>
      <c r="Q82" s="137"/>
      <c r="R82" s="137"/>
      <c r="S82" s="137"/>
      <c r="T82" s="137"/>
      <c r="U82" s="137"/>
      <c r="V82" s="137"/>
      <c r="W82" s="137"/>
      <c r="X82" s="137"/>
      <c r="Y82" s="137"/>
      <c r="Z82" s="137"/>
      <c r="AA82" s="137"/>
      <c r="AB82" s="137"/>
      <c r="AC82" s="137"/>
      <c r="AD82" s="137"/>
      <c r="AE82" s="137"/>
      <c r="AF82" s="137"/>
    </row>
    <row r="83" spans="3:32" x14ac:dyDescent="0.2">
      <c r="C83" s="137"/>
      <c r="D83" s="137"/>
      <c r="E83" s="137"/>
      <c r="F83" s="137"/>
      <c r="G83" s="137"/>
      <c r="H83" s="137"/>
      <c r="I83" s="137"/>
      <c r="J83" s="137"/>
      <c r="K83" s="137"/>
      <c r="L83" s="137"/>
      <c r="M83" s="137"/>
      <c r="N83" s="137"/>
      <c r="O83" s="137"/>
      <c r="P83" s="137"/>
      <c r="Q83" s="137"/>
      <c r="R83" s="137"/>
      <c r="S83" s="137"/>
      <c r="T83" s="137"/>
      <c r="U83" s="137"/>
      <c r="V83" s="137"/>
      <c r="W83" s="137"/>
      <c r="X83" s="137"/>
      <c r="Y83" s="137"/>
      <c r="Z83" s="137"/>
      <c r="AA83" s="137"/>
      <c r="AB83" s="137"/>
      <c r="AC83" s="137"/>
      <c r="AD83" s="137"/>
      <c r="AE83" s="137"/>
      <c r="AF83" s="137"/>
    </row>
    <row r="84" spans="3:32" x14ac:dyDescent="0.2">
      <c r="C84" s="137"/>
      <c r="D84" s="137"/>
      <c r="E84" s="137"/>
      <c r="F84" s="137"/>
      <c r="G84" s="137"/>
      <c r="H84" s="137"/>
      <c r="I84" s="137"/>
      <c r="J84" s="137"/>
      <c r="K84" s="137"/>
      <c r="L84" s="137"/>
      <c r="M84" s="137"/>
      <c r="N84" s="137"/>
      <c r="O84" s="137"/>
      <c r="P84" s="137"/>
      <c r="Q84" s="137"/>
      <c r="R84" s="137"/>
      <c r="S84" s="137"/>
      <c r="T84" s="137"/>
      <c r="U84" s="137"/>
      <c r="V84" s="137"/>
      <c r="W84" s="137"/>
      <c r="X84" s="137"/>
      <c r="Y84" s="137"/>
      <c r="Z84" s="137"/>
      <c r="AA84" s="137"/>
      <c r="AB84" s="137"/>
      <c r="AC84" s="137"/>
      <c r="AD84" s="137"/>
      <c r="AE84" s="137"/>
      <c r="AF84" s="137"/>
    </row>
    <row r="85" spans="3:32" x14ac:dyDescent="0.2">
      <c r="C85" s="137"/>
      <c r="D85" s="137"/>
      <c r="E85" s="137"/>
      <c r="F85" s="137"/>
      <c r="G85" s="137"/>
      <c r="H85" s="137"/>
      <c r="I85" s="137"/>
      <c r="J85" s="137"/>
      <c r="K85" s="137"/>
      <c r="L85" s="137"/>
      <c r="M85" s="137"/>
      <c r="N85" s="137"/>
      <c r="O85" s="137"/>
      <c r="P85" s="137"/>
      <c r="Q85" s="137"/>
      <c r="R85" s="137"/>
      <c r="S85" s="137"/>
      <c r="T85" s="137"/>
      <c r="U85" s="137"/>
      <c r="V85" s="137"/>
      <c r="W85" s="137"/>
      <c r="X85" s="137"/>
      <c r="Y85" s="137"/>
      <c r="Z85" s="137"/>
      <c r="AA85" s="137"/>
      <c r="AB85" s="137"/>
      <c r="AC85" s="137"/>
      <c r="AD85" s="137"/>
      <c r="AE85" s="137"/>
      <c r="AF85" s="137"/>
    </row>
    <row r="86" spans="3:32" x14ac:dyDescent="0.2">
      <c r="C86" s="137"/>
      <c r="D86" s="137"/>
      <c r="E86" s="137"/>
      <c r="F86" s="137"/>
      <c r="G86" s="137"/>
      <c r="H86" s="137"/>
      <c r="I86" s="137"/>
      <c r="J86" s="137"/>
      <c r="K86" s="137"/>
      <c r="L86" s="137"/>
      <c r="M86" s="137"/>
      <c r="N86" s="137"/>
      <c r="O86" s="137"/>
      <c r="P86" s="137"/>
      <c r="Q86" s="137"/>
      <c r="R86" s="137"/>
      <c r="S86" s="137"/>
      <c r="T86" s="137"/>
      <c r="U86" s="137"/>
      <c r="V86" s="137"/>
      <c r="W86" s="137"/>
      <c r="X86" s="137"/>
      <c r="Y86" s="137"/>
      <c r="Z86" s="137"/>
      <c r="AA86" s="137"/>
      <c r="AB86" s="137"/>
      <c r="AC86" s="137"/>
      <c r="AD86" s="137"/>
      <c r="AE86" s="137"/>
      <c r="AF86" s="137"/>
    </row>
    <row r="87" spans="3:32" x14ac:dyDescent="0.2">
      <c r="C87" s="137"/>
      <c r="D87" s="137"/>
      <c r="E87" s="137"/>
      <c r="F87" s="137"/>
      <c r="G87" s="137"/>
      <c r="H87" s="137"/>
      <c r="I87" s="137"/>
      <c r="J87" s="137"/>
      <c r="K87" s="137"/>
      <c r="L87" s="137"/>
      <c r="M87" s="137"/>
      <c r="N87" s="137"/>
      <c r="O87" s="137"/>
      <c r="P87" s="137"/>
      <c r="Q87" s="137"/>
      <c r="R87" s="137"/>
      <c r="S87" s="137"/>
      <c r="T87" s="137"/>
      <c r="U87" s="137"/>
      <c r="V87" s="137"/>
      <c r="W87" s="137"/>
      <c r="X87" s="137"/>
      <c r="Y87" s="137"/>
      <c r="Z87" s="137"/>
      <c r="AA87" s="137"/>
      <c r="AB87" s="137"/>
      <c r="AC87" s="137"/>
      <c r="AD87" s="137"/>
      <c r="AE87" s="137"/>
      <c r="AF87" s="137"/>
    </row>
    <row r="88" spans="3:32" x14ac:dyDescent="0.2">
      <c r="C88" s="137"/>
      <c r="D88" s="137"/>
      <c r="E88" s="137"/>
      <c r="F88" s="137"/>
      <c r="G88" s="137"/>
      <c r="H88" s="137"/>
      <c r="I88" s="137"/>
      <c r="J88" s="137"/>
      <c r="K88" s="137"/>
      <c r="L88" s="137"/>
      <c r="M88" s="137"/>
      <c r="N88" s="137"/>
      <c r="O88" s="137"/>
      <c r="P88" s="137"/>
      <c r="Q88" s="137"/>
      <c r="R88" s="137"/>
      <c r="S88" s="137"/>
      <c r="T88" s="137"/>
      <c r="U88" s="137"/>
      <c r="V88" s="137"/>
      <c r="W88" s="137"/>
      <c r="X88" s="137"/>
      <c r="Y88" s="137"/>
      <c r="Z88" s="137"/>
      <c r="AA88" s="137"/>
      <c r="AB88" s="137"/>
      <c r="AC88" s="137"/>
      <c r="AD88" s="137"/>
      <c r="AE88" s="137"/>
      <c r="AF88" s="137"/>
    </row>
    <row r="89" spans="3:32" x14ac:dyDescent="0.2">
      <c r="C89" s="137"/>
      <c r="D89" s="137"/>
      <c r="E89" s="137"/>
      <c r="F89" s="137"/>
      <c r="G89" s="137"/>
      <c r="H89" s="137"/>
      <c r="I89" s="137"/>
      <c r="J89" s="137"/>
      <c r="K89" s="137"/>
      <c r="L89" s="137"/>
      <c r="M89" s="137"/>
      <c r="N89" s="137"/>
      <c r="O89" s="137"/>
      <c r="P89" s="137"/>
      <c r="Q89" s="137"/>
      <c r="R89" s="137"/>
      <c r="S89" s="137"/>
      <c r="T89" s="137"/>
      <c r="U89" s="137"/>
      <c r="V89" s="137"/>
      <c r="W89" s="137"/>
      <c r="X89" s="137"/>
      <c r="Y89" s="137"/>
      <c r="Z89" s="137"/>
      <c r="AA89" s="137"/>
      <c r="AB89" s="137"/>
      <c r="AC89" s="137"/>
      <c r="AD89" s="137"/>
      <c r="AE89" s="137"/>
      <c r="AF89" s="137"/>
    </row>
    <row r="90" spans="3:32" x14ac:dyDescent="0.2">
      <c r="C90" s="137"/>
      <c r="D90" s="137"/>
      <c r="E90" s="137"/>
      <c r="F90" s="137"/>
      <c r="G90" s="137"/>
      <c r="H90" s="137"/>
      <c r="I90" s="137"/>
      <c r="J90" s="137"/>
      <c r="K90" s="137"/>
      <c r="L90" s="137"/>
      <c r="M90" s="137"/>
      <c r="N90" s="137"/>
      <c r="O90" s="137"/>
      <c r="P90" s="137"/>
      <c r="Q90" s="137"/>
      <c r="R90" s="137"/>
      <c r="S90" s="137"/>
      <c r="T90" s="137"/>
      <c r="U90" s="137"/>
      <c r="V90" s="137"/>
      <c r="W90" s="137"/>
      <c r="X90" s="137"/>
      <c r="Y90" s="137"/>
      <c r="Z90" s="137"/>
      <c r="AA90" s="137"/>
      <c r="AB90" s="137"/>
      <c r="AC90" s="137"/>
      <c r="AD90" s="137"/>
      <c r="AE90" s="137"/>
      <c r="AF90" s="137"/>
    </row>
    <row r="91" spans="3:32" x14ac:dyDescent="0.2">
      <c r="C91" s="137"/>
      <c r="D91" s="137"/>
      <c r="E91" s="137"/>
      <c r="F91" s="137"/>
      <c r="G91" s="137"/>
      <c r="H91" s="137"/>
      <c r="I91" s="137"/>
      <c r="J91" s="137"/>
      <c r="K91" s="137"/>
      <c r="L91" s="137"/>
      <c r="M91" s="137"/>
      <c r="N91" s="137"/>
      <c r="O91" s="137"/>
      <c r="P91" s="137"/>
      <c r="Q91" s="137"/>
      <c r="R91" s="137"/>
      <c r="S91" s="137"/>
      <c r="T91" s="137"/>
      <c r="U91" s="137"/>
      <c r="V91" s="137"/>
      <c r="W91" s="137"/>
      <c r="X91" s="137"/>
      <c r="Y91" s="137"/>
      <c r="Z91" s="137"/>
      <c r="AA91" s="137"/>
      <c r="AB91" s="137"/>
      <c r="AC91" s="137"/>
      <c r="AD91" s="137"/>
      <c r="AE91" s="137"/>
      <c r="AF91" s="137"/>
    </row>
    <row r="92" spans="3:32" x14ac:dyDescent="0.2">
      <c r="C92" s="137"/>
      <c r="D92" s="137"/>
      <c r="E92" s="137"/>
      <c r="F92" s="137"/>
      <c r="G92" s="137"/>
      <c r="H92" s="137"/>
      <c r="I92" s="137"/>
      <c r="J92" s="137"/>
      <c r="K92" s="137"/>
      <c r="L92" s="137"/>
      <c r="M92" s="137"/>
      <c r="N92" s="137"/>
      <c r="O92" s="137"/>
      <c r="P92" s="137"/>
      <c r="Q92" s="137"/>
      <c r="R92" s="137"/>
      <c r="S92" s="137"/>
      <c r="T92" s="137"/>
      <c r="U92" s="137"/>
      <c r="V92" s="137"/>
      <c r="W92" s="137"/>
      <c r="X92" s="137"/>
      <c r="Y92" s="137"/>
      <c r="Z92" s="137"/>
      <c r="AA92" s="137"/>
      <c r="AB92" s="137"/>
      <c r="AC92" s="137"/>
      <c r="AD92" s="137"/>
      <c r="AE92" s="137"/>
      <c r="AF92" s="137"/>
    </row>
    <row r="93" spans="3:32" x14ac:dyDescent="0.2">
      <c r="C93" s="137"/>
      <c r="D93" s="137"/>
      <c r="E93" s="137"/>
      <c r="F93" s="137"/>
      <c r="G93" s="137"/>
      <c r="H93" s="137"/>
      <c r="I93" s="137"/>
      <c r="J93" s="137"/>
      <c r="K93" s="137"/>
      <c r="L93" s="137"/>
      <c r="M93" s="137"/>
      <c r="N93" s="137"/>
      <c r="O93" s="137"/>
      <c r="P93" s="137"/>
      <c r="Q93" s="137"/>
      <c r="R93" s="137"/>
      <c r="S93" s="137"/>
      <c r="T93" s="137"/>
      <c r="U93" s="137"/>
      <c r="V93" s="137"/>
      <c r="W93" s="137"/>
      <c r="X93" s="137"/>
      <c r="Y93" s="137"/>
      <c r="Z93" s="137"/>
      <c r="AA93" s="137"/>
      <c r="AB93" s="137"/>
      <c r="AC93" s="137"/>
      <c r="AD93" s="137"/>
      <c r="AE93" s="137"/>
      <c r="AF93" s="137"/>
    </row>
    <row r="94" spans="3:32" x14ac:dyDescent="0.2">
      <c r="C94" s="137"/>
      <c r="D94" s="137"/>
      <c r="E94" s="137"/>
      <c r="F94" s="137"/>
      <c r="G94" s="137"/>
      <c r="H94" s="137"/>
      <c r="I94" s="137"/>
      <c r="J94" s="137"/>
      <c r="K94" s="137"/>
      <c r="L94" s="137"/>
      <c r="M94" s="137"/>
      <c r="N94" s="137"/>
      <c r="O94" s="137"/>
      <c r="P94" s="137"/>
      <c r="Q94" s="137"/>
      <c r="R94" s="137"/>
      <c r="S94" s="137"/>
      <c r="T94" s="137"/>
      <c r="U94" s="137"/>
      <c r="V94" s="137"/>
      <c r="W94" s="137"/>
      <c r="X94" s="137"/>
      <c r="Y94" s="137"/>
      <c r="Z94" s="137"/>
      <c r="AA94" s="137"/>
      <c r="AB94" s="137"/>
      <c r="AC94" s="137"/>
      <c r="AD94" s="137"/>
      <c r="AE94" s="137"/>
      <c r="AF94" s="137"/>
    </row>
    <row r="95" spans="3:32" x14ac:dyDescent="0.2">
      <c r="C95" s="137"/>
      <c r="D95" s="137"/>
      <c r="E95" s="137"/>
      <c r="F95" s="137"/>
      <c r="G95" s="137"/>
      <c r="H95" s="137"/>
      <c r="I95" s="137"/>
      <c r="J95" s="137"/>
      <c r="K95" s="137"/>
      <c r="L95" s="137"/>
      <c r="M95" s="137"/>
      <c r="N95" s="137"/>
      <c r="O95" s="137"/>
      <c r="P95" s="137"/>
      <c r="Q95" s="137"/>
      <c r="R95" s="137"/>
      <c r="S95" s="137"/>
      <c r="T95" s="137"/>
      <c r="U95" s="137"/>
      <c r="V95" s="137"/>
      <c r="W95" s="137"/>
      <c r="X95" s="137"/>
      <c r="Y95" s="137"/>
      <c r="Z95" s="137"/>
      <c r="AA95" s="137"/>
      <c r="AB95" s="137"/>
      <c r="AC95" s="137"/>
      <c r="AD95" s="137"/>
      <c r="AE95" s="137"/>
      <c r="AF95" s="137"/>
    </row>
    <row r="96" spans="3:32" x14ac:dyDescent="0.2">
      <c r="C96" s="137"/>
      <c r="D96" s="137"/>
      <c r="E96" s="137"/>
      <c r="F96" s="137"/>
      <c r="G96" s="137"/>
      <c r="H96" s="137"/>
      <c r="I96" s="137"/>
      <c r="J96" s="137"/>
      <c r="K96" s="137"/>
      <c r="L96" s="137"/>
      <c r="M96" s="137"/>
      <c r="N96" s="137"/>
      <c r="O96" s="137"/>
      <c r="P96" s="137"/>
      <c r="Q96" s="137"/>
      <c r="R96" s="137"/>
      <c r="S96" s="137"/>
      <c r="T96" s="137"/>
      <c r="U96" s="137"/>
      <c r="V96" s="137"/>
      <c r="W96" s="137"/>
      <c r="X96" s="137"/>
      <c r="Y96" s="137"/>
      <c r="Z96" s="137"/>
      <c r="AA96" s="137"/>
      <c r="AB96" s="137"/>
      <c r="AC96" s="137"/>
      <c r="AD96" s="137"/>
      <c r="AE96" s="137"/>
      <c r="AF96" s="137"/>
    </row>
    <row r="97" spans="3:32" x14ac:dyDescent="0.2">
      <c r="C97" s="137"/>
      <c r="D97" s="137"/>
      <c r="E97" s="137"/>
      <c r="F97" s="137"/>
      <c r="G97" s="137"/>
      <c r="H97" s="137"/>
      <c r="I97" s="137"/>
      <c r="J97" s="137"/>
      <c r="K97" s="137"/>
      <c r="L97" s="137"/>
      <c r="M97" s="137"/>
      <c r="N97" s="137"/>
      <c r="O97" s="137"/>
      <c r="P97" s="137"/>
      <c r="Q97" s="137"/>
      <c r="R97" s="137"/>
      <c r="S97" s="137"/>
      <c r="T97" s="137"/>
      <c r="U97" s="137"/>
      <c r="V97" s="137"/>
      <c r="W97" s="137"/>
      <c r="X97" s="137"/>
      <c r="Y97" s="137"/>
      <c r="Z97" s="137"/>
      <c r="AA97" s="137"/>
      <c r="AB97" s="137"/>
      <c r="AC97" s="137"/>
      <c r="AD97" s="137"/>
      <c r="AE97" s="137"/>
      <c r="AF97" s="137"/>
    </row>
    <row r="98" spans="3:32" x14ac:dyDescent="0.2">
      <c r="C98" s="137"/>
      <c r="D98" s="137"/>
      <c r="E98" s="137"/>
      <c r="F98" s="137"/>
      <c r="G98" s="137"/>
      <c r="H98" s="137"/>
      <c r="I98" s="137"/>
      <c r="J98" s="137"/>
      <c r="K98" s="137"/>
      <c r="L98" s="137"/>
      <c r="M98" s="137"/>
      <c r="N98" s="137"/>
      <c r="O98" s="137"/>
      <c r="P98" s="137"/>
      <c r="Q98" s="137"/>
      <c r="R98" s="137"/>
      <c r="S98" s="137"/>
      <c r="T98" s="137"/>
      <c r="U98" s="137"/>
      <c r="V98" s="137"/>
      <c r="W98" s="137"/>
      <c r="X98" s="137"/>
      <c r="Y98" s="137"/>
      <c r="Z98" s="137"/>
      <c r="AA98" s="137"/>
      <c r="AB98" s="137"/>
      <c r="AC98" s="137"/>
      <c r="AD98" s="137"/>
      <c r="AE98" s="137"/>
      <c r="AF98" s="137"/>
    </row>
    <row r="99" spans="3:32" x14ac:dyDescent="0.2">
      <c r="C99" s="137"/>
      <c r="D99" s="137"/>
      <c r="E99" s="137"/>
      <c r="F99" s="137"/>
      <c r="G99" s="137"/>
      <c r="H99" s="137"/>
      <c r="I99" s="137"/>
      <c r="J99" s="137"/>
      <c r="K99" s="137"/>
      <c r="L99" s="137"/>
      <c r="M99" s="137"/>
      <c r="N99" s="137"/>
      <c r="O99" s="137"/>
      <c r="P99" s="137"/>
      <c r="Q99" s="137"/>
      <c r="R99" s="137"/>
      <c r="S99" s="137"/>
      <c r="T99" s="137"/>
      <c r="U99" s="137"/>
      <c r="V99" s="137"/>
      <c r="W99" s="137"/>
      <c r="X99" s="137"/>
      <c r="Y99" s="137"/>
      <c r="Z99" s="137"/>
      <c r="AA99" s="137"/>
      <c r="AB99" s="137"/>
      <c r="AC99" s="137"/>
      <c r="AD99" s="137"/>
      <c r="AE99" s="137"/>
      <c r="AF99" s="137"/>
    </row>
    <row r="100" spans="3:32" x14ac:dyDescent="0.2">
      <c r="C100" s="137"/>
      <c r="D100" s="137"/>
      <c r="E100" s="137"/>
      <c r="F100" s="137"/>
      <c r="G100" s="137"/>
      <c r="H100" s="137"/>
      <c r="I100" s="137"/>
      <c r="J100" s="137"/>
      <c r="K100" s="137"/>
      <c r="L100" s="137"/>
      <c r="M100" s="137"/>
      <c r="N100" s="137"/>
      <c r="O100" s="137"/>
      <c r="P100" s="137"/>
      <c r="Q100" s="137"/>
      <c r="R100" s="137"/>
      <c r="S100" s="137"/>
      <c r="T100" s="137"/>
      <c r="U100" s="137"/>
      <c r="V100" s="137"/>
      <c r="W100" s="137"/>
      <c r="X100" s="137"/>
      <c r="Y100" s="137"/>
      <c r="Z100" s="137"/>
      <c r="AA100" s="137"/>
      <c r="AB100" s="137"/>
      <c r="AC100" s="137"/>
      <c r="AD100" s="137"/>
      <c r="AE100" s="137"/>
      <c r="AF100" s="137"/>
    </row>
    <row r="101" spans="3:32" x14ac:dyDescent="0.2">
      <c r="C101" s="137"/>
      <c r="D101" s="137"/>
      <c r="E101" s="137"/>
      <c r="F101" s="137"/>
      <c r="G101" s="137"/>
      <c r="H101" s="137"/>
      <c r="I101" s="137"/>
      <c r="J101" s="137"/>
      <c r="K101" s="137"/>
      <c r="L101" s="137"/>
      <c r="M101" s="137"/>
      <c r="N101" s="137"/>
      <c r="O101" s="137"/>
      <c r="P101" s="137"/>
      <c r="Q101" s="137"/>
      <c r="R101" s="137"/>
      <c r="S101" s="137"/>
      <c r="T101" s="137"/>
      <c r="U101" s="137"/>
      <c r="V101" s="137"/>
      <c r="W101" s="137"/>
      <c r="X101" s="137"/>
      <c r="Y101" s="137"/>
      <c r="Z101" s="137"/>
      <c r="AA101" s="137"/>
      <c r="AB101" s="137"/>
      <c r="AC101" s="137"/>
      <c r="AD101" s="137"/>
      <c r="AE101" s="137"/>
      <c r="AF101" s="137"/>
    </row>
    <row r="102" spans="3:32" x14ac:dyDescent="0.2">
      <c r="C102" s="137"/>
      <c r="D102" s="137"/>
      <c r="E102" s="137"/>
      <c r="F102" s="137"/>
      <c r="G102" s="137"/>
      <c r="H102" s="137"/>
      <c r="I102" s="137"/>
      <c r="J102" s="137"/>
      <c r="K102" s="137"/>
      <c r="L102" s="137"/>
      <c r="M102" s="137"/>
      <c r="N102" s="137"/>
      <c r="O102" s="137"/>
      <c r="P102" s="137"/>
      <c r="Q102" s="137"/>
      <c r="R102" s="137"/>
      <c r="S102" s="137"/>
      <c r="T102" s="137"/>
      <c r="U102" s="137"/>
      <c r="V102" s="137"/>
      <c r="W102" s="137"/>
      <c r="X102" s="137"/>
      <c r="Y102" s="137"/>
      <c r="Z102" s="137"/>
      <c r="AA102" s="137"/>
      <c r="AB102" s="137"/>
      <c r="AC102" s="137"/>
      <c r="AD102" s="137"/>
      <c r="AE102" s="137"/>
      <c r="AF102" s="137"/>
    </row>
    <row r="103" spans="3:32" x14ac:dyDescent="0.2">
      <c r="C103" s="137"/>
      <c r="D103" s="137"/>
      <c r="E103" s="137"/>
      <c r="F103" s="137"/>
      <c r="G103" s="137"/>
      <c r="H103" s="137"/>
      <c r="I103" s="137"/>
      <c r="J103" s="137"/>
      <c r="K103" s="137"/>
      <c r="L103" s="137"/>
      <c r="M103" s="137"/>
      <c r="N103" s="137"/>
      <c r="O103" s="137"/>
      <c r="P103" s="137"/>
      <c r="Q103" s="137"/>
      <c r="R103" s="137"/>
      <c r="S103" s="137"/>
      <c r="T103" s="137"/>
      <c r="U103" s="137"/>
      <c r="V103" s="137"/>
      <c r="W103" s="137"/>
      <c r="X103" s="137"/>
      <c r="Y103" s="137"/>
      <c r="Z103" s="137"/>
      <c r="AA103" s="137"/>
      <c r="AB103" s="137"/>
      <c r="AC103" s="137"/>
      <c r="AD103" s="137"/>
      <c r="AE103" s="137"/>
      <c r="AF103" s="137"/>
    </row>
    <row r="104" spans="3:32" x14ac:dyDescent="0.2">
      <c r="C104" s="137"/>
      <c r="D104" s="137"/>
      <c r="E104" s="137"/>
      <c r="F104" s="137"/>
      <c r="G104" s="137"/>
      <c r="H104" s="137"/>
      <c r="I104" s="137"/>
      <c r="J104" s="137"/>
      <c r="K104" s="137"/>
      <c r="L104" s="137"/>
      <c r="M104" s="137"/>
      <c r="N104" s="137"/>
      <c r="O104" s="137"/>
      <c r="P104" s="137"/>
      <c r="Q104" s="137"/>
      <c r="R104" s="137"/>
      <c r="S104" s="137"/>
      <c r="T104" s="137"/>
      <c r="U104" s="137"/>
      <c r="V104" s="137"/>
      <c r="W104" s="137"/>
      <c r="X104" s="137"/>
      <c r="Y104" s="137"/>
      <c r="Z104" s="137"/>
      <c r="AA104" s="137"/>
      <c r="AB104" s="137"/>
      <c r="AC104" s="137"/>
      <c r="AD104" s="137"/>
      <c r="AE104" s="137"/>
      <c r="AF104" s="137"/>
    </row>
    <row r="105" spans="3:32" x14ac:dyDescent="0.2">
      <c r="C105" s="137"/>
      <c r="D105" s="137"/>
      <c r="E105" s="137"/>
      <c r="F105" s="137"/>
      <c r="G105" s="137"/>
      <c r="H105" s="137"/>
      <c r="I105" s="137"/>
      <c r="J105" s="137"/>
      <c r="K105" s="137"/>
      <c r="L105" s="137"/>
      <c r="M105" s="137"/>
      <c r="N105" s="137"/>
      <c r="O105" s="137"/>
      <c r="P105" s="137"/>
      <c r="Q105" s="137"/>
      <c r="R105" s="137"/>
      <c r="S105" s="137"/>
      <c r="T105" s="137"/>
      <c r="U105" s="137"/>
      <c r="V105" s="137"/>
      <c r="W105" s="137"/>
      <c r="X105" s="137"/>
      <c r="Y105" s="137"/>
      <c r="Z105" s="137"/>
      <c r="AA105" s="137"/>
      <c r="AB105" s="137"/>
      <c r="AC105" s="137"/>
      <c r="AD105" s="137"/>
      <c r="AE105" s="137"/>
      <c r="AF105" s="137"/>
    </row>
    <row r="106" spans="3:32" x14ac:dyDescent="0.2">
      <c r="C106" s="137"/>
      <c r="D106" s="137"/>
      <c r="E106" s="137"/>
      <c r="F106" s="137"/>
      <c r="G106" s="137"/>
      <c r="H106" s="137"/>
      <c r="I106" s="137"/>
      <c r="J106" s="137"/>
      <c r="K106" s="137"/>
      <c r="L106" s="137"/>
      <c r="M106" s="137"/>
      <c r="N106" s="137"/>
      <c r="O106" s="137"/>
      <c r="P106" s="137"/>
      <c r="Q106" s="137"/>
      <c r="R106" s="137"/>
      <c r="S106" s="137"/>
      <c r="T106" s="137"/>
      <c r="U106" s="137"/>
      <c r="V106" s="137"/>
      <c r="W106" s="137"/>
      <c r="X106" s="137"/>
      <c r="Y106" s="137"/>
      <c r="Z106" s="137"/>
      <c r="AA106" s="137"/>
      <c r="AB106" s="137"/>
      <c r="AC106" s="137"/>
      <c r="AD106" s="137"/>
      <c r="AE106" s="137"/>
      <c r="AF106" s="137"/>
    </row>
    <row r="107" spans="3:32" x14ac:dyDescent="0.2">
      <c r="C107" s="137"/>
      <c r="D107" s="137"/>
      <c r="E107" s="137"/>
      <c r="F107" s="137"/>
      <c r="G107" s="137"/>
      <c r="H107" s="137"/>
      <c r="I107" s="137"/>
      <c r="J107" s="137"/>
      <c r="K107" s="137"/>
      <c r="L107" s="137"/>
      <c r="M107" s="137"/>
      <c r="N107" s="137"/>
      <c r="O107" s="137"/>
      <c r="P107" s="137"/>
      <c r="Q107" s="137"/>
      <c r="R107" s="137"/>
      <c r="S107" s="137"/>
      <c r="T107" s="137"/>
      <c r="U107" s="137"/>
      <c r="V107" s="137"/>
      <c r="W107" s="137"/>
      <c r="X107" s="137"/>
      <c r="Y107" s="137"/>
      <c r="Z107" s="137"/>
      <c r="AA107" s="137"/>
      <c r="AB107" s="137"/>
      <c r="AC107" s="137"/>
      <c r="AD107" s="137"/>
      <c r="AE107" s="137"/>
      <c r="AF107" s="137"/>
    </row>
    <row r="108" spans="3:32" x14ac:dyDescent="0.2">
      <c r="C108" s="137"/>
      <c r="D108" s="137"/>
      <c r="E108" s="137"/>
      <c r="F108" s="137"/>
      <c r="G108" s="137"/>
      <c r="H108" s="137"/>
      <c r="I108" s="137"/>
      <c r="J108" s="137"/>
      <c r="K108" s="137"/>
      <c r="L108" s="137"/>
      <c r="M108" s="137"/>
      <c r="N108" s="137"/>
      <c r="O108" s="137"/>
      <c r="P108" s="137"/>
      <c r="Q108" s="137"/>
      <c r="R108" s="137"/>
      <c r="S108" s="137"/>
      <c r="T108" s="137"/>
      <c r="U108" s="137"/>
      <c r="V108" s="137"/>
      <c r="W108" s="137"/>
      <c r="X108" s="137"/>
      <c r="Y108" s="137"/>
      <c r="Z108" s="137"/>
      <c r="AA108" s="137"/>
      <c r="AB108" s="137"/>
      <c r="AC108" s="137"/>
      <c r="AD108" s="137"/>
      <c r="AE108" s="137"/>
      <c r="AF108" s="137"/>
    </row>
    <row r="109" spans="3:32" x14ac:dyDescent="0.2">
      <c r="C109" s="137"/>
      <c r="D109" s="137"/>
      <c r="E109" s="137"/>
      <c r="F109" s="137"/>
      <c r="G109" s="137"/>
      <c r="H109" s="137"/>
      <c r="I109" s="137"/>
      <c r="J109" s="137"/>
      <c r="K109" s="137"/>
      <c r="L109" s="137"/>
      <c r="M109" s="137"/>
      <c r="N109" s="137"/>
      <c r="O109" s="137"/>
      <c r="P109" s="137"/>
      <c r="Q109" s="137"/>
      <c r="R109" s="137"/>
      <c r="S109" s="137"/>
      <c r="T109" s="137"/>
      <c r="U109" s="137"/>
      <c r="V109" s="137"/>
      <c r="W109" s="137"/>
      <c r="X109" s="137"/>
      <c r="Y109" s="137"/>
      <c r="Z109" s="137"/>
      <c r="AA109" s="137"/>
      <c r="AB109" s="137"/>
      <c r="AC109" s="137"/>
      <c r="AD109" s="137"/>
      <c r="AE109" s="137"/>
      <c r="AF109" s="137"/>
    </row>
    <row r="110" spans="3:32" x14ac:dyDescent="0.2">
      <c r="C110" s="137"/>
      <c r="D110" s="137"/>
      <c r="E110" s="137"/>
      <c r="F110" s="137"/>
      <c r="G110" s="137"/>
      <c r="H110" s="137"/>
      <c r="I110" s="137"/>
      <c r="J110" s="137"/>
      <c r="K110" s="137"/>
      <c r="L110" s="137"/>
      <c r="M110" s="137"/>
      <c r="N110" s="137"/>
      <c r="O110" s="137"/>
      <c r="P110" s="137"/>
      <c r="Q110" s="137"/>
      <c r="R110" s="137"/>
      <c r="S110" s="137"/>
      <c r="T110" s="137"/>
      <c r="U110" s="137"/>
      <c r="V110" s="137"/>
      <c r="W110" s="137"/>
      <c r="X110" s="137"/>
      <c r="Y110" s="137"/>
      <c r="Z110" s="137"/>
      <c r="AA110" s="137"/>
      <c r="AB110" s="137"/>
      <c r="AC110" s="137"/>
      <c r="AD110" s="137"/>
      <c r="AE110" s="137"/>
      <c r="AF110" s="137"/>
    </row>
    <row r="111" spans="3:32" x14ac:dyDescent="0.2">
      <c r="C111" s="137"/>
      <c r="D111" s="137"/>
      <c r="E111" s="137"/>
      <c r="F111" s="137"/>
      <c r="G111" s="137"/>
      <c r="H111" s="137"/>
      <c r="I111" s="137"/>
      <c r="J111" s="137"/>
      <c r="K111" s="137"/>
      <c r="L111" s="137"/>
      <c r="M111" s="137"/>
      <c r="N111" s="137"/>
      <c r="O111" s="137"/>
      <c r="P111" s="137"/>
      <c r="Q111" s="137"/>
      <c r="R111" s="137"/>
      <c r="S111" s="137"/>
      <c r="T111" s="137"/>
      <c r="U111" s="137"/>
      <c r="V111" s="137"/>
      <c r="W111" s="137"/>
      <c r="X111" s="137"/>
      <c r="Y111" s="137"/>
      <c r="Z111" s="137"/>
      <c r="AA111" s="137"/>
      <c r="AB111" s="137"/>
      <c r="AC111" s="137"/>
      <c r="AD111" s="137"/>
      <c r="AE111" s="137"/>
      <c r="AF111" s="137"/>
    </row>
    <row r="112" spans="3:32" x14ac:dyDescent="0.2">
      <c r="C112" s="137"/>
      <c r="D112" s="137"/>
      <c r="E112" s="137"/>
      <c r="F112" s="137"/>
      <c r="G112" s="137"/>
      <c r="H112" s="137"/>
      <c r="I112" s="137"/>
      <c r="J112" s="137"/>
      <c r="K112" s="137"/>
      <c r="L112" s="137"/>
      <c r="M112" s="137"/>
      <c r="N112" s="137"/>
      <c r="O112" s="137"/>
      <c r="P112" s="137"/>
      <c r="Q112" s="137"/>
      <c r="R112" s="137"/>
      <c r="S112" s="137"/>
      <c r="T112" s="137"/>
      <c r="U112" s="137"/>
      <c r="V112" s="137"/>
      <c r="W112" s="137"/>
      <c r="X112" s="137"/>
      <c r="Y112" s="137"/>
      <c r="Z112" s="137"/>
      <c r="AA112" s="137"/>
      <c r="AB112" s="137"/>
      <c r="AC112" s="137"/>
      <c r="AD112" s="137"/>
      <c r="AE112" s="137"/>
      <c r="AF112" s="137"/>
    </row>
    <row r="113" spans="3:32" x14ac:dyDescent="0.2">
      <c r="C113" s="137"/>
      <c r="D113" s="137"/>
      <c r="E113" s="137"/>
      <c r="F113" s="137"/>
      <c r="G113" s="137"/>
      <c r="H113" s="137"/>
      <c r="I113" s="137"/>
      <c r="J113" s="137"/>
      <c r="K113" s="137"/>
      <c r="L113" s="137"/>
      <c r="M113" s="137"/>
      <c r="N113" s="137"/>
      <c r="O113" s="137"/>
      <c r="P113" s="137"/>
      <c r="Q113" s="137"/>
      <c r="R113" s="137"/>
      <c r="S113" s="137"/>
      <c r="T113" s="137"/>
      <c r="U113" s="137"/>
      <c r="V113" s="137"/>
      <c r="W113" s="137"/>
      <c r="X113" s="137"/>
      <c r="Y113" s="137"/>
      <c r="Z113" s="137"/>
      <c r="AA113" s="137"/>
      <c r="AB113" s="137"/>
      <c r="AC113" s="137"/>
      <c r="AD113" s="137"/>
      <c r="AE113" s="137"/>
      <c r="AF113" s="137"/>
    </row>
    <row r="114" spans="3:32" x14ac:dyDescent="0.2">
      <c r="C114" s="137"/>
      <c r="D114" s="137"/>
      <c r="E114" s="137"/>
      <c r="F114" s="137"/>
      <c r="G114" s="137"/>
      <c r="H114" s="137"/>
      <c r="I114" s="137"/>
      <c r="J114" s="137"/>
      <c r="K114" s="137"/>
      <c r="L114" s="137"/>
      <c r="M114" s="137"/>
      <c r="N114" s="137"/>
      <c r="O114" s="137"/>
      <c r="P114" s="137"/>
      <c r="Q114" s="137"/>
      <c r="R114" s="137"/>
      <c r="S114" s="137"/>
      <c r="T114" s="137"/>
      <c r="U114" s="137"/>
      <c r="V114" s="137"/>
      <c r="W114" s="137"/>
      <c r="X114" s="137"/>
      <c r="Y114" s="137"/>
      <c r="Z114" s="137"/>
      <c r="AA114" s="137"/>
      <c r="AB114" s="137"/>
      <c r="AC114" s="137"/>
      <c r="AD114" s="137"/>
      <c r="AE114" s="137"/>
      <c r="AF114" s="137"/>
    </row>
    <row r="115" spans="3:32" x14ac:dyDescent="0.2">
      <c r="C115" s="137"/>
      <c r="D115" s="137"/>
      <c r="E115" s="137"/>
      <c r="F115" s="137"/>
      <c r="G115" s="137"/>
      <c r="H115" s="137"/>
      <c r="I115" s="137"/>
      <c r="J115" s="137"/>
      <c r="K115" s="137"/>
      <c r="L115" s="137"/>
      <c r="M115" s="137"/>
      <c r="N115" s="137"/>
      <c r="O115" s="137"/>
      <c r="P115" s="137"/>
      <c r="Q115" s="137"/>
      <c r="R115" s="137"/>
      <c r="S115" s="137"/>
      <c r="T115" s="137"/>
      <c r="U115" s="137"/>
      <c r="V115" s="137"/>
      <c r="W115" s="137"/>
      <c r="X115" s="137"/>
      <c r="Y115" s="137"/>
      <c r="Z115" s="137"/>
      <c r="AA115" s="137"/>
      <c r="AB115" s="137"/>
      <c r="AC115" s="137"/>
      <c r="AD115" s="137"/>
      <c r="AE115" s="137"/>
      <c r="AF115" s="137"/>
    </row>
    <row r="116" spans="3:32" x14ac:dyDescent="0.2">
      <c r="C116" s="137"/>
      <c r="D116" s="137"/>
      <c r="E116" s="137"/>
      <c r="F116" s="137"/>
      <c r="G116" s="137"/>
      <c r="H116" s="137"/>
      <c r="I116" s="137"/>
      <c r="J116" s="137"/>
      <c r="K116" s="137"/>
      <c r="L116" s="137"/>
      <c r="M116" s="137"/>
      <c r="N116" s="137"/>
      <c r="O116" s="137"/>
      <c r="P116" s="137"/>
      <c r="Q116" s="137"/>
      <c r="R116" s="137"/>
      <c r="S116" s="137"/>
      <c r="T116" s="137"/>
      <c r="U116" s="137"/>
      <c r="V116" s="137"/>
      <c r="W116" s="137"/>
      <c r="X116" s="137"/>
      <c r="Y116" s="137"/>
      <c r="Z116" s="137"/>
      <c r="AA116" s="137"/>
      <c r="AB116" s="137"/>
      <c r="AC116" s="137"/>
      <c r="AD116" s="137"/>
      <c r="AE116" s="137"/>
      <c r="AF116" s="137"/>
    </row>
    <row r="117" spans="3:32" x14ac:dyDescent="0.2">
      <c r="C117" s="137"/>
      <c r="D117" s="137"/>
      <c r="E117" s="137"/>
      <c r="F117" s="137"/>
      <c r="G117" s="137"/>
      <c r="H117" s="137"/>
      <c r="I117" s="137"/>
      <c r="J117" s="137"/>
      <c r="K117" s="137"/>
      <c r="L117" s="137"/>
      <c r="M117" s="137"/>
      <c r="N117" s="137"/>
      <c r="O117" s="137"/>
      <c r="P117" s="137"/>
      <c r="Q117" s="137"/>
      <c r="R117" s="137"/>
      <c r="S117" s="137"/>
      <c r="T117" s="137"/>
      <c r="U117" s="137"/>
      <c r="V117" s="137"/>
      <c r="W117" s="137"/>
      <c r="X117" s="137"/>
      <c r="Y117" s="137"/>
      <c r="Z117" s="137"/>
      <c r="AA117" s="137"/>
      <c r="AB117" s="137"/>
      <c r="AC117" s="137"/>
      <c r="AD117" s="137"/>
      <c r="AE117" s="137"/>
      <c r="AF117" s="137"/>
    </row>
    <row r="118" spans="3:32" x14ac:dyDescent="0.2">
      <c r="C118" s="137"/>
      <c r="D118" s="137"/>
      <c r="E118" s="137"/>
      <c r="F118" s="137"/>
      <c r="G118" s="137"/>
      <c r="H118" s="137"/>
      <c r="I118" s="137"/>
      <c r="J118" s="137"/>
      <c r="K118" s="137"/>
      <c r="L118" s="137"/>
      <c r="M118" s="137"/>
      <c r="N118" s="137"/>
      <c r="O118" s="137"/>
      <c r="P118" s="137"/>
      <c r="Q118" s="137"/>
      <c r="R118" s="137"/>
      <c r="S118" s="137"/>
      <c r="T118" s="137"/>
      <c r="U118" s="137"/>
      <c r="V118" s="137"/>
      <c r="W118" s="137"/>
      <c r="X118" s="137"/>
      <c r="Y118" s="137"/>
      <c r="Z118" s="137"/>
      <c r="AA118" s="137"/>
      <c r="AB118" s="137"/>
      <c r="AC118" s="137"/>
      <c r="AD118" s="137"/>
      <c r="AE118" s="137"/>
      <c r="AF118" s="137"/>
    </row>
    <row r="119" spans="3:32" x14ac:dyDescent="0.2">
      <c r="C119" s="137"/>
      <c r="D119" s="137"/>
      <c r="E119" s="137"/>
      <c r="F119" s="137"/>
      <c r="G119" s="137"/>
      <c r="H119" s="137"/>
      <c r="I119" s="137"/>
      <c r="J119" s="137"/>
      <c r="K119" s="137"/>
      <c r="L119" s="137"/>
      <c r="M119" s="137"/>
      <c r="N119" s="137"/>
      <c r="O119" s="137"/>
      <c r="P119" s="137"/>
      <c r="Q119" s="137"/>
      <c r="R119" s="137"/>
      <c r="S119" s="137"/>
      <c r="T119" s="137"/>
      <c r="U119" s="137"/>
      <c r="V119" s="137"/>
      <c r="W119" s="137"/>
      <c r="X119" s="137"/>
      <c r="Y119" s="137"/>
      <c r="Z119" s="137"/>
      <c r="AA119" s="137"/>
      <c r="AB119" s="137"/>
      <c r="AC119" s="137"/>
      <c r="AD119" s="137"/>
      <c r="AE119" s="137"/>
      <c r="AF119" s="137"/>
    </row>
    <row r="120" spans="3:32" x14ac:dyDescent="0.2">
      <c r="C120" s="137"/>
      <c r="D120" s="137"/>
      <c r="E120" s="137"/>
      <c r="F120" s="137"/>
      <c r="G120" s="137"/>
      <c r="H120" s="137"/>
      <c r="I120" s="137"/>
      <c r="J120" s="137"/>
      <c r="K120" s="137"/>
      <c r="L120" s="137"/>
      <c r="M120" s="137"/>
      <c r="N120" s="137"/>
      <c r="O120" s="137"/>
      <c r="P120" s="137"/>
      <c r="Q120" s="137"/>
      <c r="R120" s="137"/>
      <c r="S120" s="137"/>
      <c r="T120" s="137"/>
      <c r="U120" s="137"/>
      <c r="V120" s="137"/>
      <c r="W120" s="137"/>
      <c r="X120" s="137"/>
      <c r="Y120" s="137"/>
      <c r="Z120" s="137"/>
      <c r="AA120" s="137"/>
      <c r="AB120" s="137"/>
      <c r="AC120" s="137"/>
      <c r="AD120" s="137"/>
      <c r="AE120" s="137"/>
      <c r="AF120" s="137"/>
    </row>
    <row r="121" spans="3:32" x14ac:dyDescent="0.2">
      <c r="C121" s="137"/>
      <c r="D121" s="137"/>
      <c r="E121" s="137"/>
      <c r="F121" s="137"/>
      <c r="G121" s="137"/>
      <c r="H121" s="137"/>
      <c r="I121" s="137"/>
      <c r="J121" s="137"/>
      <c r="K121" s="137"/>
      <c r="L121" s="137"/>
      <c r="M121" s="137"/>
      <c r="N121" s="137"/>
      <c r="O121" s="137"/>
      <c r="P121" s="137"/>
      <c r="Q121" s="137"/>
      <c r="R121" s="137"/>
      <c r="S121" s="137"/>
      <c r="T121" s="137"/>
      <c r="U121" s="137"/>
      <c r="V121" s="137"/>
      <c r="W121" s="137"/>
      <c r="X121" s="137"/>
      <c r="Y121" s="137"/>
      <c r="Z121" s="137"/>
      <c r="AA121" s="137"/>
      <c r="AB121" s="137"/>
      <c r="AC121" s="137"/>
      <c r="AD121" s="137"/>
      <c r="AE121" s="137"/>
      <c r="AF121" s="137"/>
    </row>
    <row r="122" spans="3:32" x14ac:dyDescent="0.2">
      <c r="C122" s="137"/>
      <c r="D122" s="137"/>
      <c r="E122" s="137"/>
      <c r="F122" s="137"/>
      <c r="G122" s="137"/>
      <c r="H122" s="137"/>
      <c r="I122" s="137"/>
      <c r="J122" s="137"/>
      <c r="K122" s="137"/>
      <c r="L122" s="137"/>
      <c r="M122" s="137"/>
      <c r="N122" s="137"/>
      <c r="O122" s="137"/>
      <c r="P122" s="137"/>
      <c r="Q122" s="137"/>
      <c r="R122" s="137"/>
      <c r="S122" s="137"/>
      <c r="T122" s="137"/>
      <c r="U122" s="137"/>
      <c r="V122" s="137"/>
      <c r="W122" s="137"/>
      <c r="X122" s="137"/>
      <c r="Y122" s="137"/>
      <c r="Z122" s="137"/>
      <c r="AA122" s="137"/>
      <c r="AB122" s="137"/>
      <c r="AC122" s="137"/>
      <c r="AD122" s="137"/>
      <c r="AE122" s="137"/>
      <c r="AF122" s="137"/>
    </row>
    <row r="123" spans="3:32" x14ac:dyDescent="0.2">
      <c r="C123" s="137"/>
      <c r="D123" s="137"/>
      <c r="E123" s="137"/>
      <c r="F123" s="137"/>
      <c r="G123" s="137"/>
      <c r="H123" s="137"/>
      <c r="I123" s="137"/>
      <c r="J123" s="137"/>
      <c r="K123" s="137"/>
      <c r="L123" s="137"/>
      <c r="M123" s="137"/>
      <c r="N123" s="137"/>
      <c r="O123" s="137"/>
      <c r="P123" s="137"/>
      <c r="Q123" s="137"/>
      <c r="R123" s="137"/>
      <c r="S123" s="137"/>
      <c r="T123" s="137"/>
      <c r="U123" s="137"/>
      <c r="V123" s="137"/>
      <c r="W123" s="137"/>
      <c r="X123" s="137"/>
      <c r="Y123" s="137"/>
      <c r="Z123" s="137"/>
      <c r="AA123" s="137"/>
      <c r="AB123" s="137"/>
      <c r="AC123" s="137"/>
      <c r="AD123" s="137"/>
      <c r="AE123" s="137"/>
      <c r="AF123" s="137"/>
    </row>
    <row r="124" spans="3:32" x14ac:dyDescent="0.2">
      <c r="C124" s="137"/>
      <c r="D124" s="137"/>
      <c r="E124" s="137"/>
      <c r="F124" s="137"/>
      <c r="G124" s="137"/>
      <c r="H124" s="137"/>
      <c r="I124" s="137"/>
      <c r="J124" s="137"/>
      <c r="K124" s="137"/>
      <c r="L124" s="137"/>
      <c r="M124" s="137"/>
      <c r="N124" s="137"/>
      <c r="O124" s="137"/>
      <c r="P124" s="137"/>
      <c r="Q124" s="137"/>
      <c r="R124" s="137"/>
      <c r="S124" s="137"/>
      <c r="T124" s="137"/>
      <c r="U124" s="137"/>
      <c r="V124" s="137"/>
      <c r="W124" s="137"/>
      <c r="X124" s="137"/>
      <c r="Y124" s="137"/>
      <c r="Z124" s="137"/>
      <c r="AA124" s="137"/>
      <c r="AB124" s="137"/>
      <c r="AC124" s="137"/>
      <c r="AD124" s="137"/>
      <c r="AE124" s="137"/>
      <c r="AF124" s="137"/>
    </row>
    <row r="125" spans="3:32" x14ac:dyDescent="0.2">
      <c r="C125" s="137"/>
      <c r="D125" s="137"/>
      <c r="E125" s="137"/>
      <c r="F125" s="137"/>
      <c r="G125" s="137"/>
      <c r="H125" s="137"/>
      <c r="I125" s="137"/>
      <c r="J125" s="137"/>
      <c r="K125" s="137"/>
      <c r="L125" s="137"/>
      <c r="M125" s="137"/>
      <c r="N125" s="137"/>
      <c r="O125" s="137"/>
      <c r="P125" s="137"/>
      <c r="Q125" s="137"/>
      <c r="R125" s="137"/>
      <c r="S125" s="137"/>
      <c r="T125" s="137"/>
      <c r="U125" s="137"/>
      <c r="V125" s="137"/>
      <c r="W125" s="137"/>
      <c r="X125" s="137"/>
      <c r="Y125" s="137"/>
      <c r="Z125" s="137"/>
      <c r="AA125" s="137"/>
      <c r="AB125" s="137"/>
      <c r="AC125" s="137"/>
      <c r="AD125" s="137"/>
      <c r="AE125" s="137"/>
      <c r="AF125" s="137"/>
    </row>
    <row r="126" spans="3:32" x14ac:dyDescent="0.2">
      <c r="C126" s="137"/>
      <c r="D126" s="137"/>
      <c r="E126" s="137"/>
      <c r="F126" s="137"/>
      <c r="G126" s="137"/>
      <c r="H126" s="137"/>
      <c r="I126" s="137"/>
      <c r="J126" s="137"/>
      <c r="K126" s="137"/>
      <c r="L126" s="137"/>
      <c r="M126" s="137"/>
      <c r="N126" s="137"/>
      <c r="O126" s="137"/>
      <c r="P126" s="137"/>
      <c r="Q126" s="137"/>
      <c r="R126" s="137"/>
      <c r="S126" s="137"/>
      <c r="T126" s="137"/>
      <c r="U126" s="137"/>
      <c r="V126" s="137"/>
      <c r="W126" s="137"/>
      <c r="X126" s="137"/>
      <c r="Y126" s="137"/>
      <c r="Z126" s="137"/>
      <c r="AA126" s="137"/>
      <c r="AB126" s="137"/>
      <c r="AC126" s="137"/>
      <c r="AD126" s="137"/>
      <c r="AE126" s="137"/>
      <c r="AF126" s="137"/>
    </row>
    <row r="127" spans="3:32" x14ac:dyDescent="0.2">
      <c r="C127" s="137"/>
      <c r="D127" s="137"/>
      <c r="E127" s="137"/>
      <c r="F127" s="137"/>
      <c r="G127" s="137"/>
      <c r="H127" s="137"/>
      <c r="I127" s="137"/>
      <c r="J127" s="137"/>
      <c r="K127" s="137"/>
      <c r="L127" s="137"/>
      <c r="M127" s="137"/>
      <c r="N127" s="137"/>
      <c r="O127" s="137"/>
      <c r="P127" s="137"/>
      <c r="Q127" s="137"/>
      <c r="R127" s="137"/>
      <c r="S127" s="137"/>
      <c r="T127" s="137"/>
      <c r="U127" s="137"/>
      <c r="V127" s="137"/>
      <c r="W127" s="137"/>
      <c r="X127" s="137"/>
      <c r="Y127" s="137"/>
      <c r="Z127" s="137"/>
      <c r="AA127" s="137"/>
      <c r="AB127" s="137"/>
      <c r="AC127" s="137"/>
      <c r="AD127" s="137"/>
      <c r="AE127" s="137"/>
      <c r="AF127" s="137"/>
    </row>
    <row r="128" spans="3:32" x14ac:dyDescent="0.2">
      <c r="C128" s="137"/>
      <c r="D128" s="137"/>
      <c r="E128" s="137"/>
      <c r="F128" s="137"/>
      <c r="G128" s="137"/>
      <c r="H128" s="137"/>
      <c r="I128" s="137"/>
      <c r="J128" s="137"/>
      <c r="K128" s="137"/>
      <c r="L128" s="137"/>
      <c r="M128" s="137"/>
      <c r="N128" s="137"/>
      <c r="O128" s="137"/>
      <c r="P128" s="137"/>
      <c r="Q128" s="137"/>
      <c r="R128" s="137"/>
      <c r="S128" s="137"/>
      <c r="T128" s="137"/>
      <c r="U128" s="137"/>
      <c r="V128" s="137"/>
      <c r="W128" s="137"/>
      <c r="X128" s="137"/>
      <c r="Y128" s="137"/>
      <c r="Z128" s="137"/>
      <c r="AA128" s="137"/>
      <c r="AB128" s="137"/>
      <c r="AC128" s="137"/>
      <c r="AD128" s="137"/>
      <c r="AE128" s="137"/>
      <c r="AF128" s="137"/>
    </row>
    <row r="129" spans="3:32" x14ac:dyDescent="0.2">
      <c r="C129" s="137"/>
      <c r="D129" s="137"/>
      <c r="E129" s="137"/>
      <c r="F129" s="137"/>
      <c r="G129" s="137"/>
      <c r="H129" s="137"/>
      <c r="I129" s="137"/>
      <c r="J129" s="137"/>
      <c r="K129" s="137"/>
      <c r="L129" s="137"/>
      <c r="M129" s="137"/>
      <c r="N129" s="137"/>
      <c r="O129" s="137"/>
      <c r="P129" s="137"/>
      <c r="Q129" s="137"/>
      <c r="R129" s="137"/>
      <c r="S129" s="137"/>
      <c r="T129" s="137"/>
      <c r="U129" s="137"/>
      <c r="V129" s="137"/>
      <c r="W129" s="137"/>
      <c r="X129" s="137"/>
      <c r="Y129" s="137"/>
      <c r="Z129" s="137"/>
      <c r="AA129" s="137"/>
      <c r="AB129" s="137"/>
      <c r="AC129" s="137"/>
      <c r="AD129" s="137"/>
      <c r="AE129" s="137"/>
      <c r="AF129" s="137"/>
    </row>
    <row r="130" spans="3:32" x14ac:dyDescent="0.2">
      <c r="C130" s="137"/>
      <c r="D130" s="137"/>
      <c r="E130" s="137"/>
      <c r="F130" s="137"/>
      <c r="G130" s="137"/>
      <c r="H130" s="137"/>
      <c r="I130" s="137"/>
      <c r="J130" s="137"/>
      <c r="K130" s="137"/>
      <c r="L130" s="137"/>
      <c r="M130" s="137"/>
      <c r="N130" s="137"/>
      <c r="O130" s="137"/>
      <c r="P130" s="137"/>
      <c r="Q130" s="137"/>
      <c r="R130" s="137"/>
      <c r="S130" s="137"/>
      <c r="T130" s="137"/>
      <c r="U130" s="137"/>
      <c r="V130" s="137"/>
      <c r="W130" s="137"/>
      <c r="X130" s="137"/>
      <c r="Y130" s="137"/>
      <c r="Z130" s="137"/>
      <c r="AA130" s="137"/>
      <c r="AB130" s="137"/>
      <c r="AC130" s="137"/>
      <c r="AD130" s="137"/>
      <c r="AE130" s="137"/>
      <c r="AF130" s="137"/>
    </row>
    <row r="131" spans="3:32" x14ac:dyDescent="0.2">
      <c r="C131" s="137"/>
      <c r="D131" s="137"/>
      <c r="E131" s="137"/>
      <c r="F131" s="137"/>
      <c r="G131" s="137"/>
      <c r="H131" s="137"/>
      <c r="I131" s="137"/>
      <c r="J131" s="137"/>
      <c r="K131" s="137"/>
      <c r="L131" s="137"/>
      <c r="M131" s="137"/>
      <c r="N131" s="137"/>
      <c r="O131" s="137"/>
      <c r="P131" s="137"/>
      <c r="Q131" s="137"/>
      <c r="R131" s="137"/>
      <c r="S131" s="137"/>
      <c r="T131" s="137"/>
      <c r="U131" s="137"/>
      <c r="V131" s="137"/>
      <c r="W131" s="137"/>
      <c r="X131" s="137"/>
      <c r="Y131" s="137"/>
      <c r="Z131" s="137"/>
      <c r="AA131" s="137"/>
      <c r="AB131" s="137"/>
      <c r="AC131" s="137"/>
      <c r="AD131" s="137"/>
      <c r="AE131" s="137"/>
      <c r="AF131" s="137"/>
    </row>
    <row r="132" spans="3:32" x14ac:dyDescent="0.2">
      <c r="C132" s="137"/>
      <c r="D132" s="137"/>
      <c r="E132" s="137"/>
      <c r="F132" s="137"/>
      <c r="G132" s="137"/>
      <c r="H132" s="137"/>
      <c r="I132" s="137"/>
      <c r="J132" s="137"/>
      <c r="K132" s="137"/>
      <c r="L132" s="137"/>
      <c r="M132" s="137"/>
      <c r="N132" s="137"/>
      <c r="O132" s="137"/>
      <c r="P132" s="137"/>
      <c r="Q132" s="137"/>
      <c r="R132" s="137"/>
      <c r="S132" s="137"/>
      <c r="T132" s="137"/>
      <c r="U132" s="137"/>
      <c r="V132" s="137"/>
      <c r="W132" s="137"/>
      <c r="X132" s="137"/>
      <c r="Y132" s="137"/>
      <c r="Z132" s="137"/>
      <c r="AA132" s="137"/>
      <c r="AB132" s="137"/>
      <c r="AC132" s="137"/>
      <c r="AD132" s="137"/>
      <c r="AE132" s="137"/>
      <c r="AF132" s="137"/>
    </row>
    <row r="133" spans="3:32" x14ac:dyDescent="0.2">
      <c r="C133" s="137"/>
      <c r="D133" s="137"/>
      <c r="E133" s="137"/>
      <c r="F133" s="137"/>
      <c r="G133" s="137"/>
      <c r="H133" s="137"/>
      <c r="I133" s="137"/>
      <c r="J133" s="137"/>
      <c r="K133" s="137"/>
      <c r="L133" s="137"/>
      <c r="M133" s="137"/>
      <c r="N133" s="137"/>
      <c r="O133" s="137"/>
      <c r="P133" s="137"/>
      <c r="Q133" s="137"/>
      <c r="R133" s="137"/>
      <c r="S133" s="137"/>
      <c r="T133" s="137"/>
      <c r="U133" s="137"/>
      <c r="V133" s="137"/>
      <c r="W133" s="137"/>
      <c r="X133" s="137"/>
      <c r="Y133" s="137"/>
      <c r="Z133" s="137"/>
      <c r="AA133" s="137"/>
      <c r="AB133" s="137"/>
      <c r="AC133" s="137"/>
      <c r="AD133" s="137"/>
      <c r="AE133" s="137"/>
      <c r="AF133" s="137"/>
    </row>
    <row r="134" spans="3:32" x14ac:dyDescent="0.2">
      <c r="C134" s="137"/>
      <c r="D134" s="137"/>
      <c r="E134" s="137"/>
      <c r="F134" s="137"/>
      <c r="G134" s="137"/>
      <c r="H134" s="137"/>
      <c r="I134" s="137"/>
      <c r="J134" s="137"/>
      <c r="K134" s="137"/>
      <c r="L134" s="137"/>
      <c r="M134" s="137"/>
      <c r="N134" s="137"/>
      <c r="O134" s="137"/>
      <c r="P134" s="137"/>
      <c r="Q134" s="137"/>
      <c r="R134" s="137"/>
      <c r="S134" s="137"/>
      <c r="T134" s="137"/>
      <c r="U134" s="137"/>
      <c r="V134" s="137"/>
      <c r="W134" s="137"/>
      <c r="X134" s="137"/>
      <c r="Y134" s="137"/>
      <c r="Z134" s="137"/>
      <c r="AA134" s="137"/>
      <c r="AB134" s="137"/>
      <c r="AC134" s="137"/>
      <c r="AD134" s="137"/>
      <c r="AE134" s="137"/>
      <c r="AF134" s="137"/>
    </row>
    <row r="135" spans="3:32" x14ac:dyDescent="0.2">
      <c r="C135" s="137"/>
      <c r="D135" s="137"/>
      <c r="E135" s="137"/>
      <c r="F135" s="137"/>
      <c r="G135" s="137"/>
      <c r="H135" s="137"/>
      <c r="I135" s="137"/>
      <c r="J135" s="137"/>
      <c r="K135" s="137"/>
      <c r="L135" s="137"/>
      <c r="M135" s="137"/>
      <c r="N135" s="137"/>
      <c r="O135" s="137"/>
      <c r="P135" s="137"/>
      <c r="Q135" s="137"/>
      <c r="R135" s="137"/>
      <c r="S135" s="137"/>
      <c r="T135" s="137"/>
      <c r="U135" s="137"/>
      <c r="V135" s="137"/>
      <c r="W135" s="137"/>
      <c r="X135" s="137"/>
      <c r="Y135" s="137"/>
      <c r="Z135" s="137"/>
      <c r="AA135" s="137"/>
      <c r="AB135" s="137"/>
      <c r="AC135" s="137"/>
      <c r="AD135" s="137"/>
      <c r="AE135" s="137"/>
      <c r="AF135" s="137"/>
    </row>
    <row r="136" spans="3:32" x14ac:dyDescent="0.2">
      <c r="C136" s="137"/>
      <c r="D136" s="137"/>
      <c r="E136" s="137"/>
      <c r="F136" s="137"/>
      <c r="G136" s="137"/>
      <c r="H136" s="137"/>
      <c r="I136" s="137"/>
      <c r="J136" s="137"/>
      <c r="K136" s="137"/>
      <c r="L136" s="137"/>
      <c r="M136" s="137"/>
      <c r="N136" s="137"/>
      <c r="O136" s="137"/>
      <c r="P136" s="137"/>
      <c r="Q136" s="137"/>
      <c r="R136" s="137"/>
      <c r="S136" s="137"/>
      <c r="T136" s="137"/>
      <c r="U136" s="137"/>
      <c r="V136" s="137"/>
      <c r="W136" s="137"/>
      <c r="X136" s="137"/>
      <c r="Y136" s="137"/>
      <c r="Z136" s="137"/>
      <c r="AA136" s="137"/>
      <c r="AB136" s="137"/>
      <c r="AC136" s="137"/>
      <c r="AD136" s="137"/>
      <c r="AE136" s="137"/>
      <c r="AF136" s="137"/>
    </row>
    <row r="137" spans="3:32" x14ac:dyDescent="0.2">
      <c r="C137" s="137"/>
      <c r="D137" s="137"/>
      <c r="E137" s="137"/>
      <c r="F137" s="137"/>
      <c r="G137" s="137"/>
      <c r="H137" s="137"/>
      <c r="I137" s="137"/>
      <c r="J137" s="137"/>
      <c r="K137" s="137"/>
      <c r="L137" s="137"/>
      <c r="M137" s="137"/>
      <c r="N137" s="137"/>
      <c r="O137" s="137"/>
      <c r="P137" s="137"/>
      <c r="Q137" s="137"/>
      <c r="R137" s="137"/>
      <c r="S137" s="137"/>
      <c r="T137" s="137"/>
      <c r="U137" s="137"/>
      <c r="V137" s="137"/>
      <c r="W137" s="137"/>
      <c r="X137" s="137"/>
      <c r="Y137" s="137"/>
      <c r="Z137" s="137"/>
      <c r="AA137" s="137"/>
      <c r="AB137" s="137"/>
      <c r="AC137" s="137"/>
      <c r="AD137" s="137"/>
      <c r="AE137" s="137"/>
      <c r="AF137" s="137"/>
    </row>
    <row r="138" spans="3:32" x14ac:dyDescent="0.2">
      <c r="C138" s="137"/>
      <c r="D138" s="137"/>
      <c r="E138" s="137"/>
      <c r="F138" s="137"/>
      <c r="G138" s="137"/>
      <c r="H138" s="137"/>
      <c r="I138" s="137"/>
      <c r="J138" s="137"/>
      <c r="K138" s="137"/>
      <c r="L138" s="137"/>
      <c r="M138" s="137"/>
      <c r="N138" s="137"/>
      <c r="O138" s="137"/>
      <c r="P138" s="137"/>
      <c r="Q138" s="137"/>
      <c r="R138" s="137"/>
      <c r="S138" s="137"/>
      <c r="T138" s="137"/>
      <c r="U138" s="137"/>
      <c r="V138" s="137"/>
      <c r="W138" s="137"/>
      <c r="X138" s="137"/>
      <c r="Y138" s="137"/>
      <c r="Z138" s="137"/>
      <c r="AA138" s="137"/>
      <c r="AB138" s="137"/>
      <c r="AC138" s="137"/>
      <c r="AD138" s="137"/>
      <c r="AE138" s="137"/>
      <c r="AF138" s="137"/>
    </row>
    <row r="139" spans="3:32" x14ac:dyDescent="0.2">
      <c r="C139" s="137"/>
      <c r="D139" s="137"/>
      <c r="E139" s="137"/>
      <c r="F139" s="137"/>
      <c r="G139" s="137"/>
      <c r="H139" s="137"/>
      <c r="I139" s="137"/>
      <c r="J139" s="137"/>
      <c r="K139" s="137"/>
      <c r="L139" s="137"/>
      <c r="M139" s="137"/>
      <c r="N139" s="137"/>
      <c r="O139" s="137"/>
      <c r="P139" s="137"/>
      <c r="Q139" s="137"/>
      <c r="R139" s="137"/>
      <c r="S139" s="137"/>
      <c r="T139" s="137"/>
      <c r="U139" s="137"/>
      <c r="V139" s="137"/>
      <c r="W139" s="137"/>
      <c r="X139" s="137"/>
      <c r="Y139" s="137"/>
      <c r="Z139" s="137"/>
      <c r="AA139" s="137"/>
      <c r="AB139" s="137"/>
      <c r="AC139" s="137"/>
      <c r="AD139" s="137"/>
      <c r="AE139" s="137"/>
      <c r="AF139" s="137"/>
    </row>
    <row r="140" spans="3:32" x14ac:dyDescent="0.2">
      <c r="C140" s="137"/>
      <c r="D140" s="137"/>
      <c r="E140" s="137"/>
      <c r="F140" s="137"/>
      <c r="G140" s="137"/>
      <c r="H140" s="137"/>
      <c r="I140" s="137"/>
      <c r="J140" s="137"/>
      <c r="K140" s="137"/>
      <c r="L140" s="137"/>
      <c r="M140" s="137"/>
      <c r="N140" s="137"/>
      <c r="O140" s="137"/>
      <c r="P140" s="137"/>
      <c r="Q140" s="137"/>
      <c r="R140" s="137"/>
      <c r="S140" s="137"/>
      <c r="T140" s="137"/>
      <c r="U140" s="137"/>
      <c r="V140" s="137"/>
      <c r="W140" s="137"/>
      <c r="X140" s="137"/>
      <c r="Y140" s="137"/>
      <c r="Z140" s="137"/>
      <c r="AA140" s="137"/>
      <c r="AB140" s="137"/>
      <c r="AC140" s="137"/>
      <c r="AD140" s="137"/>
      <c r="AE140" s="137"/>
      <c r="AF140" s="137"/>
    </row>
    <row r="141" spans="3:32" x14ac:dyDescent="0.2">
      <c r="C141" s="137"/>
      <c r="D141" s="137"/>
      <c r="E141" s="137"/>
      <c r="F141" s="137"/>
      <c r="G141" s="137"/>
      <c r="H141" s="137"/>
      <c r="I141" s="137"/>
      <c r="J141" s="137"/>
      <c r="K141" s="137"/>
      <c r="L141" s="137"/>
      <c r="M141" s="137"/>
      <c r="N141" s="137"/>
      <c r="O141" s="137"/>
      <c r="P141" s="137"/>
      <c r="Q141" s="137"/>
      <c r="R141" s="137"/>
      <c r="S141" s="137"/>
      <c r="T141" s="137"/>
      <c r="U141" s="137"/>
      <c r="V141" s="137"/>
      <c r="W141" s="137"/>
      <c r="X141" s="137"/>
      <c r="Y141" s="137"/>
      <c r="Z141" s="137"/>
      <c r="AA141" s="137"/>
      <c r="AB141" s="137"/>
      <c r="AC141" s="137"/>
      <c r="AD141" s="137"/>
      <c r="AE141" s="137"/>
      <c r="AF141" s="137"/>
    </row>
    <row r="142" spans="3:32" x14ac:dyDescent="0.2">
      <c r="C142" s="137"/>
      <c r="D142" s="137"/>
      <c r="E142" s="137"/>
      <c r="F142" s="137"/>
      <c r="G142" s="137"/>
      <c r="H142" s="137"/>
      <c r="I142" s="137"/>
      <c r="J142" s="137"/>
      <c r="K142" s="137"/>
      <c r="L142" s="137"/>
      <c r="M142" s="137"/>
      <c r="N142" s="137"/>
      <c r="O142" s="137"/>
      <c r="P142" s="137"/>
      <c r="Q142" s="137"/>
      <c r="R142" s="137"/>
      <c r="S142" s="137"/>
      <c r="T142" s="137"/>
      <c r="U142" s="137"/>
      <c r="V142" s="137"/>
      <c r="W142" s="137"/>
      <c r="X142" s="137"/>
      <c r="Y142" s="137"/>
      <c r="Z142" s="137"/>
      <c r="AA142" s="137"/>
      <c r="AB142" s="137"/>
      <c r="AC142" s="137"/>
      <c r="AD142" s="137"/>
      <c r="AE142" s="137"/>
      <c r="AF142" s="137"/>
    </row>
    <row r="143" spans="3:32" x14ac:dyDescent="0.2">
      <c r="C143" s="137"/>
      <c r="D143" s="137"/>
      <c r="E143" s="137"/>
      <c r="F143" s="137"/>
      <c r="G143" s="137"/>
      <c r="H143" s="137"/>
      <c r="I143" s="137"/>
      <c r="J143" s="137"/>
      <c r="K143" s="137"/>
      <c r="L143" s="137"/>
      <c r="M143" s="137"/>
      <c r="N143" s="137"/>
      <c r="O143" s="137"/>
      <c r="P143" s="137"/>
      <c r="Q143" s="137"/>
      <c r="R143" s="137"/>
      <c r="S143" s="137"/>
      <c r="T143" s="137"/>
      <c r="U143" s="137"/>
      <c r="V143" s="137"/>
      <c r="W143" s="137"/>
      <c r="X143" s="137"/>
      <c r="Y143" s="137"/>
      <c r="Z143" s="137"/>
      <c r="AA143" s="137"/>
      <c r="AB143" s="137"/>
      <c r="AC143" s="137"/>
      <c r="AD143" s="137"/>
      <c r="AE143" s="137"/>
      <c r="AF143" s="137"/>
    </row>
    <row r="144" spans="3:32" x14ac:dyDescent="0.2">
      <c r="C144" s="137"/>
      <c r="D144" s="137"/>
      <c r="E144" s="137"/>
      <c r="F144" s="137"/>
      <c r="G144" s="137"/>
      <c r="H144" s="137"/>
      <c r="I144" s="137"/>
      <c r="J144" s="137"/>
      <c r="K144" s="137"/>
      <c r="L144" s="137"/>
      <c r="M144" s="137"/>
      <c r="N144" s="137"/>
      <c r="O144" s="137"/>
      <c r="P144" s="137"/>
      <c r="Q144" s="137"/>
      <c r="R144" s="137"/>
      <c r="S144" s="137"/>
      <c r="T144" s="137"/>
      <c r="U144" s="137"/>
      <c r="V144" s="137"/>
      <c r="W144" s="137"/>
      <c r="X144" s="137"/>
      <c r="Y144" s="137"/>
      <c r="Z144" s="137"/>
      <c r="AA144" s="137"/>
      <c r="AB144" s="137"/>
      <c r="AC144" s="137"/>
      <c r="AD144" s="137"/>
      <c r="AE144" s="137"/>
      <c r="AF144" s="137"/>
    </row>
    <row r="145" spans="3:32" x14ac:dyDescent="0.2">
      <c r="C145" s="137"/>
      <c r="D145" s="137"/>
      <c r="E145" s="137"/>
      <c r="F145" s="137"/>
      <c r="G145" s="137"/>
      <c r="H145" s="137"/>
      <c r="I145" s="137"/>
      <c r="J145" s="137"/>
      <c r="K145" s="137"/>
      <c r="L145" s="137"/>
      <c r="M145" s="137"/>
      <c r="N145" s="137"/>
      <c r="O145" s="137"/>
      <c r="P145" s="137"/>
      <c r="Q145" s="137"/>
      <c r="R145" s="137"/>
      <c r="S145" s="137"/>
      <c r="T145" s="137"/>
      <c r="U145" s="137"/>
      <c r="V145" s="137"/>
      <c r="W145" s="137"/>
      <c r="X145" s="137"/>
      <c r="Y145" s="137"/>
      <c r="Z145" s="137"/>
      <c r="AA145" s="137"/>
      <c r="AB145" s="137"/>
      <c r="AC145" s="137"/>
      <c r="AD145" s="137"/>
      <c r="AE145" s="137"/>
      <c r="AF145" s="137"/>
    </row>
    <row r="146" spans="3:32" x14ac:dyDescent="0.2">
      <c r="C146" s="137"/>
      <c r="D146" s="137"/>
      <c r="E146" s="137"/>
      <c r="F146" s="137"/>
      <c r="G146" s="137"/>
      <c r="H146" s="137"/>
      <c r="I146" s="137"/>
      <c r="J146" s="137"/>
      <c r="K146" s="137"/>
      <c r="L146" s="137"/>
      <c r="M146" s="137"/>
      <c r="N146" s="137"/>
      <c r="O146" s="137"/>
      <c r="P146" s="137"/>
      <c r="Q146" s="137"/>
      <c r="R146" s="137"/>
      <c r="S146" s="137"/>
      <c r="T146" s="137"/>
      <c r="U146" s="137"/>
      <c r="V146" s="137"/>
      <c r="W146" s="137"/>
      <c r="X146" s="137"/>
      <c r="Y146" s="137"/>
      <c r="Z146" s="137"/>
      <c r="AA146" s="137"/>
      <c r="AB146" s="137"/>
      <c r="AC146" s="137"/>
      <c r="AD146" s="137"/>
      <c r="AE146" s="137"/>
      <c r="AF146" s="137"/>
    </row>
    <row r="147" spans="3:32" x14ac:dyDescent="0.2">
      <c r="C147" s="137"/>
      <c r="D147" s="137"/>
      <c r="E147" s="137"/>
      <c r="F147" s="137"/>
      <c r="G147" s="137"/>
      <c r="H147" s="137"/>
      <c r="I147" s="137"/>
      <c r="J147" s="137"/>
      <c r="K147" s="137"/>
      <c r="L147" s="137"/>
      <c r="M147" s="137"/>
      <c r="N147" s="137"/>
      <c r="O147" s="137"/>
      <c r="P147" s="137"/>
      <c r="Q147" s="137"/>
      <c r="R147" s="137"/>
      <c r="S147" s="137"/>
      <c r="T147" s="137"/>
      <c r="U147" s="137"/>
      <c r="V147" s="137"/>
      <c r="W147" s="137"/>
      <c r="X147" s="137"/>
      <c r="Y147" s="137"/>
      <c r="Z147" s="137"/>
      <c r="AA147" s="137"/>
      <c r="AB147" s="137"/>
      <c r="AC147" s="137"/>
      <c r="AD147" s="137"/>
      <c r="AE147" s="137"/>
      <c r="AF147" s="137"/>
    </row>
    <row r="148" spans="3:32" x14ac:dyDescent="0.2">
      <c r="C148" s="137"/>
      <c r="D148" s="137"/>
      <c r="E148" s="137"/>
      <c r="F148" s="137"/>
      <c r="G148" s="137"/>
      <c r="H148" s="137"/>
      <c r="I148" s="137"/>
      <c r="J148" s="137"/>
      <c r="K148" s="137"/>
      <c r="L148" s="137"/>
      <c r="M148" s="137"/>
      <c r="N148" s="137"/>
      <c r="O148" s="137"/>
      <c r="P148" s="137"/>
      <c r="Q148" s="137"/>
      <c r="R148" s="137"/>
      <c r="S148" s="137"/>
      <c r="T148" s="137"/>
      <c r="U148" s="137"/>
      <c r="V148" s="137"/>
      <c r="W148" s="137"/>
      <c r="X148" s="137"/>
      <c r="Y148" s="137"/>
      <c r="Z148" s="137"/>
      <c r="AA148" s="137"/>
      <c r="AB148" s="137"/>
      <c r="AC148" s="137"/>
      <c r="AD148" s="137"/>
      <c r="AE148" s="137"/>
      <c r="AF148" s="137"/>
    </row>
    <row r="149" spans="3:32" x14ac:dyDescent="0.2">
      <c r="C149" s="137"/>
      <c r="D149" s="137"/>
      <c r="E149" s="137"/>
      <c r="F149" s="137"/>
      <c r="G149" s="137"/>
      <c r="H149" s="137"/>
      <c r="I149" s="137"/>
      <c r="J149" s="137"/>
      <c r="K149" s="137"/>
      <c r="L149" s="137"/>
      <c r="M149" s="137"/>
      <c r="N149" s="137"/>
      <c r="O149" s="137"/>
      <c r="P149" s="137"/>
      <c r="Q149" s="137"/>
      <c r="R149" s="137"/>
      <c r="S149" s="137"/>
      <c r="T149" s="137"/>
      <c r="U149" s="137"/>
      <c r="V149" s="137"/>
      <c r="W149" s="137"/>
      <c r="X149" s="137"/>
      <c r="Y149" s="137"/>
      <c r="Z149" s="137"/>
      <c r="AA149" s="137"/>
      <c r="AB149" s="137"/>
      <c r="AC149" s="137"/>
      <c r="AD149" s="137"/>
      <c r="AE149" s="137"/>
      <c r="AF149" s="137"/>
    </row>
    <row r="150" spans="3:32" x14ac:dyDescent="0.2">
      <c r="C150" s="137"/>
      <c r="D150" s="137"/>
      <c r="E150" s="137"/>
      <c r="F150" s="137"/>
      <c r="G150" s="137"/>
      <c r="H150" s="137"/>
      <c r="I150" s="137"/>
      <c r="J150" s="137"/>
      <c r="K150" s="137"/>
      <c r="L150" s="137"/>
      <c r="M150" s="137"/>
      <c r="N150" s="137"/>
      <c r="O150" s="137"/>
      <c r="P150" s="137"/>
      <c r="Q150" s="137"/>
      <c r="R150" s="137"/>
      <c r="S150" s="137"/>
      <c r="T150" s="137"/>
      <c r="U150" s="137"/>
      <c r="V150" s="137"/>
      <c r="W150" s="137"/>
      <c r="X150" s="137"/>
      <c r="Y150" s="137"/>
      <c r="Z150" s="137"/>
      <c r="AA150" s="137"/>
      <c r="AB150" s="137"/>
      <c r="AC150" s="137"/>
      <c r="AD150" s="137"/>
      <c r="AE150" s="137"/>
      <c r="AF150" s="137"/>
    </row>
    <row r="151" spans="3:32" x14ac:dyDescent="0.2">
      <c r="C151" s="137"/>
      <c r="D151" s="137"/>
      <c r="E151" s="137"/>
      <c r="F151" s="137"/>
      <c r="G151" s="137"/>
      <c r="H151" s="137"/>
      <c r="I151" s="137"/>
      <c r="J151" s="137"/>
      <c r="K151" s="137"/>
      <c r="L151" s="137"/>
      <c r="M151" s="137"/>
      <c r="N151" s="137"/>
      <c r="O151" s="137"/>
      <c r="P151" s="137"/>
      <c r="Q151" s="137"/>
      <c r="R151" s="137"/>
      <c r="S151" s="137"/>
      <c r="T151" s="137"/>
      <c r="U151" s="137"/>
      <c r="V151" s="137"/>
      <c r="W151" s="137"/>
      <c r="X151" s="137"/>
      <c r="Y151" s="137"/>
      <c r="Z151" s="137"/>
      <c r="AA151" s="137"/>
      <c r="AB151" s="137"/>
      <c r="AC151" s="137"/>
      <c r="AD151" s="137"/>
      <c r="AE151" s="137"/>
      <c r="AF151" s="137"/>
    </row>
    <row r="152" spans="3:32" x14ac:dyDescent="0.2">
      <c r="C152" s="137"/>
      <c r="D152" s="137"/>
      <c r="E152" s="137"/>
      <c r="F152" s="137"/>
      <c r="G152" s="137"/>
      <c r="H152" s="137"/>
      <c r="I152" s="137"/>
      <c r="J152" s="137"/>
      <c r="K152" s="137"/>
      <c r="L152" s="137"/>
      <c r="M152" s="137"/>
      <c r="N152" s="137"/>
      <c r="O152" s="137"/>
      <c r="P152" s="137"/>
      <c r="Q152" s="137"/>
      <c r="R152" s="137"/>
      <c r="S152" s="137"/>
      <c r="T152" s="137"/>
      <c r="U152" s="137"/>
      <c r="V152" s="137"/>
      <c r="W152" s="137"/>
      <c r="X152" s="137"/>
      <c r="Y152" s="137"/>
      <c r="Z152" s="137"/>
      <c r="AA152" s="137"/>
      <c r="AB152" s="137"/>
      <c r="AC152" s="137"/>
      <c r="AD152" s="137"/>
      <c r="AE152" s="137"/>
      <c r="AF152" s="137"/>
    </row>
    <row r="153" spans="3:32" x14ac:dyDescent="0.2">
      <c r="C153" s="137"/>
      <c r="D153" s="137"/>
      <c r="E153" s="137"/>
      <c r="F153" s="137"/>
      <c r="G153" s="137"/>
      <c r="H153" s="137"/>
      <c r="I153" s="137"/>
      <c r="J153" s="137"/>
      <c r="K153" s="137"/>
      <c r="L153" s="137"/>
      <c r="M153" s="137"/>
      <c r="N153" s="137"/>
      <c r="O153" s="137"/>
      <c r="P153" s="137"/>
      <c r="Q153" s="137"/>
      <c r="R153" s="137"/>
      <c r="S153" s="137"/>
      <c r="T153" s="137"/>
      <c r="U153" s="137"/>
      <c r="V153" s="137"/>
      <c r="W153" s="137"/>
      <c r="X153" s="137"/>
      <c r="Y153" s="137"/>
      <c r="Z153" s="137"/>
      <c r="AA153" s="137"/>
      <c r="AB153" s="137"/>
      <c r="AC153" s="137"/>
      <c r="AD153" s="137"/>
      <c r="AE153" s="137"/>
      <c r="AF153" s="137"/>
    </row>
    <row r="154" spans="3:32" x14ac:dyDescent="0.2">
      <c r="C154" s="137"/>
      <c r="D154" s="137"/>
      <c r="E154" s="137"/>
      <c r="F154" s="137"/>
      <c r="G154" s="137"/>
      <c r="H154" s="137"/>
      <c r="I154" s="137"/>
      <c r="J154" s="137"/>
      <c r="K154" s="137"/>
      <c r="L154" s="137"/>
      <c r="M154" s="137"/>
      <c r="N154" s="137"/>
      <c r="O154" s="137"/>
      <c r="P154" s="137"/>
      <c r="Q154" s="137"/>
      <c r="R154" s="137"/>
      <c r="S154" s="137"/>
      <c r="T154" s="137"/>
      <c r="U154" s="137"/>
      <c r="V154" s="137"/>
      <c r="W154" s="137"/>
      <c r="X154" s="137"/>
      <c r="Y154" s="137"/>
      <c r="Z154" s="137"/>
      <c r="AA154" s="137"/>
      <c r="AB154" s="137"/>
      <c r="AC154" s="137"/>
      <c r="AD154" s="137"/>
      <c r="AE154" s="137"/>
      <c r="AF154" s="137"/>
    </row>
    <row r="155" spans="3:32" x14ac:dyDescent="0.2">
      <c r="C155" s="137"/>
      <c r="D155" s="137"/>
      <c r="E155" s="137"/>
      <c r="F155" s="137"/>
      <c r="G155" s="137"/>
      <c r="H155" s="137"/>
      <c r="I155" s="137"/>
      <c r="J155" s="137"/>
      <c r="K155" s="137"/>
      <c r="L155" s="137"/>
      <c r="M155" s="137"/>
      <c r="N155" s="137"/>
      <c r="O155" s="137"/>
      <c r="P155" s="137"/>
      <c r="Q155" s="137"/>
      <c r="R155" s="137"/>
      <c r="S155" s="137"/>
      <c r="T155" s="137"/>
      <c r="U155" s="137"/>
      <c r="V155" s="137"/>
      <c r="W155" s="137"/>
      <c r="X155" s="137"/>
      <c r="Y155" s="137"/>
      <c r="Z155" s="137"/>
      <c r="AA155" s="137"/>
      <c r="AB155" s="137"/>
      <c r="AC155" s="137"/>
      <c r="AD155" s="137"/>
      <c r="AE155" s="137"/>
      <c r="AF155" s="137"/>
    </row>
    <row r="156" spans="3:32" x14ac:dyDescent="0.2">
      <c r="C156" s="137"/>
      <c r="D156" s="137"/>
      <c r="E156" s="137"/>
      <c r="F156" s="137"/>
      <c r="G156" s="137"/>
      <c r="H156" s="137"/>
      <c r="I156" s="137"/>
      <c r="J156" s="137"/>
      <c r="K156" s="137"/>
      <c r="L156" s="137"/>
      <c r="M156" s="137"/>
      <c r="N156" s="137"/>
      <c r="O156" s="137"/>
      <c r="P156" s="137"/>
      <c r="Q156" s="137"/>
      <c r="R156" s="137"/>
      <c r="S156" s="137"/>
      <c r="T156" s="137"/>
      <c r="U156" s="137"/>
      <c r="V156" s="137"/>
      <c r="W156" s="137"/>
      <c r="X156" s="137"/>
      <c r="Y156" s="137"/>
      <c r="Z156" s="137"/>
      <c r="AA156" s="137"/>
      <c r="AB156" s="137"/>
      <c r="AC156" s="137"/>
      <c r="AD156" s="137"/>
      <c r="AE156" s="137"/>
      <c r="AF156" s="137"/>
    </row>
    <row r="157" spans="3:32" x14ac:dyDescent="0.2">
      <c r="C157" s="137"/>
      <c r="D157" s="137"/>
      <c r="E157" s="137"/>
      <c r="F157" s="137"/>
      <c r="G157" s="137"/>
      <c r="H157" s="137"/>
      <c r="I157" s="137"/>
      <c r="J157" s="137"/>
      <c r="K157" s="137"/>
      <c r="L157" s="137"/>
      <c r="M157" s="137"/>
      <c r="N157" s="137"/>
      <c r="O157" s="137"/>
      <c r="P157" s="137"/>
      <c r="Q157" s="137"/>
      <c r="R157" s="137"/>
      <c r="S157" s="137"/>
      <c r="T157" s="137"/>
      <c r="U157" s="137"/>
      <c r="V157" s="137"/>
      <c r="W157" s="137"/>
      <c r="X157" s="137"/>
      <c r="Y157" s="137"/>
      <c r="Z157" s="137"/>
      <c r="AA157" s="137"/>
      <c r="AB157" s="137"/>
      <c r="AC157" s="137"/>
      <c r="AD157" s="137"/>
      <c r="AE157" s="137"/>
      <c r="AF157" s="137"/>
    </row>
    <row r="158" spans="3:32" x14ac:dyDescent="0.2">
      <c r="C158" s="137"/>
      <c r="D158" s="137"/>
      <c r="E158" s="137"/>
      <c r="F158" s="137"/>
      <c r="G158" s="137"/>
      <c r="H158" s="137"/>
      <c r="I158" s="137"/>
      <c r="J158" s="137"/>
      <c r="K158" s="137"/>
      <c r="L158" s="137"/>
      <c r="M158" s="137"/>
      <c r="N158" s="137"/>
      <c r="O158" s="137"/>
      <c r="P158" s="137"/>
      <c r="Q158" s="137"/>
      <c r="R158" s="137"/>
      <c r="S158" s="137"/>
      <c r="T158" s="137"/>
      <c r="U158" s="137"/>
      <c r="V158" s="137"/>
      <c r="W158" s="137"/>
      <c r="X158" s="137"/>
      <c r="Y158" s="137"/>
      <c r="Z158" s="137"/>
      <c r="AA158" s="137"/>
      <c r="AB158" s="137"/>
      <c r="AC158" s="137"/>
      <c r="AD158" s="137"/>
      <c r="AE158" s="137"/>
      <c r="AF158" s="137"/>
    </row>
    <row r="159" spans="3:32" x14ac:dyDescent="0.2">
      <c r="C159" s="137"/>
      <c r="D159" s="137"/>
      <c r="E159" s="137"/>
      <c r="F159" s="137"/>
      <c r="G159" s="137"/>
      <c r="H159" s="137"/>
      <c r="I159" s="137"/>
      <c r="J159" s="137"/>
      <c r="K159" s="137"/>
      <c r="L159" s="137"/>
      <c r="M159" s="137"/>
      <c r="N159" s="137"/>
      <c r="O159" s="137"/>
      <c r="P159" s="137"/>
      <c r="Q159" s="137"/>
      <c r="R159" s="137"/>
      <c r="S159" s="137"/>
      <c r="T159" s="137"/>
      <c r="U159" s="137"/>
      <c r="V159" s="137"/>
      <c r="W159" s="137"/>
      <c r="X159" s="137"/>
      <c r="Y159" s="137"/>
      <c r="Z159" s="137"/>
      <c r="AA159" s="137"/>
      <c r="AB159" s="137"/>
      <c r="AC159" s="137"/>
      <c r="AD159" s="137"/>
      <c r="AE159" s="137"/>
      <c r="AF159" s="137"/>
    </row>
    <row r="160" spans="3:32" x14ac:dyDescent="0.2">
      <c r="C160" s="137"/>
      <c r="D160" s="137"/>
      <c r="E160" s="137"/>
      <c r="F160" s="137"/>
      <c r="G160" s="137"/>
      <c r="H160" s="137"/>
      <c r="I160" s="137"/>
      <c r="J160" s="137"/>
      <c r="K160" s="137"/>
      <c r="L160" s="137"/>
      <c r="M160" s="137"/>
      <c r="N160" s="137"/>
      <c r="O160" s="137"/>
      <c r="P160" s="137"/>
      <c r="Q160" s="137"/>
      <c r="R160" s="137"/>
      <c r="S160" s="137"/>
      <c r="T160" s="137"/>
      <c r="U160" s="137"/>
      <c r="V160" s="137"/>
      <c r="W160" s="137"/>
      <c r="X160" s="137"/>
      <c r="Y160" s="137"/>
      <c r="Z160" s="137"/>
      <c r="AA160" s="137"/>
      <c r="AB160" s="137"/>
      <c r="AC160" s="137"/>
      <c r="AD160" s="137"/>
      <c r="AE160" s="137"/>
      <c r="AF160" s="137"/>
    </row>
    <row r="161" spans="3:32" x14ac:dyDescent="0.2">
      <c r="C161" s="137"/>
      <c r="D161" s="137"/>
      <c r="E161" s="137"/>
      <c r="F161" s="137"/>
      <c r="G161" s="137"/>
      <c r="H161" s="137"/>
      <c r="I161" s="137"/>
      <c r="J161" s="137"/>
      <c r="K161" s="137"/>
      <c r="L161" s="137"/>
      <c r="M161" s="137"/>
      <c r="N161" s="137"/>
      <c r="O161" s="137"/>
      <c r="P161" s="137"/>
      <c r="Q161" s="137"/>
      <c r="R161" s="137"/>
      <c r="S161" s="137"/>
      <c r="T161" s="137"/>
      <c r="U161" s="137"/>
      <c r="V161" s="137"/>
      <c r="W161" s="137"/>
      <c r="X161" s="137"/>
      <c r="Y161" s="137"/>
      <c r="Z161" s="137"/>
      <c r="AA161" s="137"/>
      <c r="AB161" s="137"/>
      <c r="AC161" s="137"/>
      <c r="AD161" s="137"/>
      <c r="AE161" s="137"/>
      <c r="AF161" s="137"/>
    </row>
    <row r="162" spans="3:32" x14ac:dyDescent="0.2">
      <c r="C162" s="137"/>
      <c r="D162" s="137"/>
      <c r="E162" s="137"/>
      <c r="F162" s="137"/>
      <c r="G162" s="137"/>
      <c r="H162" s="137"/>
      <c r="I162" s="137"/>
      <c r="J162" s="137"/>
      <c r="K162" s="137"/>
      <c r="L162" s="137"/>
      <c r="M162" s="137"/>
      <c r="N162" s="137"/>
      <c r="O162" s="137"/>
      <c r="P162" s="137"/>
      <c r="Q162" s="137"/>
      <c r="R162" s="137"/>
      <c r="S162" s="137"/>
      <c r="T162" s="137"/>
      <c r="U162" s="137"/>
      <c r="V162" s="137"/>
      <c r="W162" s="137"/>
      <c r="X162" s="137"/>
      <c r="Y162" s="137"/>
      <c r="Z162" s="137"/>
      <c r="AA162" s="137"/>
      <c r="AB162" s="137"/>
      <c r="AC162" s="137"/>
      <c r="AD162" s="137"/>
      <c r="AE162" s="137"/>
      <c r="AF162" s="137"/>
    </row>
    <row r="163" spans="3:32" x14ac:dyDescent="0.2">
      <c r="C163" s="137"/>
      <c r="D163" s="137"/>
      <c r="E163" s="137"/>
      <c r="F163" s="137"/>
      <c r="G163" s="137"/>
      <c r="H163" s="137"/>
      <c r="I163" s="137"/>
      <c r="J163" s="137"/>
      <c r="K163" s="137"/>
      <c r="L163" s="137"/>
      <c r="M163" s="137"/>
      <c r="N163" s="137"/>
      <c r="O163" s="137"/>
      <c r="P163" s="137"/>
      <c r="Q163" s="137"/>
      <c r="R163" s="137"/>
      <c r="S163" s="137"/>
      <c r="T163" s="137"/>
      <c r="U163" s="137"/>
      <c r="V163" s="137"/>
      <c r="W163" s="137"/>
      <c r="X163" s="137"/>
      <c r="Y163" s="137"/>
      <c r="Z163" s="137"/>
      <c r="AA163" s="137"/>
      <c r="AB163" s="137"/>
      <c r="AC163" s="137"/>
      <c r="AD163" s="137"/>
      <c r="AE163" s="137"/>
      <c r="AF163" s="137"/>
    </row>
    <row r="164" spans="3:32" x14ac:dyDescent="0.2">
      <c r="C164" s="137"/>
      <c r="D164" s="137"/>
      <c r="E164" s="137"/>
      <c r="F164" s="137"/>
      <c r="G164" s="137"/>
      <c r="H164" s="137"/>
      <c r="I164" s="137"/>
      <c r="J164" s="137"/>
      <c r="K164" s="137"/>
      <c r="L164" s="137"/>
      <c r="M164" s="137"/>
      <c r="N164" s="137"/>
      <c r="O164" s="137"/>
      <c r="P164" s="137"/>
      <c r="Q164" s="137"/>
      <c r="R164" s="137"/>
      <c r="S164" s="137"/>
      <c r="T164" s="137"/>
      <c r="U164" s="137"/>
      <c r="V164" s="137"/>
      <c r="W164" s="137"/>
      <c r="X164" s="137"/>
      <c r="Y164" s="137"/>
      <c r="Z164" s="137"/>
      <c r="AA164" s="137"/>
      <c r="AB164" s="137"/>
      <c r="AC164" s="137"/>
      <c r="AD164" s="137"/>
      <c r="AE164" s="137"/>
      <c r="AF164" s="137"/>
    </row>
    <row r="165" spans="3:32" x14ac:dyDescent="0.2">
      <c r="C165" s="137"/>
      <c r="D165" s="137"/>
      <c r="E165" s="137"/>
      <c r="F165" s="137"/>
      <c r="G165" s="137"/>
      <c r="H165" s="137"/>
      <c r="I165" s="137"/>
      <c r="J165" s="137"/>
      <c r="K165" s="137"/>
      <c r="L165" s="137"/>
      <c r="M165" s="137"/>
      <c r="N165" s="137"/>
      <c r="O165" s="137"/>
      <c r="P165" s="137"/>
      <c r="Q165" s="137"/>
      <c r="R165" s="137"/>
      <c r="S165" s="137"/>
      <c r="T165" s="137"/>
      <c r="U165" s="137"/>
      <c r="V165" s="137"/>
      <c r="W165" s="137"/>
      <c r="X165" s="137"/>
      <c r="Y165" s="137"/>
      <c r="Z165" s="137"/>
      <c r="AA165" s="137"/>
      <c r="AB165" s="137"/>
      <c r="AC165" s="137"/>
      <c r="AD165" s="137"/>
      <c r="AE165" s="137"/>
      <c r="AF165" s="137"/>
    </row>
    <row r="166" spans="3:32" x14ac:dyDescent="0.2">
      <c r="C166" s="137"/>
      <c r="D166" s="137"/>
      <c r="E166" s="137"/>
      <c r="F166" s="137"/>
      <c r="G166" s="137"/>
      <c r="H166" s="137"/>
      <c r="I166" s="137"/>
      <c r="J166" s="137"/>
      <c r="K166" s="137"/>
      <c r="L166" s="137"/>
      <c r="M166" s="137"/>
      <c r="N166" s="137"/>
      <c r="O166" s="137"/>
      <c r="P166" s="137"/>
      <c r="Q166" s="137"/>
      <c r="R166" s="137"/>
      <c r="S166" s="137"/>
      <c r="T166" s="137"/>
      <c r="U166" s="137"/>
      <c r="V166" s="137"/>
      <c r="W166" s="137"/>
      <c r="X166" s="137"/>
      <c r="Y166" s="137"/>
      <c r="Z166" s="137"/>
      <c r="AA166" s="137"/>
      <c r="AB166" s="137"/>
      <c r="AC166" s="137"/>
      <c r="AD166" s="137"/>
      <c r="AE166" s="137"/>
      <c r="AF166" s="137"/>
    </row>
    <row r="167" spans="3:32" x14ac:dyDescent="0.2">
      <c r="C167" s="137"/>
      <c r="D167" s="137"/>
      <c r="E167" s="137"/>
      <c r="F167" s="137"/>
      <c r="G167" s="137"/>
      <c r="H167" s="137"/>
      <c r="I167" s="137"/>
      <c r="J167" s="137"/>
      <c r="K167" s="137"/>
      <c r="L167" s="137"/>
      <c r="M167" s="137"/>
      <c r="N167" s="137"/>
      <c r="O167" s="137"/>
      <c r="P167" s="137"/>
      <c r="Q167" s="137"/>
      <c r="R167" s="137"/>
      <c r="S167" s="137"/>
      <c r="T167" s="137"/>
      <c r="U167" s="137"/>
      <c r="V167" s="137"/>
      <c r="W167" s="137"/>
      <c r="X167" s="137"/>
      <c r="Y167" s="137"/>
      <c r="Z167" s="137"/>
      <c r="AA167" s="137"/>
      <c r="AB167" s="137"/>
      <c r="AC167" s="137"/>
      <c r="AD167" s="137"/>
      <c r="AE167" s="137"/>
      <c r="AF167" s="137"/>
    </row>
    <row r="168" spans="3:32" x14ac:dyDescent="0.2">
      <c r="C168" s="137"/>
      <c r="D168" s="137"/>
      <c r="E168" s="137"/>
      <c r="F168" s="137"/>
      <c r="G168" s="137"/>
      <c r="H168" s="137"/>
      <c r="I168" s="137"/>
      <c r="J168" s="137"/>
      <c r="K168" s="137"/>
      <c r="L168" s="137"/>
      <c r="M168" s="137"/>
      <c r="N168" s="137"/>
      <c r="O168" s="137"/>
      <c r="P168" s="137"/>
      <c r="Q168" s="137"/>
      <c r="R168" s="137"/>
      <c r="S168" s="137"/>
      <c r="T168" s="137"/>
      <c r="U168" s="137"/>
      <c r="V168" s="137"/>
      <c r="W168" s="137"/>
      <c r="X168" s="137"/>
      <c r="Y168" s="137"/>
      <c r="Z168" s="137"/>
      <c r="AA168" s="137"/>
      <c r="AB168" s="137"/>
      <c r="AC168" s="137"/>
      <c r="AD168" s="137"/>
      <c r="AE168" s="137"/>
      <c r="AF168" s="137"/>
    </row>
    <row r="169" spans="3:32" x14ac:dyDescent="0.2">
      <c r="C169" s="137"/>
      <c r="D169" s="137"/>
      <c r="E169" s="137"/>
      <c r="F169" s="137"/>
      <c r="G169" s="137"/>
      <c r="H169" s="137"/>
      <c r="I169" s="137"/>
      <c r="J169" s="137"/>
      <c r="K169" s="137"/>
      <c r="L169" s="137"/>
      <c r="M169" s="137"/>
      <c r="N169" s="137"/>
      <c r="O169" s="137"/>
      <c r="P169" s="137"/>
      <c r="Q169" s="137"/>
      <c r="R169" s="137"/>
      <c r="S169" s="137"/>
      <c r="T169" s="137"/>
      <c r="U169" s="137"/>
      <c r="V169" s="137"/>
      <c r="W169" s="137"/>
      <c r="X169" s="137"/>
      <c r="Y169" s="137"/>
      <c r="Z169" s="137"/>
      <c r="AA169" s="137"/>
      <c r="AB169" s="137"/>
      <c r="AC169" s="137"/>
      <c r="AD169" s="137"/>
      <c r="AE169" s="137"/>
      <c r="AF169" s="137"/>
    </row>
    <row r="170" spans="3:32" x14ac:dyDescent="0.2">
      <c r="C170" s="137"/>
      <c r="D170" s="137"/>
      <c r="E170" s="137"/>
      <c r="F170" s="137"/>
      <c r="G170" s="137"/>
      <c r="H170" s="137"/>
      <c r="I170" s="137"/>
      <c r="J170" s="137"/>
      <c r="K170" s="137"/>
      <c r="L170" s="137"/>
      <c r="M170" s="137"/>
      <c r="N170" s="137"/>
      <c r="O170" s="137"/>
      <c r="P170" s="137"/>
      <c r="Q170" s="137"/>
      <c r="R170" s="137"/>
      <c r="S170" s="137"/>
      <c r="T170" s="137"/>
      <c r="U170" s="137"/>
      <c r="V170" s="137"/>
      <c r="W170" s="137"/>
      <c r="X170" s="137"/>
      <c r="Y170" s="137"/>
      <c r="Z170" s="137"/>
      <c r="AA170" s="137"/>
      <c r="AB170" s="137"/>
      <c r="AC170" s="137"/>
      <c r="AD170" s="137"/>
      <c r="AE170" s="137"/>
      <c r="AF170" s="137"/>
    </row>
    <row r="171" spans="3:32" x14ac:dyDescent="0.2">
      <c r="C171" s="137"/>
      <c r="D171" s="137"/>
      <c r="E171" s="137"/>
      <c r="F171" s="137"/>
      <c r="G171" s="137"/>
      <c r="H171" s="137"/>
      <c r="I171" s="137"/>
      <c r="J171" s="137"/>
      <c r="K171" s="137"/>
      <c r="L171" s="137"/>
      <c r="M171" s="137"/>
      <c r="N171" s="137"/>
      <c r="O171" s="137"/>
      <c r="P171" s="137"/>
      <c r="Q171" s="137"/>
      <c r="R171" s="137"/>
      <c r="S171" s="137"/>
      <c r="T171" s="137"/>
      <c r="U171" s="137"/>
      <c r="V171" s="137"/>
      <c r="W171" s="137"/>
      <c r="X171" s="137"/>
      <c r="Y171" s="137"/>
      <c r="Z171" s="137"/>
      <c r="AA171" s="137"/>
      <c r="AB171" s="137"/>
      <c r="AC171" s="137"/>
      <c r="AD171" s="137"/>
      <c r="AE171" s="137"/>
      <c r="AF171" s="137"/>
    </row>
    <row r="172" spans="3:32" x14ac:dyDescent="0.2">
      <c r="C172" s="137"/>
      <c r="D172" s="137"/>
      <c r="E172" s="137"/>
      <c r="F172" s="137"/>
      <c r="G172" s="137"/>
      <c r="H172" s="137"/>
      <c r="I172" s="137"/>
      <c r="J172" s="137"/>
      <c r="K172" s="137"/>
      <c r="L172" s="137"/>
      <c r="M172" s="137"/>
      <c r="N172" s="137"/>
      <c r="O172" s="137"/>
      <c r="P172" s="137"/>
      <c r="Q172" s="137"/>
      <c r="R172" s="137"/>
      <c r="S172" s="137"/>
      <c r="T172" s="137"/>
      <c r="U172" s="137"/>
      <c r="V172" s="137"/>
      <c r="W172" s="137"/>
      <c r="X172" s="137"/>
      <c r="Y172" s="137"/>
      <c r="Z172" s="137"/>
      <c r="AA172" s="137"/>
      <c r="AB172" s="137"/>
      <c r="AC172" s="137"/>
      <c r="AD172" s="137"/>
      <c r="AE172" s="137"/>
      <c r="AF172" s="137"/>
    </row>
    <row r="173" spans="3:32" x14ac:dyDescent="0.2">
      <c r="C173" s="137"/>
      <c r="D173" s="137"/>
      <c r="E173" s="137"/>
      <c r="F173" s="137"/>
      <c r="G173" s="137"/>
      <c r="H173" s="137"/>
      <c r="I173" s="137"/>
      <c r="J173" s="137"/>
      <c r="K173" s="137"/>
      <c r="L173" s="137"/>
      <c r="M173" s="137"/>
      <c r="N173" s="137"/>
      <c r="O173" s="137"/>
      <c r="P173" s="137"/>
      <c r="Q173" s="137"/>
      <c r="R173" s="137"/>
      <c r="S173" s="137"/>
      <c r="T173" s="137"/>
      <c r="U173" s="137"/>
      <c r="V173" s="137"/>
      <c r="W173" s="137"/>
      <c r="X173" s="137"/>
      <c r="Y173" s="137"/>
      <c r="Z173" s="137"/>
      <c r="AA173" s="137"/>
      <c r="AB173" s="137"/>
      <c r="AC173" s="137"/>
      <c r="AD173" s="137"/>
      <c r="AE173" s="137"/>
      <c r="AF173" s="137"/>
    </row>
    <row r="174" spans="3:32" x14ac:dyDescent="0.2">
      <c r="C174" s="137"/>
      <c r="D174" s="137"/>
      <c r="E174" s="137"/>
      <c r="F174" s="137"/>
      <c r="G174" s="137"/>
      <c r="H174" s="137"/>
      <c r="I174" s="137"/>
      <c r="J174" s="137"/>
      <c r="K174" s="137"/>
      <c r="L174" s="137"/>
      <c r="M174" s="137"/>
      <c r="N174" s="137"/>
      <c r="O174" s="137"/>
      <c r="P174" s="137"/>
      <c r="Q174" s="137"/>
      <c r="R174" s="137"/>
      <c r="S174" s="137"/>
      <c r="T174" s="137"/>
      <c r="U174" s="137"/>
      <c r="V174" s="137"/>
      <c r="W174" s="137"/>
      <c r="X174" s="137"/>
      <c r="Y174" s="137"/>
      <c r="Z174" s="137"/>
      <c r="AA174" s="137"/>
      <c r="AB174" s="137"/>
      <c r="AC174" s="137"/>
      <c r="AD174" s="137"/>
      <c r="AE174" s="137"/>
      <c r="AF174" s="137"/>
    </row>
    <row r="175" spans="3:32" x14ac:dyDescent="0.2">
      <c r="C175" s="137"/>
      <c r="D175" s="137"/>
      <c r="E175" s="137"/>
      <c r="F175" s="137"/>
      <c r="G175" s="137"/>
      <c r="H175" s="137"/>
      <c r="I175" s="137"/>
      <c r="J175" s="137"/>
      <c r="K175" s="137"/>
      <c r="L175" s="137"/>
      <c r="M175" s="137"/>
      <c r="N175" s="137"/>
      <c r="O175" s="137"/>
      <c r="P175" s="137"/>
      <c r="Q175" s="137"/>
      <c r="R175" s="137"/>
      <c r="S175" s="137"/>
      <c r="T175" s="137"/>
      <c r="U175" s="137"/>
      <c r="V175" s="137"/>
      <c r="W175" s="137"/>
      <c r="X175" s="137"/>
      <c r="Y175" s="137"/>
      <c r="Z175" s="137"/>
      <c r="AA175" s="137"/>
      <c r="AB175" s="137"/>
      <c r="AC175" s="137"/>
      <c r="AD175" s="137"/>
      <c r="AE175" s="137"/>
      <c r="AF175" s="137"/>
    </row>
    <row r="176" spans="3:32" x14ac:dyDescent="0.2">
      <c r="C176" s="137"/>
      <c r="D176" s="137"/>
      <c r="E176" s="137"/>
      <c r="F176" s="137"/>
      <c r="G176" s="137"/>
      <c r="H176" s="137"/>
      <c r="I176" s="137"/>
      <c r="J176" s="137"/>
      <c r="K176" s="137"/>
      <c r="L176" s="137"/>
      <c r="M176" s="137"/>
      <c r="N176" s="137"/>
      <c r="O176" s="137"/>
      <c r="P176" s="137"/>
      <c r="Q176" s="137"/>
      <c r="R176" s="137"/>
      <c r="S176" s="137"/>
      <c r="T176" s="137"/>
      <c r="U176" s="137"/>
      <c r="V176" s="137"/>
      <c r="W176" s="137"/>
      <c r="X176" s="137"/>
      <c r="Y176" s="137"/>
      <c r="Z176" s="137"/>
      <c r="AA176" s="137"/>
      <c r="AB176" s="137"/>
      <c r="AC176" s="137"/>
      <c r="AD176" s="137"/>
      <c r="AE176" s="137"/>
      <c r="AF176" s="137"/>
    </row>
    <row r="177" spans="3:32" x14ac:dyDescent="0.2">
      <c r="C177" s="137"/>
      <c r="D177" s="137"/>
      <c r="E177" s="137"/>
      <c r="F177" s="137"/>
      <c r="G177" s="137"/>
      <c r="H177" s="137"/>
      <c r="I177" s="137"/>
      <c r="J177" s="137"/>
      <c r="K177" s="137"/>
      <c r="L177" s="137"/>
      <c r="M177" s="137"/>
      <c r="N177" s="137"/>
      <c r="O177" s="137"/>
      <c r="P177" s="137"/>
      <c r="Q177" s="137"/>
      <c r="R177" s="137"/>
      <c r="S177" s="137"/>
      <c r="T177" s="137"/>
      <c r="U177" s="137"/>
      <c r="V177" s="137"/>
      <c r="W177" s="137"/>
      <c r="X177" s="137"/>
      <c r="Y177" s="137"/>
      <c r="Z177" s="137"/>
      <c r="AA177" s="137"/>
      <c r="AB177" s="137"/>
      <c r="AC177" s="137"/>
      <c r="AD177" s="137"/>
      <c r="AE177" s="137"/>
      <c r="AF177" s="137"/>
    </row>
    <row r="178" spans="3:32" x14ac:dyDescent="0.2">
      <c r="C178" s="137"/>
      <c r="D178" s="137"/>
      <c r="E178" s="137"/>
      <c r="F178" s="137"/>
      <c r="G178" s="137"/>
      <c r="H178" s="137"/>
      <c r="I178" s="137"/>
      <c r="J178" s="137"/>
      <c r="K178" s="137"/>
      <c r="L178" s="137"/>
      <c r="M178" s="137"/>
      <c r="N178" s="137"/>
      <c r="O178" s="137"/>
      <c r="P178" s="137"/>
      <c r="Q178" s="137"/>
      <c r="R178" s="137"/>
      <c r="S178" s="137"/>
      <c r="T178" s="137"/>
      <c r="U178" s="137"/>
      <c r="V178" s="137"/>
      <c r="W178" s="137"/>
      <c r="X178" s="137"/>
      <c r="Y178" s="137"/>
      <c r="Z178" s="137"/>
      <c r="AA178" s="137"/>
      <c r="AB178" s="137"/>
      <c r="AC178" s="137"/>
      <c r="AD178" s="137"/>
      <c r="AE178" s="137"/>
      <c r="AF178" s="137"/>
    </row>
    <row r="179" spans="3:32" x14ac:dyDescent="0.2">
      <c r="C179" s="137"/>
      <c r="D179" s="137"/>
      <c r="E179" s="137"/>
      <c r="F179" s="137"/>
      <c r="G179" s="137"/>
      <c r="H179" s="137"/>
      <c r="I179" s="137"/>
      <c r="J179" s="137"/>
      <c r="K179" s="137"/>
      <c r="L179" s="137"/>
      <c r="M179" s="137"/>
      <c r="N179" s="137"/>
      <c r="O179" s="137"/>
      <c r="P179" s="137"/>
      <c r="Q179" s="137"/>
      <c r="R179" s="137"/>
      <c r="S179" s="137"/>
      <c r="T179" s="137"/>
      <c r="U179" s="137"/>
      <c r="V179" s="137"/>
      <c r="W179" s="137"/>
      <c r="X179" s="137"/>
      <c r="Y179" s="137"/>
      <c r="Z179" s="137"/>
      <c r="AA179" s="137"/>
      <c r="AB179" s="137"/>
      <c r="AC179" s="137"/>
      <c r="AD179" s="137"/>
      <c r="AE179" s="137"/>
      <c r="AF179" s="137"/>
    </row>
    <row r="180" spans="3:32" x14ac:dyDescent="0.2">
      <c r="C180" s="137"/>
      <c r="D180" s="137"/>
      <c r="E180" s="137"/>
      <c r="F180" s="137"/>
      <c r="G180" s="137"/>
      <c r="H180" s="137"/>
      <c r="I180" s="137"/>
      <c r="J180" s="137"/>
      <c r="K180" s="137"/>
      <c r="L180" s="137"/>
      <c r="M180" s="137"/>
      <c r="N180" s="137"/>
      <c r="O180" s="137"/>
      <c r="P180" s="137"/>
      <c r="Q180" s="137"/>
      <c r="R180" s="137"/>
      <c r="S180" s="137"/>
      <c r="T180" s="137"/>
      <c r="U180" s="137"/>
      <c r="V180" s="137"/>
      <c r="W180" s="137"/>
      <c r="X180" s="137"/>
      <c r="Y180" s="137"/>
      <c r="Z180" s="137"/>
      <c r="AA180" s="137"/>
      <c r="AB180" s="137"/>
      <c r="AC180" s="137"/>
      <c r="AD180" s="137"/>
      <c r="AE180" s="137"/>
      <c r="AF180" s="137"/>
    </row>
    <row r="181" spans="3:32" x14ac:dyDescent="0.2">
      <c r="C181" s="137"/>
      <c r="D181" s="137"/>
      <c r="E181" s="137"/>
      <c r="F181" s="137"/>
      <c r="G181" s="137"/>
      <c r="H181" s="137"/>
      <c r="I181" s="137"/>
      <c r="J181" s="137"/>
      <c r="K181" s="137"/>
      <c r="L181" s="137"/>
      <c r="M181" s="137"/>
      <c r="N181" s="137"/>
      <c r="O181" s="137"/>
      <c r="P181" s="137"/>
      <c r="Q181" s="137"/>
      <c r="R181" s="137"/>
      <c r="S181" s="137"/>
      <c r="T181" s="137"/>
      <c r="U181" s="137"/>
      <c r="V181" s="137"/>
      <c r="W181" s="137"/>
      <c r="X181" s="137"/>
      <c r="Y181" s="137"/>
      <c r="Z181" s="137"/>
      <c r="AA181" s="137"/>
      <c r="AB181" s="137"/>
      <c r="AC181" s="137"/>
      <c r="AD181" s="137"/>
      <c r="AE181" s="137"/>
      <c r="AF181" s="137"/>
    </row>
    <row r="182" spans="3:32" x14ac:dyDescent="0.2">
      <c r="C182" s="137"/>
      <c r="D182" s="137"/>
      <c r="E182" s="137"/>
      <c r="F182" s="137"/>
      <c r="G182" s="137"/>
      <c r="H182" s="137"/>
      <c r="I182" s="137"/>
      <c r="J182" s="137"/>
      <c r="K182" s="137"/>
      <c r="L182" s="137"/>
      <c r="M182" s="137"/>
      <c r="N182" s="137"/>
      <c r="O182" s="137"/>
      <c r="P182" s="137"/>
      <c r="Q182" s="137"/>
      <c r="R182" s="137"/>
      <c r="S182" s="137"/>
      <c r="T182" s="137"/>
      <c r="U182" s="137"/>
      <c r="V182" s="137"/>
      <c r="W182" s="137"/>
      <c r="X182" s="137"/>
      <c r="Y182" s="137"/>
      <c r="Z182" s="137"/>
      <c r="AA182" s="137"/>
      <c r="AB182" s="137"/>
      <c r="AC182" s="137"/>
      <c r="AD182" s="137"/>
      <c r="AE182" s="137"/>
      <c r="AF182" s="137"/>
    </row>
    <row r="183" spans="3:32" x14ac:dyDescent="0.2">
      <c r="C183" s="137"/>
      <c r="D183" s="137"/>
      <c r="E183" s="137"/>
      <c r="F183" s="137"/>
      <c r="G183" s="137"/>
      <c r="H183" s="137"/>
      <c r="I183" s="137"/>
      <c r="J183" s="137"/>
      <c r="K183" s="137"/>
      <c r="L183" s="137"/>
      <c r="M183" s="137"/>
      <c r="N183" s="137"/>
      <c r="O183" s="137"/>
      <c r="P183" s="137"/>
      <c r="Q183" s="137"/>
      <c r="R183" s="137"/>
      <c r="S183" s="137"/>
      <c r="T183" s="137"/>
      <c r="U183" s="137"/>
      <c r="V183" s="137"/>
      <c r="W183" s="137"/>
      <c r="X183" s="137"/>
      <c r="Y183" s="137"/>
      <c r="Z183" s="137"/>
      <c r="AA183" s="137"/>
      <c r="AB183" s="137"/>
      <c r="AC183" s="137"/>
      <c r="AD183" s="137"/>
      <c r="AE183" s="137"/>
      <c r="AF183" s="137"/>
    </row>
    <row r="184" spans="3:32" x14ac:dyDescent="0.2">
      <c r="C184" s="137"/>
      <c r="D184" s="137"/>
      <c r="E184" s="137"/>
      <c r="F184" s="137"/>
      <c r="G184" s="137"/>
      <c r="H184" s="137"/>
      <c r="I184" s="137"/>
      <c r="J184" s="137"/>
      <c r="K184" s="137"/>
      <c r="L184" s="137"/>
      <c r="M184" s="137"/>
      <c r="N184" s="137"/>
      <c r="O184" s="137"/>
      <c r="P184" s="137"/>
      <c r="Q184" s="137"/>
      <c r="R184" s="137"/>
      <c r="S184" s="137"/>
      <c r="T184" s="137"/>
      <c r="U184" s="137"/>
      <c r="V184" s="137"/>
      <c r="W184" s="137"/>
      <c r="X184" s="137"/>
      <c r="Y184" s="137"/>
      <c r="Z184" s="137"/>
      <c r="AA184" s="137"/>
      <c r="AB184" s="137"/>
      <c r="AC184" s="137"/>
      <c r="AD184" s="137"/>
      <c r="AE184" s="137"/>
      <c r="AF184" s="137"/>
    </row>
    <row r="185" spans="3:32" x14ac:dyDescent="0.2">
      <c r="C185" s="137"/>
      <c r="D185" s="137"/>
      <c r="E185" s="137"/>
      <c r="F185" s="137"/>
      <c r="G185" s="137"/>
      <c r="H185" s="137"/>
      <c r="I185" s="137"/>
      <c r="J185" s="137"/>
      <c r="K185" s="137"/>
      <c r="L185" s="137"/>
      <c r="M185" s="137"/>
      <c r="N185" s="137"/>
      <c r="O185" s="137"/>
      <c r="P185" s="137"/>
      <c r="Q185" s="137"/>
      <c r="R185" s="137"/>
      <c r="S185" s="137"/>
      <c r="T185" s="137"/>
      <c r="U185" s="137"/>
      <c r="V185" s="137"/>
      <c r="W185" s="137"/>
      <c r="X185" s="137"/>
      <c r="Y185" s="137"/>
      <c r="Z185" s="137"/>
      <c r="AA185" s="137"/>
      <c r="AB185" s="137"/>
      <c r="AC185" s="137"/>
      <c r="AD185" s="137"/>
      <c r="AE185" s="137"/>
      <c r="AF185" s="137"/>
    </row>
    <row r="186" spans="3:32" x14ac:dyDescent="0.2">
      <c r="C186" s="137"/>
      <c r="D186" s="137"/>
      <c r="E186" s="137"/>
      <c r="F186" s="137"/>
      <c r="G186" s="137"/>
      <c r="H186" s="137"/>
      <c r="I186" s="137"/>
      <c r="J186" s="137"/>
      <c r="K186" s="137"/>
      <c r="L186" s="137"/>
      <c r="M186" s="137"/>
      <c r="N186" s="137"/>
      <c r="O186" s="137"/>
      <c r="P186" s="137"/>
      <c r="Q186" s="137"/>
      <c r="R186" s="137"/>
      <c r="S186" s="137"/>
      <c r="T186" s="137"/>
      <c r="U186" s="137"/>
      <c r="V186" s="137"/>
      <c r="W186" s="137"/>
      <c r="X186" s="137"/>
      <c r="Y186" s="137"/>
      <c r="Z186" s="137"/>
      <c r="AA186" s="137"/>
      <c r="AB186" s="137"/>
      <c r="AC186" s="137"/>
      <c r="AD186" s="137"/>
      <c r="AE186" s="137"/>
      <c r="AF186" s="137"/>
    </row>
    <row r="187" spans="3:32" x14ac:dyDescent="0.2">
      <c r="C187" s="137"/>
      <c r="D187" s="137"/>
      <c r="E187" s="137"/>
      <c r="F187" s="137"/>
      <c r="G187" s="137"/>
      <c r="H187" s="137"/>
      <c r="I187" s="137"/>
      <c r="J187" s="137"/>
      <c r="K187" s="137"/>
      <c r="L187" s="137"/>
      <c r="M187" s="137"/>
      <c r="N187" s="137"/>
      <c r="O187" s="137"/>
      <c r="P187" s="137"/>
      <c r="Q187" s="137"/>
      <c r="R187" s="137"/>
      <c r="S187" s="137"/>
      <c r="T187" s="137"/>
      <c r="U187" s="137"/>
      <c r="V187" s="137"/>
      <c r="W187" s="137"/>
      <c r="X187" s="137"/>
      <c r="Y187" s="137"/>
      <c r="Z187" s="137"/>
      <c r="AA187" s="137"/>
      <c r="AB187" s="137"/>
      <c r="AC187" s="137"/>
      <c r="AD187" s="137"/>
      <c r="AE187" s="137"/>
      <c r="AF187" s="137"/>
    </row>
    <row r="188" spans="3:32" x14ac:dyDescent="0.2">
      <c r="C188" s="137"/>
      <c r="D188" s="137"/>
      <c r="E188" s="137"/>
      <c r="F188" s="137"/>
      <c r="G188" s="137"/>
      <c r="H188" s="137"/>
      <c r="I188" s="137"/>
      <c r="J188" s="137"/>
      <c r="K188" s="137"/>
      <c r="L188" s="137"/>
      <c r="M188" s="137"/>
      <c r="N188" s="137"/>
      <c r="O188" s="137"/>
      <c r="P188" s="137"/>
      <c r="Q188" s="137"/>
      <c r="R188" s="137"/>
      <c r="S188" s="137"/>
      <c r="T188" s="137"/>
      <c r="U188" s="137"/>
      <c r="V188" s="137"/>
      <c r="W188" s="137"/>
      <c r="X188" s="137"/>
      <c r="Y188" s="137"/>
      <c r="Z188" s="137"/>
      <c r="AA188" s="137"/>
      <c r="AB188" s="137"/>
      <c r="AC188" s="137"/>
      <c r="AD188" s="137"/>
      <c r="AE188" s="137"/>
      <c r="AF188" s="137"/>
    </row>
    <row r="189" spans="3:32" x14ac:dyDescent="0.2">
      <c r="C189" s="137"/>
      <c r="D189" s="137"/>
      <c r="E189" s="137"/>
      <c r="F189" s="137"/>
      <c r="G189" s="137"/>
      <c r="H189" s="137"/>
      <c r="I189" s="137"/>
      <c r="J189" s="137"/>
      <c r="K189" s="137"/>
      <c r="L189" s="137"/>
      <c r="M189" s="137"/>
      <c r="N189" s="137"/>
      <c r="O189" s="137"/>
      <c r="P189" s="137"/>
      <c r="Q189" s="137"/>
      <c r="R189" s="137"/>
      <c r="S189" s="137"/>
      <c r="T189" s="137"/>
      <c r="U189" s="137"/>
      <c r="V189" s="137"/>
      <c r="W189" s="137"/>
      <c r="X189" s="137"/>
      <c r="Y189" s="137"/>
      <c r="Z189" s="137"/>
      <c r="AA189" s="137"/>
      <c r="AB189" s="137"/>
      <c r="AC189" s="137"/>
      <c r="AD189" s="137"/>
      <c r="AE189" s="137"/>
      <c r="AF189" s="137"/>
    </row>
    <row r="190" spans="3:32" x14ac:dyDescent="0.2">
      <c r="C190" s="137"/>
      <c r="D190" s="137"/>
      <c r="E190" s="137"/>
      <c r="F190" s="137"/>
      <c r="G190" s="137"/>
      <c r="H190" s="137"/>
      <c r="I190" s="137"/>
      <c r="J190" s="137"/>
      <c r="K190" s="137"/>
      <c r="L190" s="137"/>
      <c r="M190" s="137"/>
      <c r="N190" s="137"/>
      <c r="O190" s="137"/>
      <c r="P190" s="137"/>
      <c r="Q190" s="137"/>
      <c r="R190" s="137"/>
      <c r="S190" s="137"/>
      <c r="T190" s="137"/>
      <c r="U190" s="137"/>
      <c r="V190" s="137"/>
      <c r="W190" s="137"/>
      <c r="X190" s="137"/>
      <c r="Y190" s="137"/>
      <c r="Z190" s="137"/>
      <c r="AA190" s="137"/>
      <c r="AB190" s="137"/>
      <c r="AC190" s="137"/>
      <c r="AD190" s="137"/>
      <c r="AE190" s="137"/>
      <c r="AF190" s="137"/>
    </row>
    <row r="191" spans="3:32" x14ac:dyDescent="0.2">
      <c r="C191" s="137"/>
      <c r="D191" s="137"/>
      <c r="E191" s="137"/>
      <c r="F191" s="137"/>
      <c r="G191" s="137"/>
      <c r="H191" s="137"/>
      <c r="I191" s="137"/>
      <c r="J191" s="137"/>
      <c r="K191" s="137"/>
      <c r="L191" s="137"/>
      <c r="M191" s="137"/>
      <c r="N191" s="137"/>
      <c r="O191" s="137"/>
      <c r="P191" s="137"/>
      <c r="Q191" s="137"/>
      <c r="R191" s="137"/>
      <c r="S191" s="137"/>
      <c r="T191" s="137"/>
      <c r="U191" s="137"/>
      <c r="V191" s="137"/>
      <c r="W191" s="137"/>
      <c r="X191" s="137"/>
      <c r="Y191" s="137"/>
      <c r="Z191" s="137"/>
      <c r="AA191" s="137"/>
      <c r="AB191" s="137"/>
      <c r="AC191" s="137"/>
      <c r="AD191" s="137"/>
      <c r="AE191" s="137"/>
      <c r="AF191" s="137"/>
    </row>
    <row r="192" spans="3:32" x14ac:dyDescent="0.2">
      <c r="C192" s="137"/>
      <c r="D192" s="137"/>
      <c r="E192" s="137"/>
      <c r="F192" s="137"/>
      <c r="G192" s="137"/>
      <c r="H192" s="137"/>
      <c r="I192" s="137"/>
      <c r="J192" s="137"/>
      <c r="K192" s="137"/>
      <c r="L192" s="137"/>
      <c r="M192" s="137"/>
      <c r="N192" s="137"/>
      <c r="O192" s="137"/>
      <c r="P192" s="137"/>
      <c r="Q192" s="137"/>
      <c r="R192" s="137"/>
      <c r="S192" s="137"/>
      <c r="T192" s="137"/>
      <c r="U192" s="137"/>
      <c r="V192" s="137"/>
      <c r="W192" s="137"/>
      <c r="X192" s="137"/>
      <c r="Y192" s="137"/>
      <c r="Z192" s="137"/>
      <c r="AA192" s="137"/>
      <c r="AB192" s="137"/>
      <c r="AC192" s="137"/>
      <c r="AD192" s="137"/>
      <c r="AE192" s="137"/>
      <c r="AF192" s="137"/>
    </row>
    <row r="193" spans="3:32" x14ac:dyDescent="0.2">
      <c r="C193" s="137"/>
      <c r="D193" s="137"/>
      <c r="E193" s="137"/>
      <c r="F193" s="137"/>
      <c r="G193" s="137"/>
      <c r="H193" s="137"/>
      <c r="I193" s="137"/>
      <c r="J193" s="137"/>
      <c r="K193" s="137"/>
      <c r="L193" s="137"/>
      <c r="M193" s="137"/>
      <c r="N193" s="137"/>
      <c r="O193" s="137"/>
      <c r="P193" s="137"/>
      <c r="Q193" s="137"/>
      <c r="R193" s="137"/>
      <c r="S193" s="137"/>
      <c r="T193" s="137"/>
      <c r="U193" s="137"/>
      <c r="V193" s="137"/>
      <c r="W193" s="137"/>
      <c r="X193" s="137"/>
      <c r="Y193" s="137"/>
      <c r="Z193" s="137"/>
      <c r="AA193" s="137"/>
      <c r="AB193" s="137"/>
      <c r="AC193" s="137"/>
      <c r="AD193" s="137"/>
      <c r="AE193" s="137"/>
      <c r="AF193" s="137"/>
    </row>
    <row r="194" spans="3:32" x14ac:dyDescent="0.2">
      <c r="C194" s="137"/>
      <c r="D194" s="137"/>
      <c r="E194" s="137"/>
      <c r="F194" s="137"/>
      <c r="G194" s="137"/>
      <c r="H194" s="137"/>
      <c r="I194" s="137"/>
      <c r="J194" s="137"/>
      <c r="K194" s="137"/>
      <c r="L194" s="137"/>
      <c r="M194" s="137"/>
      <c r="N194" s="137"/>
      <c r="O194" s="137"/>
      <c r="P194" s="137"/>
      <c r="Q194" s="137"/>
      <c r="R194" s="137"/>
      <c r="S194" s="137"/>
      <c r="T194" s="137"/>
      <c r="U194" s="137"/>
      <c r="V194" s="137"/>
      <c r="W194" s="137"/>
      <c r="X194" s="137"/>
      <c r="Y194" s="137"/>
      <c r="Z194" s="137"/>
      <c r="AA194" s="137"/>
      <c r="AB194" s="137"/>
      <c r="AC194" s="137"/>
      <c r="AD194" s="137"/>
      <c r="AE194" s="137"/>
      <c r="AF194" s="137"/>
    </row>
    <row r="195" spans="3:32" x14ac:dyDescent="0.2">
      <c r="C195" s="137"/>
      <c r="D195" s="137"/>
      <c r="E195" s="137"/>
      <c r="F195" s="137"/>
      <c r="G195" s="137"/>
      <c r="H195" s="137"/>
      <c r="I195" s="137"/>
      <c r="J195" s="137"/>
      <c r="K195" s="137"/>
      <c r="L195" s="137"/>
      <c r="M195" s="137"/>
      <c r="N195" s="137"/>
      <c r="O195" s="137"/>
      <c r="P195" s="137"/>
      <c r="Q195" s="137"/>
      <c r="R195" s="137"/>
      <c r="S195" s="137"/>
      <c r="T195" s="137"/>
      <c r="U195" s="137"/>
      <c r="V195" s="137"/>
      <c r="W195" s="137"/>
      <c r="X195" s="137"/>
      <c r="Y195" s="137"/>
      <c r="Z195" s="137"/>
      <c r="AA195" s="137"/>
      <c r="AB195" s="137"/>
      <c r="AC195" s="137"/>
      <c r="AD195" s="137"/>
      <c r="AE195" s="137"/>
      <c r="AF195" s="137"/>
    </row>
    <row r="196" spans="3:32" x14ac:dyDescent="0.2">
      <c r="C196" s="137"/>
      <c r="D196" s="137"/>
      <c r="E196" s="137"/>
      <c r="F196" s="137"/>
      <c r="G196" s="137"/>
      <c r="H196" s="137"/>
      <c r="I196" s="137"/>
      <c r="J196" s="137"/>
      <c r="K196" s="137"/>
      <c r="L196" s="137"/>
      <c r="M196" s="137"/>
      <c r="N196" s="137"/>
      <c r="O196" s="137"/>
      <c r="P196" s="137"/>
      <c r="Q196" s="137"/>
      <c r="R196" s="137"/>
      <c r="S196" s="137"/>
      <c r="T196" s="137"/>
      <c r="U196" s="137"/>
      <c r="V196" s="137"/>
      <c r="W196" s="137"/>
      <c r="X196" s="137"/>
      <c r="Y196" s="137"/>
      <c r="Z196" s="137"/>
      <c r="AA196" s="137"/>
      <c r="AB196" s="137"/>
      <c r="AC196" s="137"/>
      <c r="AD196" s="137"/>
      <c r="AE196" s="137"/>
      <c r="AF196" s="137"/>
    </row>
    <row r="197" spans="3:32" x14ac:dyDescent="0.2">
      <c r="C197" s="137"/>
      <c r="D197" s="137"/>
      <c r="E197" s="137"/>
      <c r="F197" s="137"/>
      <c r="G197" s="137"/>
      <c r="H197" s="137"/>
      <c r="I197" s="137"/>
      <c r="J197" s="137"/>
      <c r="K197" s="137"/>
      <c r="L197" s="137"/>
      <c r="M197" s="137"/>
      <c r="N197" s="137"/>
      <c r="O197" s="137"/>
      <c r="P197" s="137"/>
      <c r="Q197" s="137"/>
      <c r="R197" s="137"/>
      <c r="S197" s="137"/>
      <c r="T197" s="137"/>
      <c r="U197" s="137"/>
      <c r="V197" s="137"/>
      <c r="W197" s="137"/>
      <c r="X197" s="137"/>
      <c r="Y197" s="137"/>
      <c r="Z197" s="137"/>
      <c r="AA197" s="137"/>
      <c r="AB197" s="137"/>
      <c r="AC197" s="137"/>
      <c r="AD197" s="137"/>
      <c r="AE197" s="137"/>
      <c r="AF197" s="137"/>
    </row>
    <row r="198" spans="3:32" x14ac:dyDescent="0.2">
      <c r="C198" s="137"/>
      <c r="D198" s="137"/>
      <c r="E198" s="137"/>
      <c r="F198" s="137"/>
      <c r="G198" s="137"/>
      <c r="H198" s="137"/>
      <c r="I198" s="137"/>
      <c r="J198" s="137"/>
      <c r="K198" s="137"/>
      <c r="L198" s="137"/>
      <c r="M198" s="137"/>
      <c r="N198" s="137"/>
      <c r="O198" s="137"/>
      <c r="P198" s="137"/>
      <c r="Q198" s="137"/>
      <c r="R198" s="137"/>
      <c r="S198" s="137"/>
      <c r="T198" s="137"/>
      <c r="U198" s="137"/>
      <c r="V198" s="137"/>
      <c r="W198" s="137"/>
      <c r="X198" s="137"/>
      <c r="Y198" s="137"/>
      <c r="Z198" s="137"/>
      <c r="AA198" s="137"/>
      <c r="AB198" s="137"/>
      <c r="AC198" s="137"/>
      <c r="AD198" s="137"/>
      <c r="AE198" s="137"/>
      <c r="AF198" s="137"/>
    </row>
    <row r="199" spans="3:32" x14ac:dyDescent="0.2">
      <c r="C199" s="137"/>
      <c r="D199" s="137"/>
      <c r="E199" s="137"/>
      <c r="F199" s="137"/>
      <c r="G199" s="137"/>
      <c r="H199" s="137"/>
      <c r="I199" s="137"/>
      <c r="J199" s="137"/>
      <c r="K199" s="137"/>
      <c r="L199" s="137"/>
      <c r="M199" s="137"/>
      <c r="N199" s="137"/>
      <c r="O199" s="137"/>
      <c r="P199" s="137"/>
      <c r="Q199" s="137"/>
      <c r="R199" s="137"/>
      <c r="S199" s="137"/>
      <c r="T199" s="137"/>
      <c r="U199" s="137"/>
      <c r="V199" s="137"/>
      <c r="W199" s="137"/>
      <c r="X199" s="137"/>
      <c r="Y199" s="137"/>
      <c r="Z199" s="137"/>
      <c r="AA199" s="137"/>
      <c r="AB199" s="137"/>
      <c r="AC199" s="137"/>
      <c r="AD199" s="137"/>
      <c r="AE199" s="137"/>
      <c r="AF199" s="137"/>
    </row>
    <row r="200" spans="3:32" x14ac:dyDescent="0.2">
      <c r="C200" s="137"/>
      <c r="D200" s="137"/>
      <c r="E200" s="137"/>
      <c r="F200" s="137"/>
      <c r="G200" s="137"/>
      <c r="H200" s="137"/>
      <c r="I200" s="137"/>
      <c r="J200" s="137"/>
      <c r="K200" s="137"/>
      <c r="L200" s="137"/>
      <c r="M200" s="137"/>
      <c r="N200" s="137"/>
      <c r="O200" s="137"/>
      <c r="P200" s="137"/>
      <c r="Q200" s="137"/>
      <c r="R200" s="137"/>
      <c r="S200" s="137"/>
      <c r="T200" s="137"/>
      <c r="U200" s="137"/>
      <c r="V200" s="137"/>
      <c r="W200" s="137"/>
      <c r="X200" s="137"/>
      <c r="Y200" s="137"/>
      <c r="Z200" s="137"/>
      <c r="AA200" s="137"/>
      <c r="AB200" s="137"/>
      <c r="AC200" s="137"/>
      <c r="AD200" s="137"/>
      <c r="AE200" s="137"/>
      <c r="AF200" s="137"/>
    </row>
    <row r="201" spans="3:32" x14ac:dyDescent="0.2">
      <c r="C201" s="137"/>
      <c r="D201" s="137"/>
      <c r="E201" s="137"/>
      <c r="F201" s="137"/>
      <c r="G201" s="137"/>
      <c r="H201" s="137"/>
      <c r="I201" s="137"/>
      <c r="J201" s="137"/>
      <c r="K201" s="137"/>
      <c r="L201" s="137"/>
      <c r="M201" s="137"/>
      <c r="N201" s="137"/>
      <c r="O201" s="137"/>
      <c r="P201" s="137"/>
      <c r="Q201" s="137"/>
      <c r="R201" s="137"/>
      <c r="S201" s="137"/>
      <c r="T201" s="137"/>
      <c r="U201" s="137"/>
      <c r="V201" s="137"/>
      <c r="W201" s="137"/>
      <c r="X201" s="137"/>
      <c r="Y201" s="137"/>
      <c r="Z201" s="137"/>
      <c r="AA201" s="137"/>
      <c r="AB201" s="137"/>
      <c r="AC201" s="137"/>
      <c r="AD201" s="137"/>
      <c r="AE201" s="137"/>
      <c r="AF201" s="137"/>
    </row>
    <row r="202" spans="3:32" x14ac:dyDescent="0.2">
      <c r="C202" s="137"/>
      <c r="D202" s="137"/>
      <c r="E202" s="137"/>
      <c r="F202" s="137"/>
      <c r="G202" s="137"/>
      <c r="H202" s="137"/>
      <c r="I202" s="137"/>
      <c r="J202" s="137"/>
      <c r="K202" s="137"/>
      <c r="L202" s="137"/>
      <c r="M202" s="137"/>
      <c r="N202" s="137"/>
      <c r="O202" s="137"/>
      <c r="P202" s="137"/>
      <c r="Q202" s="137"/>
      <c r="R202" s="137"/>
      <c r="S202" s="137"/>
      <c r="T202" s="137"/>
      <c r="U202" s="137"/>
      <c r="V202" s="137"/>
      <c r="W202" s="137"/>
      <c r="X202" s="137"/>
      <c r="Y202" s="137"/>
      <c r="Z202" s="137"/>
      <c r="AA202" s="137"/>
      <c r="AB202" s="137"/>
      <c r="AC202" s="137"/>
      <c r="AD202" s="137"/>
      <c r="AE202" s="137"/>
      <c r="AF202" s="137"/>
    </row>
    <row r="203" spans="3:32" x14ac:dyDescent="0.2">
      <c r="C203" s="137"/>
      <c r="D203" s="137"/>
      <c r="E203" s="137"/>
      <c r="F203" s="137"/>
      <c r="G203" s="137"/>
      <c r="H203" s="137"/>
      <c r="I203" s="137"/>
      <c r="J203" s="137"/>
      <c r="K203" s="137"/>
      <c r="L203" s="137"/>
      <c r="M203" s="137"/>
      <c r="N203" s="137"/>
      <c r="O203" s="137"/>
      <c r="P203" s="137"/>
      <c r="Q203" s="137"/>
      <c r="R203" s="137"/>
      <c r="S203" s="137"/>
      <c r="T203" s="137"/>
      <c r="U203" s="137"/>
      <c r="V203" s="137"/>
      <c r="W203" s="137"/>
      <c r="X203" s="137"/>
      <c r="Y203" s="137"/>
      <c r="Z203" s="137"/>
      <c r="AA203" s="137"/>
      <c r="AB203" s="137"/>
      <c r="AC203" s="137"/>
      <c r="AD203" s="137"/>
      <c r="AE203" s="137"/>
      <c r="AF203" s="137"/>
    </row>
    <row r="204" spans="3:32" x14ac:dyDescent="0.2">
      <c r="C204" s="137"/>
      <c r="D204" s="137"/>
      <c r="E204" s="137"/>
      <c r="F204" s="137"/>
      <c r="G204" s="137"/>
      <c r="H204" s="137"/>
      <c r="I204" s="137"/>
      <c r="J204" s="137"/>
      <c r="K204" s="137"/>
      <c r="L204" s="137"/>
      <c r="M204" s="137"/>
      <c r="N204" s="137"/>
      <c r="O204" s="137"/>
      <c r="P204" s="137"/>
      <c r="Q204" s="137"/>
      <c r="R204" s="137"/>
      <c r="S204" s="137"/>
      <c r="T204" s="137"/>
      <c r="U204" s="137"/>
      <c r="V204" s="137"/>
      <c r="W204" s="137"/>
      <c r="X204" s="137"/>
      <c r="Y204" s="137"/>
      <c r="Z204" s="137"/>
      <c r="AA204" s="137"/>
      <c r="AB204" s="137"/>
      <c r="AC204" s="137"/>
      <c r="AD204" s="137"/>
      <c r="AE204" s="137"/>
      <c r="AF204" s="137"/>
    </row>
    <row r="205" spans="3:32" x14ac:dyDescent="0.2">
      <c r="C205" s="137"/>
      <c r="D205" s="137"/>
      <c r="E205" s="137"/>
      <c r="F205" s="137"/>
      <c r="G205" s="137"/>
      <c r="H205" s="137"/>
      <c r="I205" s="137"/>
      <c r="J205" s="137"/>
      <c r="K205" s="137"/>
      <c r="L205" s="137"/>
      <c r="M205" s="137"/>
      <c r="N205" s="137"/>
      <c r="O205" s="137"/>
      <c r="P205" s="137"/>
      <c r="Q205" s="137"/>
      <c r="R205" s="137"/>
      <c r="S205" s="137"/>
      <c r="T205" s="137"/>
      <c r="U205" s="137"/>
      <c r="V205" s="137"/>
      <c r="W205" s="137"/>
      <c r="X205" s="137"/>
      <c r="Y205" s="137"/>
      <c r="Z205" s="137"/>
      <c r="AA205" s="137"/>
      <c r="AB205" s="137"/>
      <c r="AC205" s="137"/>
      <c r="AD205" s="137"/>
      <c r="AE205" s="137"/>
      <c r="AF205" s="137"/>
    </row>
    <row r="206" spans="3:32" x14ac:dyDescent="0.2">
      <c r="C206" s="137"/>
      <c r="D206" s="137"/>
      <c r="E206" s="137"/>
      <c r="F206" s="137"/>
      <c r="G206" s="137"/>
      <c r="H206" s="137"/>
      <c r="I206" s="137"/>
      <c r="J206" s="137"/>
      <c r="K206" s="137"/>
      <c r="L206" s="137"/>
      <c r="M206" s="137"/>
      <c r="N206" s="137"/>
      <c r="O206" s="137"/>
      <c r="P206" s="137"/>
      <c r="Q206" s="137"/>
      <c r="R206" s="137"/>
      <c r="S206" s="137"/>
      <c r="T206" s="137"/>
      <c r="U206" s="137"/>
      <c r="V206" s="137"/>
      <c r="W206" s="137"/>
      <c r="X206" s="137"/>
      <c r="Y206" s="137"/>
      <c r="Z206" s="137"/>
      <c r="AA206" s="137"/>
      <c r="AB206" s="137"/>
      <c r="AC206" s="137"/>
      <c r="AD206" s="137"/>
      <c r="AE206" s="137"/>
      <c r="AF206" s="137"/>
    </row>
    <row r="207" spans="3:32" x14ac:dyDescent="0.2">
      <c r="C207" s="137"/>
      <c r="D207" s="137"/>
      <c r="E207" s="137"/>
      <c r="F207" s="137"/>
      <c r="G207" s="137"/>
      <c r="H207" s="137"/>
      <c r="I207" s="137"/>
      <c r="J207" s="137"/>
      <c r="K207" s="137"/>
      <c r="L207" s="137"/>
      <c r="M207" s="137"/>
      <c r="N207" s="137"/>
      <c r="O207" s="137"/>
      <c r="P207" s="137"/>
      <c r="Q207" s="137"/>
      <c r="R207" s="137"/>
      <c r="S207" s="137"/>
      <c r="T207" s="137"/>
      <c r="U207" s="137"/>
      <c r="V207" s="137"/>
      <c r="W207" s="137"/>
      <c r="X207" s="137"/>
      <c r="Y207" s="137"/>
      <c r="Z207" s="137"/>
      <c r="AA207" s="137"/>
      <c r="AB207" s="137"/>
      <c r="AC207" s="137"/>
      <c r="AD207" s="137"/>
      <c r="AE207" s="137"/>
      <c r="AF207" s="137"/>
    </row>
    <row r="208" spans="3:32" x14ac:dyDescent="0.2">
      <c r="C208" s="137"/>
      <c r="D208" s="137"/>
      <c r="E208" s="137"/>
      <c r="F208" s="137"/>
      <c r="G208" s="137"/>
      <c r="H208" s="137"/>
      <c r="I208" s="137"/>
      <c r="J208" s="137"/>
      <c r="K208" s="137"/>
      <c r="L208" s="137"/>
      <c r="M208" s="137"/>
      <c r="N208" s="137"/>
      <c r="O208" s="137"/>
      <c r="P208" s="137"/>
      <c r="Q208" s="137"/>
      <c r="R208" s="137"/>
      <c r="S208" s="137"/>
      <c r="T208" s="137"/>
      <c r="U208" s="137"/>
      <c r="V208" s="137"/>
      <c r="W208" s="137"/>
      <c r="X208" s="137"/>
      <c r="Y208" s="137"/>
      <c r="Z208" s="137"/>
      <c r="AA208" s="137"/>
      <c r="AB208" s="137"/>
      <c r="AC208" s="137"/>
      <c r="AD208" s="137"/>
      <c r="AE208" s="137"/>
      <c r="AF208" s="137"/>
    </row>
    <row r="209" spans="3:32" x14ac:dyDescent="0.2">
      <c r="C209" s="137"/>
      <c r="D209" s="137"/>
      <c r="E209" s="137"/>
      <c r="F209" s="137"/>
      <c r="G209" s="137"/>
      <c r="H209" s="137"/>
      <c r="I209" s="137"/>
      <c r="J209" s="137"/>
      <c r="K209" s="137"/>
      <c r="L209" s="137"/>
      <c r="M209" s="137"/>
      <c r="N209" s="137"/>
      <c r="O209" s="137"/>
      <c r="P209" s="137"/>
      <c r="Q209" s="137"/>
      <c r="R209" s="137"/>
      <c r="S209" s="137"/>
      <c r="T209" s="137"/>
      <c r="U209" s="137"/>
      <c r="V209" s="137"/>
      <c r="W209" s="137"/>
      <c r="X209" s="137"/>
      <c r="Y209" s="137"/>
      <c r="Z209" s="137"/>
      <c r="AA209" s="137"/>
      <c r="AB209" s="137"/>
      <c r="AC209" s="137"/>
      <c r="AD209" s="137"/>
      <c r="AE209" s="137"/>
      <c r="AF209" s="137"/>
    </row>
    <row r="210" spans="3:32" x14ac:dyDescent="0.2">
      <c r="C210" s="137"/>
      <c r="D210" s="137"/>
      <c r="E210" s="137"/>
      <c r="F210" s="137"/>
      <c r="G210" s="137"/>
      <c r="H210" s="137"/>
      <c r="I210" s="137"/>
      <c r="J210" s="137"/>
      <c r="K210" s="137"/>
      <c r="L210" s="137"/>
      <c r="M210" s="137"/>
      <c r="N210" s="137"/>
      <c r="O210" s="137"/>
      <c r="P210" s="137"/>
      <c r="Q210" s="137"/>
      <c r="R210" s="137"/>
      <c r="S210" s="137"/>
      <c r="T210" s="137"/>
      <c r="U210" s="137"/>
      <c r="V210" s="137"/>
      <c r="W210" s="137"/>
      <c r="X210" s="137"/>
      <c r="Y210" s="137"/>
      <c r="Z210" s="137"/>
      <c r="AA210" s="137"/>
      <c r="AB210" s="137"/>
      <c r="AC210" s="137"/>
      <c r="AD210" s="137"/>
      <c r="AE210" s="137"/>
      <c r="AF210" s="137"/>
    </row>
    <row r="211" spans="3:32" x14ac:dyDescent="0.2">
      <c r="C211" s="137"/>
      <c r="D211" s="137"/>
      <c r="E211" s="137"/>
      <c r="F211" s="137"/>
      <c r="G211" s="137"/>
      <c r="H211" s="137"/>
      <c r="I211" s="137"/>
      <c r="J211" s="137"/>
      <c r="K211" s="137"/>
      <c r="L211" s="137"/>
      <c r="M211" s="137"/>
      <c r="N211" s="137"/>
      <c r="O211" s="137"/>
      <c r="P211" s="137"/>
      <c r="Q211" s="137"/>
      <c r="R211" s="137"/>
      <c r="S211" s="137"/>
      <c r="T211" s="137"/>
      <c r="U211" s="137"/>
      <c r="V211" s="137"/>
      <c r="W211" s="137"/>
      <c r="X211" s="137"/>
      <c r="Y211" s="137"/>
      <c r="Z211" s="137"/>
      <c r="AA211" s="137"/>
      <c r="AB211" s="137"/>
      <c r="AC211" s="137"/>
      <c r="AD211" s="137"/>
      <c r="AE211" s="137"/>
      <c r="AF211" s="137"/>
    </row>
    <row r="212" spans="3:32" x14ac:dyDescent="0.2">
      <c r="C212" s="137"/>
      <c r="D212" s="137"/>
      <c r="E212" s="137"/>
      <c r="F212" s="137"/>
      <c r="G212" s="137"/>
      <c r="H212" s="137"/>
      <c r="I212" s="137"/>
      <c r="J212" s="137"/>
      <c r="K212" s="137"/>
      <c r="L212" s="137"/>
      <c r="M212" s="137"/>
      <c r="N212" s="137"/>
      <c r="O212" s="137"/>
      <c r="P212" s="137"/>
      <c r="Q212" s="137"/>
      <c r="R212" s="137"/>
      <c r="S212" s="137"/>
      <c r="T212" s="137"/>
      <c r="U212" s="137"/>
      <c r="V212" s="137"/>
      <c r="W212" s="137"/>
      <c r="X212" s="137"/>
      <c r="Y212" s="137"/>
      <c r="Z212" s="137"/>
      <c r="AA212" s="137"/>
      <c r="AB212" s="137"/>
      <c r="AC212" s="137"/>
      <c r="AD212" s="137"/>
      <c r="AE212" s="137"/>
      <c r="AF212" s="137"/>
    </row>
    <row r="213" spans="3:32" x14ac:dyDescent="0.2">
      <c r="C213" s="137"/>
      <c r="D213" s="137"/>
      <c r="E213" s="137"/>
      <c r="F213" s="137"/>
      <c r="G213" s="137"/>
      <c r="H213" s="137"/>
      <c r="I213" s="137"/>
      <c r="J213" s="137"/>
      <c r="K213" s="137"/>
      <c r="L213" s="137"/>
      <c r="M213" s="137"/>
      <c r="N213" s="137"/>
      <c r="O213" s="137"/>
      <c r="P213" s="137"/>
      <c r="Q213" s="137"/>
      <c r="R213" s="137"/>
      <c r="S213" s="137"/>
      <c r="T213" s="137"/>
      <c r="U213" s="137"/>
      <c r="V213" s="137"/>
      <c r="W213" s="137"/>
      <c r="X213" s="137"/>
      <c r="Y213" s="137"/>
      <c r="Z213" s="137"/>
      <c r="AA213" s="137"/>
      <c r="AB213" s="137"/>
      <c r="AC213" s="137"/>
      <c r="AD213" s="137"/>
      <c r="AE213" s="137"/>
      <c r="AF213" s="137"/>
    </row>
    <row r="214" spans="3:32" x14ac:dyDescent="0.2">
      <c r="C214" s="137"/>
      <c r="D214" s="137"/>
      <c r="E214" s="137"/>
      <c r="F214" s="137"/>
      <c r="G214" s="137"/>
      <c r="H214" s="137"/>
      <c r="I214" s="137"/>
      <c r="J214" s="137"/>
      <c r="K214" s="137"/>
      <c r="L214" s="137"/>
      <c r="M214" s="137"/>
      <c r="N214" s="137"/>
      <c r="O214" s="137"/>
      <c r="P214" s="137"/>
      <c r="Q214" s="137"/>
      <c r="R214" s="137"/>
      <c r="S214" s="137"/>
      <c r="T214" s="137"/>
      <c r="U214" s="137"/>
      <c r="V214" s="137"/>
      <c r="W214" s="137"/>
      <c r="X214" s="137"/>
      <c r="Y214" s="137"/>
      <c r="Z214" s="137"/>
      <c r="AA214" s="137"/>
      <c r="AB214" s="137"/>
      <c r="AC214" s="137"/>
      <c r="AD214" s="137"/>
      <c r="AE214" s="137"/>
      <c r="AF214" s="137"/>
    </row>
    <row r="215" spans="3:32" x14ac:dyDescent="0.2">
      <c r="C215" s="137"/>
      <c r="D215" s="137"/>
      <c r="E215" s="137"/>
      <c r="F215" s="137"/>
      <c r="G215" s="137"/>
      <c r="H215" s="137"/>
      <c r="I215" s="137"/>
      <c r="J215" s="137"/>
      <c r="K215" s="137"/>
      <c r="L215" s="137"/>
      <c r="M215" s="137"/>
      <c r="N215" s="137"/>
      <c r="O215" s="137"/>
      <c r="P215" s="137"/>
      <c r="Q215" s="137"/>
      <c r="R215" s="137"/>
      <c r="S215" s="137"/>
      <c r="T215" s="137"/>
      <c r="U215" s="137"/>
      <c r="V215" s="137"/>
      <c r="W215" s="137"/>
      <c r="X215" s="137"/>
      <c r="Y215" s="137"/>
      <c r="Z215" s="137"/>
      <c r="AA215" s="137"/>
      <c r="AB215" s="137"/>
      <c r="AC215" s="137"/>
      <c r="AD215" s="137"/>
      <c r="AE215" s="137"/>
      <c r="AF215" s="137"/>
    </row>
    <row r="216" spans="3:32" x14ac:dyDescent="0.2">
      <c r="C216" s="137"/>
      <c r="D216" s="137"/>
      <c r="E216" s="137"/>
      <c r="F216" s="137"/>
      <c r="G216" s="137"/>
      <c r="H216" s="137"/>
      <c r="I216" s="137"/>
      <c r="J216" s="137"/>
      <c r="K216" s="137"/>
      <c r="L216" s="137"/>
      <c r="M216" s="137"/>
      <c r="N216" s="137"/>
      <c r="O216" s="137"/>
      <c r="P216" s="137"/>
      <c r="Q216" s="137"/>
      <c r="R216" s="137"/>
      <c r="S216" s="137"/>
      <c r="T216" s="137"/>
      <c r="U216" s="137"/>
      <c r="V216" s="137"/>
      <c r="W216" s="137"/>
      <c r="X216" s="137"/>
      <c r="Y216" s="137"/>
      <c r="Z216" s="137"/>
      <c r="AA216" s="137"/>
      <c r="AB216" s="137"/>
      <c r="AC216" s="137"/>
      <c r="AD216" s="137"/>
      <c r="AE216" s="137"/>
      <c r="AF216" s="137"/>
    </row>
    <row r="217" spans="3:32" x14ac:dyDescent="0.2">
      <c r="C217" s="137"/>
      <c r="D217" s="137"/>
      <c r="E217" s="137"/>
      <c r="F217" s="137"/>
      <c r="G217" s="137"/>
      <c r="H217" s="137"/>
      <c r="I217" s="137"/>
      <c r="J217" s="137"/>
      <c r="K217" s="137"/>
      <c r="L217" s="137"/>
      <c r="M217" s="137"/>
      <c r="N217" s="137"/>
      <c r="O217" s="137"/>
      <c r="P217" s="137"/>
      <c r="Q217" s="137"/>
      <c r="R217" s="137"/>
      <c r="S217" s="137"/>
      <c r="T217" s="137"/>
      <c r="U217" s="137"/>
      <c r="V217" s="137"/>
      <c r="W217" s="137"/>
      <c r="X217" s="137"/>
      <c r="Y217" s="137"/>
      <c r="Z217" s="137"/>
      <c r="AA217" s="137"/>
      <c r="AB217" s="137"/>
      <c r="AC217" s="137"/>
      <c r="AD217" s="137"/>
      <c r="AE217" s="137"/>
      <c r="AF217" s="137"/>
    </row>
    <row r="218" spans="3:32" x14ac:dyDescent="0.2">
      <c r="C218" s="137"/>
      <c r="D218" s="137"/>
      <c r="E218" s="137"/>
      <c r="F218" s="137"/>
      <c r="G218" s="137"/>
      <c r="H218" s="137"/>
      <c r="I218" s="137"/>
      <c r="J218" s="137"/>
      <c r="K218" s="137"/>
      <c r="L218" s="137"/>
      <c r="M218" s="137"/>
      <c r="N218" s="137"/>
      <c r="O218" s="137"/>
      <c r="P218" s="137"/>
      <c r="Q218" s="137"/>
      <c r="R218" s="137"/>
      <c r="S218" s="137"/>
      <c r="T218" s="137"/>
      <c r="U218" s="137"/>
      <c r="V218" s="137"/>
      <c r="W218" s="137"/>
      <c r="X218" s="137"/>
      <c r="Y218" s="137"/>
      <c r="Z218" s="137"/>
      <c r="AA218" s="137"/>
      <c r="AB218" s="137"/>
      <c r="AC218" s="137"/>
      <c r="AD218" s="137"/>
      <c r="AE218" s="137"/>
      <c r="AF218" s="137"/>
    </row>
    <row r="219" spans="3:32" x14ac:dyDescent="0.2">
      <c r="C219" s="137"/>
      <c r="D219" s="137"/>
      <c r="E219" s="137"/>
      <c r="F219" s="137"/>
      <c r="G219" s="137"/>
      <c r="H219" s="137"/>
      <c r="I219" s="137"/>
      <c r="J219" s="137"/>
      <c r="K219" s="137"/>
      <c r="L219" s="137"/>
      <c r="M219" s="137"/>
      <c r="N219" s="137"/>
      <c r="O219" s="137"/>
      <c r="P219" s="137"/>
      <c r="Q219" s="137"/>
      <c r="R219" s="137"/>
      <c r="S219" s="137"/>
      <c r="T219" s="137"/>
      <c r="U219" s="137"/>
      <c r="V219" s="137"/>
      <c r="W219" s="137"/>
      <c r="X219" s="137"/>
      <c r="Y219" s="137"/>
      <c r="Z219" s="137"/>
      <c r="AA219" s="137"/>
      <c r="AB219" s="137"/>
      <c r="AC219" s="137"/>
      <c r="AD219" s="137"/>
      <c r="AE219" s="137"/>
      <c r="AF219" s="137"/>
    </row>
  </sheetData>
  <mergeCells count="59">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138" customWidth="1"/>
    <col min="2" max="2" width="9.77734375" style="138" customWidth="1"/>
    <col min="3" max="5" width="7.88671875" style="137" customWidth="1"/>
    <col min="6" max="6" width="8.109375" style="137" customWidth="1"/>
    <col min="7" max="11" width="7.88671875" style="137" customWidth="1"/>
    <col min="12" max="13" width="8.77734375" style="137" customWidth="1"/>
    <col min="14" max="33" width="7.88671875" style="137" customWidth="1"/>
    <col min="34" max="34" width="9.109375" style="137" customWidth="1"/>
    <col min="35" max="35" width="8.44140625" style="137" customWidth="1"/>
    <col min="36" max="55" width="7.88671875" style="137" customWidth="1"/>
    <col min="56" max="56" width="9.109375" style="137" customWidth="1"/>
    <col min="57" max="57" width="8.44140625" style="137" customWidth="1"/>
    <col min="58" max="77" width="7.88671875" style="137" customWidth="1"/>
    <col min="78" max="78" width="9.109375" style="137" customWidth="1"/>
    <col min="79" max="79" width="8.44140625" style="137" customWidth="1"/>
    <col min="80" max="86" width="7.88671875" style="137" customWidth="1"/>
    <col min="87" max="102" width="9" style="137"/>
    <col min="103" max="148" width="9" style="138"/>
    <col min="149" max="149" width="7.77734375" style="138" customWidth="1"/>
    <col min="150" max="159" width="9" style="138"/>
    <col min="160" max="160" width="8.109375" style="138" customWidth="1"/>
    <col min="161" max="16384" width="9" style="138"/>
  </cols>
  <sheetData>
    <row r="1" spans="2:299" ht="24" customHeight="1" x14ac:dyDescent="0.2">
      <c r="B1" s="9" t="s">
        <v>119</v>
      </c>
      <c r="F1" s="464">
        <f>第１表!F2</f>
        <v>6</v>
      </c>
      <c r="G1" s="464"/>
      <c r="H1" s="43">
        <f>第１表!G2</f>
        <v>4</v>
      </c>
      <c r="I1" s="463">
        <f>H1</f>
        <v>4</v>
      </c>
      <c r="J1" s="463"/>
    </row>
    <row r="2" spans="2:299" ht="24" customHeight="1" thickBot="1" x14ac:dyDescent="0.25">
      <c r="B2" s="10" t="s">
        <v>127</v>
      </c>
    </row>
    <row r="3" spans="2:299" ht="21" customHeight="1" thickBot="1" x14ac:dyDescent="0.25">
      <c r="B3" s="450" t="s">
        <v>38</v>
      </c>
      <c r="C3" s="445" t="s">
        <v>96</v>
      </c>
      <c r="D3" s="445"/>
      <c r="E3" s="445"/>
      <c r="F3" s="445"/>
      <c r="G3" s="445"/>
      <c r="H3" s="445"/>
      <c r="I3" s="445"/>
      <c r="J3" s="445"/>
      <c r="K3" s="445"/>
      <c r="L3" s="445"/>
      <c r="M3" s="445"/>
      <c r="N3" s="445"/>
      <c r="O3" s="445"/>
      <c r="P3" s="445"/>
      <c r="Q3" s="445"/>
      <c r="R3" s="445"/>
      <c r="S3" s="445"/>
      <c r="T3" s="445"/>
      <c r="U3" s="445"/>
      <c r="V3" s="445"/>
      <c r="W3" s="445"/>
      <c r="X3" s="445"/>
      <c r="Y3" s="445"/>
      <c r="Z3" s="445"/>
      <c r="AA3" s="445"/>
      <c r="AB3" s="445"/>
      <c r="AC3" s="445"/>
      <c r="AD3" s="445"/>
      <c r="AE3" s="445"/>
      <c r="AF3" s="445"/>
      <c r="AG3" s="445"/>
      <c r="AH3" s="445"/>
      <c r="AI3" s="445"/>
      <c r="AJ3" s="445"/>
      <c r="AK3" s="445"/>
      <c r="AL3" s="445"/>
      <c r="AM3" s="445"/>
      <c r="AN3" s="445"/>
      <c r="AO3" s="445"/>
      <c r="AP3" s="445"/>
      <c r="AQ3" s="445"/>
      <c r="AR3" s="445"/>
      <c r="AS3" s="445"/>
      <c r="AT3" s="445"/>
      <c r="AU3" s="445"/>
      <c r="AV3" s="445"/>
      <c r="AW3" s="445"/>
      <c r="AX3" s="445"/>
      <c r="AY3" s="445"/>
      <c r="AZ3" s="445"/>
      <c r="BA3" s="445"/>
      <c r="BB3" s="445"/>
      <c r="BC3" s="445"/>
      <c r="BD3" s="445"/>
      <c r="BE3" s="445"/>
      <c r="BF3" s="445"/>
      <c r="BG3" s="445"/>
      <c r="BH3" s="445"/>
      <c r="BI3" s="445"/>
      <c r="BJ3" s="445"/>
      <c r="BK3" s="445"/>
      <c r="BL3" s="445"/>
      <c r="BM3" s="445"/>
      <c r="BN3" s="445"/>
      <c r="BO3" s="445"/>
      <c r="BP3" s="445"/>
      <c r="BQ3" s="445"/>
      <c r="BR3" s="445"/>
      <c r="BS3" s="445"/>
      <c r="BT3" s="445"/>
      <c r="BU3" s="445"/>
      <c r="BV3" s="445"/>
      <c r="BW3" s="445"/>
      <c r="BX3" s="445"/>
      <c r="BY3" s="445"/>
      <c r="BZ3" s="445"/>
      <c r="CA3" s="445"/>
      <c r="CB3" s="445"/>
      <c r="CC3" s="445"/>
      <c r="CD3" s="445"/>
      <c r="CE3" s="445"/>
      <c r="CF3" s="445"/>
      <c r="CG3" s="445"/>
      <c r="CH3" s="445"/>
      <c r="CI3" s="445"/>
      <c r="CJ3" s="445"/>
      <c r="CK3" s="445"/>
      <c r="CL3" s="445"/>
      <c r="CM3" s="445"/>
      <c r="CN3" s="445"/>
      <c r="CO3" s="445"/>
      <c r="CP3" s="445"/>
      <c r="CQ3" s="445"/>
      <c r="CR3" s="445"/>
      <c r="CS3" s="445"/>
      <c r="CT3" s="445"/>
      <c r="CU3" s="445"/>
      <c r="CV3" s="445"/>
      <c r="CW3" s="446"/>
      <c r="CX3" s="445" t="s">
        <v>102</v>
      </c>
      <c r="CY3" s="445"/>
      <c r="CZ3" s="445"/>
      <c r="DA3" s="445"/>
      <c r="DB3" s="445"/>
      <c r="DC3" s="445"/>
      <c r="DD3" s="445"/>
      <c r="DE3" s="445"/>
      <c r="DF3" s="445"/>
      <c r="DG3" s="445"/>
      <c r="DH3" s="445"/>
      <c r="DI3" s="445"/>
      <c r="DJ3" s="445"/>
      <c r="DK3" s="445"/>
      <c r="DL3" s="445"/>
      <c r="DM3" s="445"/>
      <c r="DN3" s="445"/>
      <c r="DO3" s="445"/>
      <c r="DP3" s="445"/>
      <c r="DQ3" s="445"/>
      <c r="DR3" s="445"/>
      <c r="DS3" s="445"/>
      <c r="DT3" s="445"/>
      <c r="DU3" s="445"/>
      <c r="DV3" s="445"/>
      <c r="DW3" s="445"/>
      <c r="DX3" s="445"/>
      <c r="DY3" s="445"/>
      <c r="DZ3" s="445"/>
      <c r="EA3" s="445"/>
      <c r="EB3" s="445"/>
      <c r="EC3" s="445"/>
      <c r="ED3" s="445"/>
      <c r="EE3" s="445"/>
      <c r="EF3" s="445"/>
      <c r="EG3" s="445"/>
      <c r="EH3" s="445"/>
      <c r="EI3" s="445"/>
      <c r="EJ3" s="445"/>
      <c r="EK3" s="445"/>
      <c r="EL3" s="445"/>
      <c r="EM3" s="445"/>
      <c r="EN3" s="445"/>
      <c r="EO3" s="445"/>
      <c r="EP3" s="445"/>
      <c r="EQ3" s="445"/>
      <c r="ER3" s="445"/>
      <c r="ES3" s="445"/>
      <c r="ET3" s="445"/>
      <c r="EU3" s="445"/>
      <c r="EV3" s="445"/>
      <c r="EW3" s="445"/>
      <c r="EX3" s="445"/>
      <c r="EY3" s="445"/>
      <c r="EZ3" s="445"/>
      <c r="FA3" s="445"/>
      <c r="FB3" s="445"/>
      <c r="FC3" s="445"/>
      <c r="FD3" s="445"/>
      <c r="FE3" s="445"/>
      <c r="FF3" s="445"/>
      <c r="FG3" s="445"/>
      <c r="FH3" s="445"/>
      <c r="FI3" s="445"/>
      <c r="FJ3" s="445"/>
      <c r="FK3" s="445"/>
      <c r="FL3" s="445"/>
      <c r="FM3" s="445"/>
      <c r="FN3" s="445"/>
      <c r="FO3" s="445"/>
      <c r="FP3" s="445"/>
      <c r="FQ3" s="445"/>
      <c r="FR3" s="445"/>
      <c r="FS3" s="445"/>
      <c r="FT3" s="445"/>
      <c r="FU3" s="445"/>
      <c r="FV3" s="445"/>
      <c r="FW3" s="445"/>
      <c r="FX3" s="445"/>
      <c r="FY3" s="445"/>
      <c r="FZ3" s="445"/>
      <c r="GA3" s="445"/>
      <c r="GB3" s="445"/>
      <c r="GC3" s="445"/>
      <c r="GD3" s="445"/>
      <c r="GE3" s="445"/>
      <c r="GF3" s="445"/>
      <c r="GG3" s="445"/>
      <c r="GH3" s="445"/>
      <c r="GI3" s="445"/>
      <c r="GJ3" s="445"/>
      <c r="GK3" s="445"/>
      <c r="GL3" s="445"/>
      <c r="GM3" s="445"/>
      <c r="GN3" s="445"/>
      <c r="GO3" s="445"/>
      <c r="GP3" s="445"/>
      <c r="GQ3" s="445"/>
      <c r="GR3" s="446"/>
      <c r="GS3" s="445" t="s">
        <v>103</v>
      </c>
      <c r="GT3" s="445"/>
      <c r="GU3" s="445"/>
      <c r="GV3" s="445"/>
      <c r="GW3" s="445"/>
      <c r="GX3" s="445"/>
      <c r="GY3" s="445"/>
      <c r="GZ3" s="445"/>
      <c r="HA3" s="445"/>
      <c r="HB3" s="445"/>
      <c r="HC3" s="445"/>
      <c r="HD3" s="445"/>
      <c r="HE3" s="445"/>
      <c r="HF3" s="445"/>
      <c r="HG3" s="445"/>
      <c r="HH3" s="445"/>
      <c r="HI3" s="445"/>
      <c r="HJ3" s="445"/>
      <c r="HK3" s="445"/>
      <c r="HL3" s="445"/>
      <c r="HM3" s="445"/>
      <c r="HN3" s="445"/>
      <c r="HO3" s="445"/>
      <c r="HP3" s="445"/>
      <c r="HQ3" s="445"/>
      <c r="HR3" s="445"/>
      <c r="HS3" s="445"/>
      <c r="HT3" s="445"/>
      <c r="HU3" s="445"/>
      <c r="HV3" s="445"/>
      <c r="HW3" s="445"/>
      <c r="HX3" s="445"/>
      <c r="HY3" s="445"/>
      <c r="HZ3" s="445"/>
      <c r="IA3" s="445"/>
      <c r="IB3" s="445"/>
      <c r="IC3" s="445"/>
      <c r="ID3" s="445"/>
      <c r="IE3" s="445"/>
      <c r="IF3" s="445"/>
      <c r="IG3" s="445"/>
      <c r="IH3" s="445"/>
      <c r="II3" s="445"/>
      <c r="IJ3" s="445"/>
      <c r="IK3" s="445"/>
      <c r="IL3" s="445"/>
      <c r="IM3" s="445"/>
      <c r="IN3" s="445"/>
      <c r="IO3" s="445"/>
      <c r="IP3" s="445"/>
      <c r="IQ3" s="445"/>
      <c r="IR3" s="445"/>
      <c r="IS3" s="445"/>
      <c r="IT3" s="445"/>
      <c r="IU3" s="445"/>
      <c r="IV3" s="445"/>
      <c r="IW3" s="445"/>
      <c r="IX3" s="445"/>
      <c r="IY3" s="445"/>
      <c r="IZ3" s="445"/>
      <c r="JA3" s="445"/>
      <c r="JB3" s="445"/>
      <c r="JC3" s="445"/>
      <c r="JD3" s="445"/>
      <c r="JE3" s="445"/>
      <c r="JF3" s="445"/>
      <c r="JG3" s="445"/>
      <c r="JH3" s="445"/>
      <c r="JI3" s="445"/>
      <c r="JJ3" s="445"/>
      <c r="JK3" s="445"/>
      <c r="JL3" s="445"/>
      <c r="JM3" s="445"/>
      <c r="JN3" s="445"/>
      <c r="JO3" s="445"/>
      <c r="JP3" s="445"/>
      <c r="JQ3" s="445"/>
      <c r="JR3" s="445"/>
      <c r="JS3" s="445"/>
      <c r="JT3" s="445"/>
      <c r="JU3" s="445"/>
      <c r="JV3" s="445"/>
      <c r="JW3" s="445"/>
      <c r="JX3" s="445"/>
      <c r="JY3" s="445"/>
      <c r="JZ3" s="445"/>
      <c r="KA3" s="445"/>
      <c r="KB3" s="445"/>
      <c r="KC3" s="445"/>
      <c r="KD3" s="445"/>
      <c r="KE3" s="445"/>
      <c r="KF3" s="445"/>
      <c r="KG3" s="445"/>
      <c r="KH3" s="445"/>
      <c r="KI3" s="445"/>
      <c r="KJ3" s="445"/>
      <c r="KK3" s="445"/>
      <c r="KL3" s="445"/>
      <c r="KM3" s="446"/>
    </row>
    <row r="4" spans="2:299" ht="21" customHeight="1" thickBot="1" x14ac:dyDescent="0.25">
      <c r="B4" s="462"/>
      <c r="C4" s="447" t="s">
        <v>39</v>
      </c>
      <c r="D4" s="448"/>
      <c r="E4" s="448"/>
      <c r="F4" s="448"/>
      <c r="G4" s="448"/>
      <c r="H4" s="448"/>
      <c r="I4" s="448"/>
      <c r="J4" s="448"/>
      <c r="K4" s="448"/>
      <c r="L4" s="448"/>
      <c r="M4" s="448"/>
      <c r="N4" s="448"/>
      <c r="O4" s="448"/>
      <c r="P4" s="448"/>
      <c r="Q4" s="448"/>
      <c r="R4" s="448"/>
      <c r="S4" s="448"/>
      <c r="T4" s="448"/>
      <c r="U4" s="448"/>
      <c r="V4" s="448"/>
      <c r="W4" s="448"/>
      <c r="X4" s="448"/>
      <c r="Y4" s="448"/>
      <c r="Z4" s="448"/>
      <c r="AA4" s="448"/>
      <c r="AB4" s="448"/>
      <c r="AC4" s="448"/>
      <c r="AD4" s="448"/>
      <c r="AE4" s="448"/>
      <c r="AF4" s="448"/>
      <c r="AG4" s="448"/>
      <c r="AH4" s="448"/>
      <c r="AI4" s="448"/>
      <c r="AJ4" s="448"/>
      <c r="AK4" s="448"/>
      <c r="AL4" s="448"/>
      <c r="AM4" s="448"/>
      <c r="AN4" s="448"/>
      <c r="AO4" s="448"/>
      <c r="AP4" s="448"/>
      <c r="AQ4" s="448"/>
      <c r="AR4" s="448"/>
      <c r="AS4" s="448"/>
      <c r="AT4" s="448"/>
      <c r="AU4" s="448"/>
      <c r="AV4" s="448"/>
      <c r="AW4" s="448"/>
      <c r="AX4" s="448"/>
      <c r="AY4" s="448"/>
      <c r="AZ4" s="448"/>
      <c r="BA4" s="448"/>
      <c r="BB4" s="448"/>
      <c r="BC4" s="448"/>
      <c r="BD4" s="448"/>
      <c r="BE4" s="448"/>
      <c r="BF4" s="448"/>
      <c r="BG4" s="448"/>
      <c r="BH4" s="448"/>
      <c r="BI4" s="448"/>
      <c r="BJ4" s="448"/>
      <c r="BK4" s="448"/>
      <c r="BL4" s="448"/>
      <c r="BM4" s="448"/>
      <c r="BN4" s="448"/>
      <c r="BO4" s="448"/>
      <c r="BP4" s="448"/>
      <c r="BQ4" s="448"/>
      <c r="BR4" s="448"/>
      <c r="BS4" s="448"/>
      <c r="BT4" s="448"/>
      <c r="BU4" s="448"/>
      <c r="BV4" s="448"/>
      <c r="BW4" s="448"/>
      <c r="BX4" s="448"/>
      <c r="BY4" s="448"/>
      <c r="BZ4" s="448"/>
      <c r="CA4" s="449"/>
      <c r="CB4" s="450" t="s">
        <v>40</v>
      </c>
      <c r="CC4" s="451"/>
      <c r="CD4" s="451"/>
      <c r="CE4" s="451"/>
      <c r="CF4" s="451"/>
      <c r="CG4" s="451"/>
      <c r="CH4" s="451"/>
      <c r="CI4" s="451"/>
      <c r="CJ4" s="451"/>
      <c r="CK4" s="451"/>
      <c r="CL4" s="452"/>
      <c r="CM4" s="450" t="s">
        <v>41</v>
      </c>
      <c r="CN4" s="451"/>
      <c r="CO4" s="451"/>
      <c r="CP4" s="451"/>
      <c r="CQ4" s="451"/>
      <c r="CR4" s="451"/>
      <c r="CS4" s="451"/>
      <c r="CT4" s="451"/>
      <c r="CU4" s="451"/>
      <c r="CV4" s="451"/>
      <c r="CW4" s="452"/>
      <c r="CX4" s="447" t="s">
        <v>39</v>
      </c>
      <c r="CY4" s="448"/>
      <c r="CZ4" s="448"/>
      <c r="DA4" s="448"/>
      <c r="DB4" s="448"/>
      <c r="DC4" s="448"/>
      <c r="DD4" s="448"/>
      <c r="DE4" s="448"/>
      <c r="DF4" s="448"/>
      <c r="DG4" s="448"/>
      <c r="DH4" s="448"/>
      <c r="DI4" s="448"/>
      <c r="DJ4" s="448"/>
      <c r="DK4" s="448"/>
      <c r="DL4" s="448"/>
      <c r="DM4" s="448"/>
      <c r="DN4" s="448"/>
      <c r="DO4" s="448"/>
      <c r="DP4" s="448"/>
      <c r="DQ4" s="448"/>
      <c r="DR4" s="448"/>
      <c r="DS4" s="448"/>
      <c r="DT4" s="448"/>
      <c r="DU4" s="448"/>
      <c r="DV4" s="448"/>
      <c r="DW4" s="448"/>
      <c r="DX4" s="448"/>
      <c r="DY4" s="448"/>
      <c r="DZ4" s="448"/>
      <c r="EA4" s="448"/>
      <c r="EB4" s="448"/>
      <c r="EC4" s="448"/>
      <c r="ED4" s="448"/>
      <c r="EE4" s="448"/>
      <c r="EF4" s="448"/>
      <c r="EG4" s="448"/>
      <c r="EH4" s="448"/>
      <c r="EI4" s="448"/>
      <c r="EJ4" s="448"/>
      <c r="EK4" s="448"/>
      <c r="EL4" s="448"/>
      <c r="EM4" s="448"/>
      <c r="EN4" s="448"/>
      <c r="EO4" s="448"/>
      <c r="EP4" s="448"/>
      <c r="EQ4" s="448"/>
      <c r="ER4" s="448"/>
      <c r="ES4" s="448"/>
      <c r="ET4" s="448"/>
      <c r="EU4" s="448"/>
      <c r="EV4" s="448"/>
      <c r="EW4" s="448"/>
      <c r="EX4" s="448"/>
      <c r="EY4" s="448"/>
      <c r="EZ4" s="448"/>
      <c r="FA4" s="448"/>
      <c r="FB4" s="448"/>
      <c r="FC4" s="448"/>
      <c r="FD4" s="448"/>
      <c r="FE4" s="448"/>
      <c r="FF4" s="448"/>
      <c r="FG4" s="448"/>
      <c r="FH4" s="448"/>
      <c r="FI4" s="448"/>
      <c r="FJ4" s="448"/>
      <c r="FK4" s="448"/>
      <c r="FL4" s="448"/>
      <c r="FM4" s="448"/>
      <c r="FN4" s="448"/>
      <c r="FO4" s="448"/>
      <c r="FP4" s="448"/>
      <c r="FQ4" s="448"/>
      <c r="FR4" s="448"/>
      <c r="FS4" s="448"/>
      <c r="FT4" s="448"/>
      <c r="FU4" s="448"/>
      <c r="FV4" s="449"/>
      <c r="FW4" s="450" t="s">
        <v>40</v>
      </c>
      <c r="FX4" s="451"/>
      <c r="FY4" s="451"/>
      <c r="FZ4" s="451"/>
      <c r="GA4" s="451"/>
      <c r="GB4" s="451"/>
      <c r="GC4" s="451"/>
      <c r="GD4" s="451"/>
      <c r="GE4" s="451"/>
      <c r="GF4" s="451"/>
      <c r="GG4" s="452"/>
      <c r="GH4" s="450" t="s">
        <v>41</v>
      </c>
      <c r="GI4" s="451"/>
      <c r="GJ4" s="451"/>
      <c r="GK4" s="451"/>
      <c r="GL4" s="451"/>
      <c r="GM4" s="451"/>
      <c r="GN4" s="451"/>
      <c r="GO4" s="451"/>
      <c r="GP4" s="451"/>
      <c r="GQ4" s="451"/>
      <c r="GR4" s="452"/>
      <c r="GS4" s="447" t="s">
        <v>39</v>
      </c>
      <c r="GT4" s="448"/>
      <c r="GU4" s="448"/>
      <c r="GV4" s="448"/>
      <c r="GW4" s="448"/>
      <c r="GX4" s="448"/>
      <c r="GY4" s="448"/>
      <c r="GZ4" s="448"/>
      <c r="HA4" s="448"/>
      <c r="HB4" s="448"/>
      <c r="HC4" s="448"/>
      <c r="HD4" s="448"/>
      <c r="HE4" s="448"/>
      <c r="HF4" s="448"/>
      <c r="HG4" s="448"/>
      <c r="HH4" s="448"/>
      <c r="HI4" s="448"/>
      <c r="HJ4" s="448"/>
      <c r="HK4" s="448"/>
      <c r="HL4" s="448"/>
      <c r="HM4" s="448"/>
      <c r="HN4" s="448"/>
      <c r="HO4" s="448"/>
      <c r="HP4" s="448"/>
      <c r="HQ4" s="448"/>
      <c r="HR4" s="448"/>
      <c r="HS4" s="448"/>
      <c r="HT4" s="448"/>
      <c r="HU4" s="448"/>
      <c r="HV4" s="448"/>
      <c r="HW4" s="448"/>
      <c r="HX4" s="448"/>
      <c r="HY4" s="448"/>
      <c r="HZ4" s="448"/>
      <c r="IA4" s="448"/>
      <c r="IB4" s="448"/>
      <c r="IC4" s="448"/>
      <c r="ID4" s="448"/>
      <c r="IE4" s="448"/>
      <c r="IF4" s="448"/>
      <c r="IG4" s="448"/>
      <c r="IH4" s="448"/>
      <c r="II4" s="448"/>
      <c r="IJ4" s="448"/>
      <c r="IK4" s="448"/>
      <c r="IL4" s="448"/>
      <c r="IM4" s="448"/>
      <c r="IN4" s="448"/>
      <c r="IO4" s="448"/>
      <c r="IP4" s="448"/>
      <c r="IQ4" s="448"/>
      <c r="IR4" s="448"/>
      <c r="IS4" s="448"/>
      <c r="IT4" s="448"/>
      <c r="IU4" s="448"/>
      <c r="IV4" s="448"/>
      <c r="IW4" s="448"/>
      <c r="IX4" s="448"/>
      <c r="IY4" s="448"/>
      <c r="IZ4" s="448"/>
      <c r="JA4" s="448"/>
      <c r="JB4" s="448"/>
      <c r="JC4" s="448"/>
      <c r="JD4" s="448"/>
      <c r="JE4" s="448"/>
      <c r="JF4" s="448"/>
      <c r="JG4" s="448"/>
      <c r="JH4" s="448"/>
      <c r="JI4" s="448"/>
      <c r="JJ4" s="448"/>
      <c r="JK4" s="448"/>
      <c r="JL4" s="448"/>
      <c r="JM4" s="448"/>
      <c r="JN4" s="448"/>
      <c r="JO4" s="448"/>
      <c r="JP4" s="448"/>
      <c r="JQ4" s="449"/>
      <c r="JR4" s="450" t="s">
        <v>40</v>
      </c>
      <c r="JS4" s="451"/>
      <c r="JT4" s="451"/>
      <c r="JU4" s="451"/>
      <c r="JV4" s="451"/>
      <c r="JW4" s="451"/>
      <c r="JX4" s="451"/>
      <c r="JY4" s="451"/>
      <c r="JZ4" s="451"/>
      <c r="KA4" s="451"/>
      <c r="KB4" s="452"/>
      <c r="KC4" s="450" t="s">
        <v>41</v>
      </c>
      <c r="KD4" s="451"/>
      <c r="KE4" s="451"/>
      <c r="KF4" s="451"/>
      <c r="KG4" s="451"/>
      <c r="KH4" s="451"/>
      <c r="KI4" s="451"/>
      <c r="KJ4" s="451"/>
      <c r="KK4" s="451"/>
      <c r="KL4" s="451"/>
      <c r="KM4" s="452"/>
    </row>
    <row r="5" spans="2:299" ht="21" customHeight="1" thickBot="1" x14ac:dyDescent="0.25">
      <c r="B5" s="456"/>
      <c r="C5" s="456"/>
      <c r="D5" s="457"/>
      <c r="E5" s="457"/>
      <c r="F5" s="457"/>
      <c r="G5" s="457"/>
      <c r="H5" s="457"/>
      <c r="I5" s="457"/>
      <c r="J5" s="457"/>
      <c r="K5" s="457"/>
      <c r="L5" s="457"/>
      <c r="M5" s="458"/>
      <c r="N5" s="459" t="s">
        <v>97</v>
      </c>
      <c r="O5" s="460"/>
      <c r="P5" s="460"/>
      <c r="Q5" s="460"/>
      <c r="R5" s="460"/>
      <c r="S5" s="460"/>
      <c r="T5" s="460"/>
      <c r="U5" s="460"/>
      <c r="V5" s="460"/>
      <c r="W5" s="460"/>
      <c r="X5" s="461"/>
      <c r="Y5" s="459" t="s">
        <v>98</v>
      </c>
      <c r="Z5" s="460"/>
      <c r="AA5" s="460"/>
      <c r="AB5" s="460"/>
      <c r="AC5" s="460"/>
      <c r="AD5" s="460"/>
      <c r="AE5" s="460"/>
      <c r="AF5" s="460"/>
      <c r="AG5" s="460"/>
      <c r="AH5" s="460"/>
      <c r="AI5" s="461"/>
      <c r="AJ5" s="459" t="s">
        <v>99</v>
      </c>
      <c r="AK5" s="460"/>
      <c r="AL5" s="460"/>
      <c r="AM5" s="460"/>
      <c r="AN5" s="460"/>
      <c r="AO5" s="460"/>
      <c r="AP5" s="460"/>
      <c r="AQ5" s="460"/>
      <c r="AR5" s="460"/>
      <c r="AS5" s="460"/>
      <c r="AT5" s="461"/>
      <c r="AU5" s="459" t="s">
        <v>100</v>
      </c>
      <c r="AV5" s="460"/>
      <c r="AW5" s="460"/>
      <c r="AX5" s="460"/>
      <c r="AY5" s="460"/>
      <c r="AZ5" s="460"/>
      <c r="BA5" s="460"/>
      <c r="BB5" s="460"/>
      <c r="BC5" s="460"/>
      <c r="BD5" s="460"/>
      <c r="BE5" s="461"/>
      <c r="BF5" s="459" t="s">
        <v>162</v>
      </c>
      <c r="BG5" s="460"/>
      <c r="BH5" s="460"/>
      <c r="BI5" s="460"/>
      <c r="BJ5" s="460"/>
      <c r="BK5" s="460"/>
      <c r="BL5" s="460"/>
      <c r="BM5" s="460"/>
      <c r="BN5" s="460"/>
      <c r="BO5" s="460"/>
      <c r="BP5" s="461"/>
      <c r="BQ5" s="459" t="s">
        <v>101</v>
      </c>
      <c r="BR5" s="460"/>
      <c r="BS5" s="460"/>
      <c r="BT5" s="460"/>
      <c r="BU5" s="460"/>
      <c r="BV5" s="460"/>
      <c r="BW5" s="460"/>
      <c r="BX5" s="460"/>
      <c r="BY5" s="460"/>
      <c r="BZ5" s="460"/>
      <c r="CA5" s="461"/>
      <c r="CB5" s="453"/>
      <c r="CC5" s="454"/>
      <c r="CD5" s="454"/>
      <c r="CE5" s="454"/>
      <c r="CF5" s="454"/>
      <c r="CG5" s="454"/>
      <c r="CH5" s="454"/>
      <c r="CI5" s="454"/>
      <c r="CJ5" s="454"/>
      <c r="CK5" s="454"/>
      <c r="CL5" s="455"/>
      <c r="CM5" s="453"/>
      <c r="CN5" s="454"/>
      <c r="CO5" s="454"/>
      <c r="CP5" s="454"/>
      <c r="CQ5" s="454"/>
      <c r="CR5" s="454"/>
      <c r="CS5" s="454"/>
      <c r="CT5" s="454"/>
      <c r="CU5" s="454"/>
      <c r="CV5" s="454"/>
      <c r="CW5" s="455"/>
      <c r="CX5" s="456"/>
      <c r="CY5" s="457"/>
      <c r="CZ5" s="457"/>
      <c r="DA5" s="457"/>
      <c r="DB5" s="457"/>
      <c r="DC5" s="457"/>
      <c r="DD5" s="457"/>
      <c r="DE5" s="457"/>
      <c r="DF5" s="457"/>
      <c r="DG5" s="457"/>
      <c r="DH5" s="458"/>
      <c r="DI5" s="459" t="s">
        <v>97</v>
      </c>
      <c r="DJ5" s="460"/>
      <c r="DK5" s="460"/>
      <c r="DL5" s="460"/>
      <c r="DM5" s="460"/>
      <c r="DN5" s="460"/>
      <c r="DO5" s="460"/>
      <c r="DP5" s="460"/>
      <c r="DQ5" s="460"/>
      <c r="DR5" s="460"/>
      <c r="DS5" s="461"/>
      <c r="DT5" s="459" t="s">
        <v>98</v>
      </c>
      <c r="DU5" s="460"/>
      <c r="DV5" s="460"/>
      <c r="DW5" s="460"/>
      <c r="DX5" s="460"/>
      <c r="DY5" s="460"/>
      <c r="DZ5" s="460"/>
      <c r="EA5" s="460"/>
      <c r="EB5" s="460"/>
      <c r="EC5" s="460"/>
      <c r="ED5" s="461"/>
      <c r="EE5" s="459" t="s">
        <v>99</v>
      </c>
      <c r="EF5" s="460"/>
      <c r="EG5" s="460"/>
      <c r="EH5" s="460"/>
      <c r="EI5" s="460"/>
      <c r="EJ5" s="460"/>
      <c r="EK5" s="460"/>
      <c r="EL5" s="460"/>
      <c r="EM5" s="460"/>
      <c r="EN5" s="460"/>
      <c r="EO5" s="461"/>
      <c r="EP5" s="459" t="s">
        <v>100</v>
      </c>
      <c r="EQ5" s="460"/>
      <c r="ER5" s="460"/>
      <c r="ES5" s="460"/>
      <c r="ET5" s="460"/>
      <c r="EU5" s="460"/>
      <c r="EV5" s="460"/>
      <c r="EW5" s="460"/>
      <c r="EX5" s="460"/>
      <c r="EY5" s="460"/>
      <c r="EZ5" s="461"/>
      <c r="FA5" s="459" t="s">
        <v>162</v>
      </c>
      <c r="FB5" s="460"/>
      <c r="FC5" s="460"/>
      <c r="FD5" s="460"/>
      <c r="FE5" s="460"/>
      <c r="FF5" s="460"/>
      <c r="FG5" s="460"/>
      <c r="FH5" s="460"/>
      <c r="FI5" s="460"/>
      <c r="FJ5" s="460"/>
      <c r="FK5" s="461"/>
      <c r="FL5" s="459" t="s">
        <v>101</v>
      </c>
      <c r="FM5" s="460"/>
      <c r="FN5" s="460"/>
      <c r="FO5" s="460"/>
      <c r="FP5" s="460"/>
      <c r="FQ5" s="460"/>
      <c r="FR5" s="460"/>
      <c r="FS5" s="460"/>
      <c r="FT5" s="460"/>
      <c r="FU5" s="460"/>
      <c r="FV5" s="461"/>
      <c r="FW5" s="453"/>
      <c r="FX5" s="454"/>
      <c r="FY5" s="454"/>
      <c r="FZ5" s="454"/>
      <c r="GA5" s="454"/>
      <c r="GB5" s="454"/>
      <c r="GC5" s="454"/>
      <c r="GD5" s="454"/>
      <c r="GE5" s="454"/>
      <c r="GF5" s="454"/>
      <c r="GG5" s="455"/>
      <c r="GH5" s="453"/>
      <c r="GI5" s="454"/>
      <c r="GJ5" s="454"/>
      <c r="GK5" s="454"/>
      <c r="GL5" s="454"/>
      <c r="GM5" s="454"/>
      <c r="GN5" s="454"/>
      <c r="GO5" s="454"/>
      <c r="GP5" s="454"/>
      <c r="GQ5" s="454"/>
      <c r="GR5" s="455"/>
      <c r="GS5" s="456"/>
      <c r="GT5" s="457"/>
      <c r="GU5" s="457"/>
      <c r="GV5" s="457"/>
      <c r="GW5" s="457"/>
      <c r="GX5" s="457"/>
      <c r="GY5" s="457"/>
      <c r="GZ5" s="457"/>
      <c r="HA5" s="457"/>
      <c r="HB5" s="457"/>
      <c r="HC5" s="458"/>
      <c r="HD5" s="459" t="s">
        <v>97</v>
      </c>
      <c r="HE5" s="460"/>
      <c r="HF5" s="460"/>
      <c r="HG5" s="460"/>
      <c r="HH5" s="460"/>
      <c r="HI5" s="460"/>
      <c r="HJ5" s="460"/>
      <c r="HK5" s="460"/>
      <c r="HL5" s="460"/>
      <c r="HM5" s="460"/>
      <c r="HN5" s="461"/>
      <c r="HO5" s="459" t="s">
        <v>98</v>
      </c>
      <c r="HP5" s="460"/>
      <c r="HQ5" s="460"/>
      <c r="HR5" s="460"/>
      <c r="HS5" s="460"/>
      <c r="HT5" s="460"/>
      <c r="HU5" s="460"/>
      <c r="HV5" s="460"/>
      <c r="HW5" s="460"/>
      <c r="HX5" s="460"/>
      <c r="HY5" s="461"/>
      <c r="HZ5" s="459" t="s">
        <v>99</v>
      </c>
      <c r="IA5" s="460"/>
      <c r="IB5" s="460"/>
      <c r="IC5" s="460"/>
      <c r="ID5" s="460"/>
      <c r="IE5" s="460"/>
      <c r="IF5" s="460"/>
      <c r="IG5" s="460"/>
      <c r="IH5" s="460"/>
      <c r="II5" s="460"/>
      <c r="IJ5" s="461"/>
      <c r="IK5" s="459" t="s">
        <v>100</v>
      </c>
      <c r="IL5" s="460"/>
      <c r="IM5" s="460"/>
      <c r="IN5" s="460"/>
      <c r="IO5" s="460"/>
      <c r="IP5" s="460"/>
      <c r="IQ5" s="460"/>
      <c r="IR5" s="460"/>
      <c r="IS5" s="460"/>
      <c r="IT5" s="460"/>
      <c r="IU5" s="461"/>
      <c r="IV5" s="459" t="s">
        <v>162</v>
      </c>
      <c r="IW5" s="460"/>
      <c r="IX5" s="460"/>
      <c r="IY5" s="460"/>
      <c r="IZ5" s="460"/>
      <c r="JA5" s="460"/>
      <c r="JB5" s="460"/>
      <c r="JC5" s="460"/>
      <c r="JD5" s="460"/>
      <c r="JE5" s="460"/>
      <c r="JF5" s="461"/>
      <c r="JG5" s="459" t="s">
        <v>101</v>
      </c>
      <c r="JH5" s="460"/>
      <c r="JI5" s="460"/>
      <c r="JJ5" s="460"/>
      <c r="JK5" s="460"/>
      <c r="JL5" s="460"/>
      <c r="JM5" s="460"/>
      <c r="JN5" s="460"/>
      <c r="JO5" s="460"/>
      <c r="JP5" s="460"/>
      <c r="JQ5" s="461"/>
      <c r="JR5" s="453"/>
      <c r="JS5" s="454"/>
      <c r="JT5" s="454"/>
      <c r="JU5" s="454"/>
      <c r="JV5" s="454"/>
      <c r="JW5" s="454"/>
      <c r="JX5" s="454"/>
      <c r="JY5" s="454"/>
      <c r="JZ5" s="454"/>
      <c r="KA5" s="454"/>
      <c r="KB5" s="455"/>
      <c r="KC5" s="453"/>
      <c r="KD5" s="454"/>
      <c r="KE5" s="454"/>
      <c r="KF5" s="454"/>
      <c r="KG5" s="454"/>
      <c r="KH5" s="454"/>
      <c r="KI5" s="454"/>
      <c r="KJ5" s="454"/>
      <c r="KK5" s="454"/>
      <c r="KL5" s="454"/>
      <c r="KM5" s="455"/>
    </row>
    <row r="6" spans="2:299" ht="30" customHeight="1" thickBot="1" x14ac:dyDescent="0.25">
      <c r="B6" s="139" t="s">
        <v>42</v>
      </c>
      <c r="C6" s="140" t="s">
        <v>43</v>
      </c>
      <c r="D6" s="141" t="s">
        <v>44</v>
      </c>
      <c r="E6" s="142" t="s">
        <v>45</v>
      </c>
      <c r="F6" s="143" t="s">
        <v>46</v>
      </c>
      <c r="G6" s="141" t="s">
        <v>47</v>
      </c>
      <c r="H6" s="141" t="s">
        <v>48</v>
      </c>
      <c r="I6" s="141" t="s">
        <v>49</v>
      </c>
      <c r="J6" s="141" t="s">
        <v>50</v>
      </c>
      <c r="K6" s="141" t="s">
        <v>51</v>
      </c>
      <c r="L6" s="142" t="s">
        <v>45</v>
      </c>
      <c r="M6" s="144" t="s">
        <v>52</v>
      </c>
      <c r="N6" s="145" t="s">
        <v>43</v>
      </c>
      <c r="O6" s="146" t="s">
        <v>44</v>
      </c>
      <c r="P6" s="147" t="s">
        <v>45</v>
      </c>
      <c r="Q6" s="148" t="s">
        <v>46</v>
      </c>
      <c r="R6" s="146" t="s">
        <v>47</v>
      </c>
      <c r="S6" s="146" t="s">
        <v>48</v>
      </c>
      <c r="T6" s="146" t="s">
        <v>49</v>
      </c>
      <c r="U6" s="146" t="s">
        <v>50</v>
      </c>
      <c r="V6" s="146" t="s">
        <v>51</v>
      </c>
      <c r="W6" s="147" t="s">
        <v>45</v>
      </c>
      <c r="X6" s="149" t="s">
        <v>52</v>
      </c>
      <c r="Y6" s="145" t="s">
        <v>43</v>
      </c>
      <c r="Z6" s="146" t="s">
        <v>44</v>
      </c>
      <c r="AA6" s="147" t="s">
        <v>45</v>
      </c>
      <c r="AB6" s="148" t="s">
        <v>46</v>
      </c>
      <c r="AC6" s="146" t="s">
        <v>47</v>
      </c>
      <c r="AD6" s="146" t="s">
        <v>48</v>
      </c>
      <c r="AE6" s="146" t="s">
        <v>49</v>
      </c>
      <c r="AF6" s="146" t="s">
        <v>50</v>
      </c>
      <c r="AG6" s="146" t="s">
        <v>51</v>
      </c>
      <c r="AH6" s="147" t="s">
        <v>45</v>
      </c>
      <c r="AI6" s="150" t="s">
        <v>52</v>
      </c>
      <c r="AJ6" s="145" t="s">
        <v>43</v>
      </c>
      <c r="AK6" s="146" t="s">
        <v>44</v>
      </c>
      <c r="AL6" s="147" t="s">
        <v>45</v>
      </c>
      <c r="AM6" s="148" t="s">
        <v>46</v>
      </c>
      <c r="AN6" s="146" t="s">
        <v>47</v>
      </c>
      <c r="AO6" s="146" t="s">
        <v>48</v>
      </c>
      <c r="AP6" s="146" t="s">
        <v>49</v>
      </c>
      <c r="AQ6" s="146" t="s">
        <v>50</v>
      </c>
      <c r="AR6" s="146" t="s">
        <v>51</v>
      </c>
      <c r="AS6" s="147" t="s">
        <v>45</v>
      </c>
      <c r="AT6" s="150" t="s">
        <v>52</v>
      </c>
      <c r="AU6" s="145" t="s">
        <v>43</v>
      </c>
      <c r="AV6" s="146" t="s">
        <v>44</v>
      </c>
      <c r="AW6" s="147" t="s">
        <v>45</v>
      </c>
      <c r="AX6" s="148" t="s">
        <v>46</v>
      </c>
      <c r="AY6" s="146" t="s">
        <v>47</v>
      </c>
      <c r="AZ6" s="146" t="s">
        <v>48</v>
      </c>
      <c r="BA6" s="146" t="s">
        <v>49</v>
      </c>
      <c r="BB6" s="146" t="s">
        <v>50</v>
      </c>
      <c r="BC6" s="146" t="s">
        <v>51</v>
      </c>
      <c r="BD6" s="147" t="s">
        <v>45</v>
      </c>
      <c r="BE6" s="150" t="s">
        <v>52</v>
      </c>
      <c r="BF6" s="145" t="s">
        <v>43</v>
      </c>
      <c r="BG6" s="146" t="s">
        <v>44</v>
      </c>
      <c r="BH6" s="147" t="s">
        <v>45</v>
      </c>
      <c r="BI6" s="148" t="s">
        <v>46</v>
      </c>
      <c r="BJ6" s="146" t="s">
        <v>47</v>
      </c>
      <c r="BK6" s="146" t="s">
        <v>48</v>
      </c>
      <c r="BL6" s="146" t="s">
        <v>49</v>
      </c>
      <c r="BM6" s="146" t="s">
        <v>50</v>
      </c>
      <c r="BN6" s="146" t="s">
        <v>51</v>
      </c>
      <c r="BO6" s="147" t="s">
        <v>45</v>
      </c>
      <c r="BP6" s="150" t="s">
        <v>52</v>
      </c>
      <c r="BQ6" s="145" t="s">
        <v>43</v>
      </c>
      <c r="BR6" s="146" t="s">
        <v>44</v>
      </c>
      <c r="BS6" s="147" t="s">
        <v>45</v>
      </c>
      <c r="BT6" s="148" t="s">
        <v>46</v>
      </c>
      <c r="BU6" s="146" t="s">
        <v>47</v>
      </c>
      <c r="BV6" s="146" t="s">
        <v>48</v>
      </c>
      <c r="BW6" s="146" t="s">
        <v>49</v>
      </c>
      <c r="BX6" s="146" t="s">
        <v>50</v>
      </c>
      <c r="BY6" s="146" t="s">
        <v>51</v>
      </c>
      <c r="BZ6" s="147" t="s">
        <v>45</v>
      </c>
      <c r="CA6" s="150" t="s">
        <v>52</v>
      </c>
      <c r="CB6" s="145" t="s">
        <v>43</v>
      </c>
      <c r="CC6" s="146" t="s">
        <v>44</v>
      </c>
      <c r="CD6" s="147" t="s">
        <v>45</v>
      </c>
      <c r="CE6" s="148" t="s">
        <v>46</v>
      </c>
      <c r="CF6" s="146" t="s">
        <v>47</v>
      </c>
      <c r="CG6" s="146" t="s">
        <v>48</v>
      </c>
      <c r="CH6" s="146" t="s">
        <v>49</v>
      </c>
      <c r="CI6" s="146" t="s">
        <v>50</v>
      </c>
      <c r="CJ6" s="146" t="s">
        <v>51</v>
      </c>
      <c r="CK6" s="147" t="s">
        <v>45</v>
      </c>
      <c r="CL6" s="150" t="s">
        <v>52</v>
      </c>
      <c r="CM6" s="145" t="s">
        <v>43</v>
      </c>
      <c r="CN6" s="146" t="s">
        <v>44</v>
      </c>
      <c r="CO6" s="147" t="s">
        <v>45</v>
      </c>
      <c r="CP6" s="148" t="s">
        <v>46</v>
      </c>
      <c r="CQ6" s="146" t="s">
        <v>47</v>
      </c>
      <c r="CR6" s="146" t="s">
        <v>48</v>
      </c>
      <c r="CS6" s="146" t="s">
        <v>49</v>
      </c>
      <c r="CT6" s="146" t="s">
        <v>50</v>
      </c>
      <c r="CU6" s="146" t="s">
        <v>51</v>
      </c>
      <c r="CV6" s="147" t="s">
        <v>45</v>
      </c>
      <c r="CW6" s="150" t="s">
        <v>52</v>
      </c>
      <c r="CX6" s="140" t="s">
        <v>43</v>
      </c>
      <c r="CY6" s="141" t="s">
        <v>44</v>
      </c>
      <c r="CZ6" s="142" t="s">
        <v>45</v>
      </c>
      <c r="DA6" s="143" t="s">
        <v>46</v>
      </c>
      <c r="DB6" s="141" t="s">
        <v>47</v>
      </c>
      <c r="DC6" s="141" t="s">
        <v>48</v>
      </c>
      <c r="DD6" s="141" t="s">
        <v>49</v>
      </c>
      <c r="DE6" s="141" t="s">
        <v>50</v>
      </c>
      <c r="DF6" s="141" t="s">
        <v>51</v>
      </c>
      <c r="DG6" s="142" t="s">
        <v>45</v>
      </c>
      <c r="DH6" s="144" t="s">
        <v>52</v>
      </c>
      <c r="DI6" s="145" t="s">
        <v>43</v>
      </c>
      <c r="DJ6" s="146" t="s">
        <v>44</v>
      </c>
      <c r="DK6" s="147" t="s">
        <v>45</v>
      </c>
      <c r="DL6" s="148" t="s">
        <v>46</v>
      </c>
      <c r="DM6" s="146" t="s">
        <v>47</v>
      </c>
      <c r="DN6" s="146" t="s">
        <v>48</v>
      </c>
      <c r="DO6" s="146" t="s">
        <v>49</v>
      </c>
      <c r="DP6" s="146" t="s">
        <v>50</v>
      </c>
      <c r="DQ6" s="146" t="s">
        <v>51</v>
      </c>
      <c r="DR6" s="147" t="s">
        <v>45</v>
      </c>
      <c r="DS6" s="150" t="s">
        <v>52</v>
      </c>
      <c r="DT6" s="145" t="s">
        <v>43</v>
      </c>
      <c r="DU6" s="146" t="s">
        <v>44</v>
      </c>
      <c r="DV6" s="147" t="s">
        <v>45</v>
      </c>
      <c r="DW6" s="148" t="s">
        <v>46</v>
      </c>
      <c r="DX6" s="146" t="s">
        <v>47</v>
      </c>
      <c r="DY6" s="146" t="s">
        <v>48</v>
      </c>
      <c r="DZ6" s="146" t="s">
        <v>49</v>
      </c>
      <c r="EA6" s="146" t="s">
        <v>50</v>
      </c>
      <c r="EB6" s="146" t="s">
        <v>51</v>
      </c>
      <c r="EC6" s="147" t="s">
        <v>45</v>
      </c>
      <c r="ED6" s="150" t="s">
        <v>52</v>
      </c>
      <c r="EE6" s="145" t="s">
        <v>43</v>
      </c>
      <c r="EF6" s="146" t="s">
        <v>44</v>
      </c>
      <c r="EG6" s="147" t="s">
        <v>45</v>
      </c>
      <c r="EH6" s="148" t="s">
        <v>46</v>
      </c>
      <c r="EI6" s="146" t="s">
        <v>47</v>
      </c>
      <c r="EJ6" s="146" t="s">
        <v>48</v>
      </c>
      <c r="EK6" s="146" t="s">
        <v>49</v>
      </c>
      <c r="EL6" s="146" t="s">
        <v>50</v>
      </c>
      <c r="EM6" s="146" t="s">
        <v>51</v>
      </c>
      <c r="EN6" s="147" t="s">
        <v>45</v>
      </c>
      <c r="EO6" s="150" t="s">
        <v>52</v>
      </c>
      <c r="EP6" s="145" t="s">
        <v>43</v>
      </c>
      <c r="EQ6" s="146" t="s">
        <v>44</v>
      </c>
      <c r="ER6" s="147" t="s">
        <v>45</v>
      </c>
      <c r="ES6" s="148" t="s">
        <v>46</v>
      </c>
      <c r="ET6" s="146" t="s">
        <v>47</v>
      </c>
      <c r="EU6" s="146" t="s">
        <v>48</v>
      </c>
      <c r="EV6" s="146" t="s">
        <v>49</v>
      </c>
      <c r="EW6" s="146" t="s">
        <v>50</v>
      </c>
      <c r="EX6" s="146" t="s">
        <v>51</v>
      </c>
      <c r="EY6" s="147" t="s">
        <v>45</v>
      </c>
      <c r="EZ6" s="150" t="s">
        <v>52</v>
      </c>
      <c r="FA6" s="145" t="s">
        <v>43</v>
      </c>
      <c r="FB6" s="146" t="s">
        <v>44</v>
      </c>
      <c r="FC6" s="147" t="s">
        <v>45</v>
      </c>
      <c r="FD6" s="148" t="s">
        <v>46</v>
      </c>
      <c r="FE6" s="146" t="s">
        <v>47</v>
      </c>
      <c r="FF6" s="146" t="s">
        <v>48</v>
      </c>
      <c r="FG6" s="146" t="s">
        <v>49</v>
      </c>
      <c r="FH6" s="146" t="s">
        <v>50</v>
      </c>
      <c r="FI6" s="146" t="s">
        <v>51</v>
      </c>
      <c r="FJ6" s="147" t="s">
        <v>45</v>
      </c>
      <c r="FK6" s="150" t="s">
        <v>52</v>
      </c>
      <c r="FL6" s="145" t="s">
        <v>43</v>
      </c>
      <c r="FM6" s="146" t="s">
        <v>44</v>
      </c>
      <c r="FN6" s="147" t="s">
        <v>45</v>
      </c>
      <c r="FO6" s="148" t="s">
        <v>46</v>
      </c>
      <c r="FP6" s="146" t="s">
        <v>47</v>
      </c>
      <c r="FQ6" s="146" t="s">
        <v>48</v>
      </c>
      <c r="FR6" s="146" t="s">
        <v>49</v>
      </c>
      <c r="FS6" s="146" t="s">
        <v>50</v>
      </c>
      <c r="FT6" s="146" t="s">
        <v>51</v>
      </c>
      <c r="FU6" s="147" t="s">
        <v>45</v>
      </c>
      <c r="FV6" s="150" t="s">
        <v>52</v>
      </c>
      <c r="FW6" s="145" t="s">
        <v>43</v>
      </c>
      <c r="FX6" s="146" t="s">
        <v>44</v>
      </c>
      <c r="FY6" s="147" t="s">
        <v>45</v>
      </c>
      <c r="FZ6" s="148" t="s">
        <v>46</v>
      </c>
      <c r="GA6" s="146" t="s">
        <v>47</v>
      </c>
      <c r="GB6" s="146" t="s">
        <v>48</v>
      </c>
      <c r="GC6" s="146" t="s">
        <v>49</v>
      </c>
      <c r="GD6" s="146" t="s">
        <v>50</v>
      </c>
      <c r="GE6" s="146" t="s">
        <v>51</v>
      </c>
      <c r="GF6" s="147" t="s">
        <v>45</v>
      </c>
      <c r="GG6" s="150" t="s">
        <v>52</v>
      </c>
      <c r="GH6" s="145" t="s">
        <v>43</v>
      </c>
      <c r="GI6" s="146" t="s">
        <v>44</v>
      </c>
      <c r="GJ6" s="147" t="s">
        <v>45</v>
      </c>
      <c r="GK6" s="148" t="s">
        <v>46</v>
      </c>
      <c r="GL6" s="146" t="s">
        <v>47</v>
      </c>
      <c r="GM6" s="146" t="s">
        <v>48</v>
      </c>
      <c r="GN6" s="146" t="s">
        <v>49</v>
      </c>
      <c r="GO6" s="146" t="s">
        <v>50</v>
      </c>
      <c r="GP6" s="146" t="s">
        <v>51</v>
      </c>
      <c r="GQ6" s="147" t="s">
        <v>45</v>
      </c>
      <c r="GR6" s="150" t="s">
        <v>52</v>
      </c>
      <c r="GS6" s="140" t="s">
        <v>43</v>
      </c>
      <c r="GT6" s="141" t="s">
        <v>44</v>
      </c>
      <c r="GU6" s="142" t="s">
        <v>45</v>
      </c>
      <c r="GV6" s="143" t="s">
        <v>46</v>
      </c>
      <c r="GW6" s="141" t="s">
        <v>47</v>
      </c>
      <c r="GX6" s="141" t="s">
        <v>48</v>
      </c>
      <c r="GY6" s="141" t="s">
        <v>49</v>
      </c>
      <c r="GZ6" s="141" t="s">
        <v>50</v>
      </c>
      <c r="HA6" s="141" t="s">
        <v>51</v>
      </c>
      <c r="HB6" s="142" t="s">
        <v>45</v>
      </c>
      <c r="HC6" s="144" t="s">
        <v>52</v>
      </c>
      <c r="HD6" s="145" t="s">
        <v>43</v>
      </c>
      <c r="HE6" s="146" t="s">
        <v>44</v>
      </c>
      <c r="HF6" s="147" t="s">
        <v>45</v>
      </c>
      <c r="HG6" s="148" t="s">
        <v>46</v>
      </c>
      <c r="HH6" s="146" t="s">
        <v>47</v>
      </c>
      <c r="HI6" s="146" t="s">
        <v>48</v>
      </c>
      <c r="HJ6" s="146" t="s">
        <v>49</v>
      </c>
      <c r="HK6" s="146" t="s">
        <v>50</v>
      </c>
      <c r="HL6" s="146" t="s">
        <v>51</v>
      </c>
      <c r="HM6" s="147" t="s">
        <v>45</v>
      </c>
      <c r="HN6" s="150" t="s">
        <v>52</v>
      </c>
      <c r="HO6" s="145" t="s">
        <v>43</v>
      </c>
      <c r="HP6" s="146" t="s">
        <v>44</v>
      </c>
      <c r="HQ6" s="147" t="s">
        <v>45</v>
      </c>
      <c r="HR6" s="148" t="s">
        <v>46</v>
      </c>
      <c r="HS6" s="146" t="s">
        <v>47</v>
      </c>
      <c r="HT6" s="146" t="s">
        <v>48</v>
      </c>
      <c r="HU6" s="146" t="s">
        <v>49</v>
      </c>
      <c r="HV6" s="146" t="s">
        <v>50</v>
      </c>
      <c r="HW6" s="146" t="s">
        <v>51</v>
      </c>
      <c r="HX6" s="147" t="s">
        <v>45</v>
      </c>
      <c r="HY6" s="150" t="s">
        <v>52</v>
      </c>
      <c r="HZ6" s="145" t="s">
        <v>43</v>
      </c>
      <c r="IA6" s="146" t="s">
        <v>44</v>
      </c>
      <c r="IB6" s="147" t="s">
        <v>45</v>
      </c>
      <c r="IC6" s="148" t="s">
        <v>46</v>
      </c>
      <c r="ID6" s="146" t="s">
        <v>47</v>
      </c>
      <c r="IE6" s="146" t="s">
        <v>48</v>
      </c>
      <c r="IF6" s="146" t="s">
        <v>49</v>
      </c>
      <c r="IG6" s="146" t="s">
        <v>50</v>
      </c>
      <c r="IH6" s="146" t="s">
        <v>51</v>
      </c>
      <c r="II6" s="147" t="s">
        <v>45</v>
      </c>
      <c r="IJ6" s="150" t="s">
        <v>52</v>
      </c>
      <c r="IK6" s="145" t="s">
        <v>43</v>
      </c>
      <c r="IL6" s="146" t="s">
        <v>44</v>
      </c>
      <c r="IM6" s="147" t="s">
        <v>45</v>
      </c>
      <c r="IN6" s="148" t="s">
        <v>46</v>
      </c>
      <c r="IO6" s="146" t="s">
        <v>47</v>
      </c>
      <c r="IP6" s="146" t="s">
        <v>48</v>
      </c>
      <c r="IQ6" s="146" t="s">
        <v>49</v>
      </c>
      <c r="IR6" s="146" t="s">
        <v>50</v>
      </c>
      <c r="IS6" s="146" t="s">
        <v>51</v>
      </c>
      <c r="IT6" s="147" t="s">
        <v>45</v>
      </c>
      <c r="IU6" s="150" t="s">
        <v>52</v>
      </c>
      <c r="IV6" s="145" t="s">
        <v>43</v>
      </c>
      <c r="IW6" s="146" t="s">
        <v>44</v>
      </c>
      <c r="IX6" s="147" t="s">
        <v>45</v>
      </c>
      <c r="IY6" s="148" t="s">
        <v>46</v>
      </c>
      <c r="IZ6" s="146" t="s">
        <v>47</v>
      </c>
      <c r="JA6" s="146" t="s">
        <v>48</v>
      </c>
      <c r="JB6" s="146" t="s">
        <v>49</v>
      </c>
      <c r="JC6" s="146" t="s">
        <v>50</v>
      </c>
      <c r="JD6" s="146" t="s">
        <v>51</v>
      </c>
      <c r="JE6" s="147" t="s">
        <v>45</v>
      </c>
      <c r="JF6" s="150" t="s">
        <v>52</v>
      </c>
      <c r="JG6" s="145" t="s">
        <v>43</v>
      </c>
      <c r="JH6" s="146" t="s">
        <v>44</v>
      </c>
      <c r="JI6" s="147" t="s">
        <v>45</v>
      </c>
      <c r="JJ6" s="148" t="s">
        <v>46</v>
      </c>
      <c r="JK6" s="146" t="s">
        <v>47</v>
      </c>
      <c r="JL6" s="146" t="s">
        <v>48</v>
      </c>
      <c r="JM6" s="146" t="s">
        <v>49</v>
      </c>
      <c r="JN6" s="146" t="s">
        <v>50</v>
      </c>
      <c r="JO6" s="146" t="s">
        <v>51</v>
      </c>
      <c r="JP6" s="147" t="s">
        <v>45</v>
      </c>
      <c r="JQ6" s="150" t="s">
        <v>52</v>
      </c>
      <c r="JR6" s="145" t="s">
        <v>43</v>
      </c>
      <c r="JS6" s="146" t="s">
        <v>44</v>
      </c>
      <c r="JT6" s="147" t="s">
        <v>45</v>
      </c>
      <c r="JU6" s="148" t="s">
        <v>46</v>
      </c>
      <c r="JV6" s="146" t="s">
        <v>47</v>
      </c>
      <c r="JW6" s="146" t="s">
        <v>48</v>
      </c>
      <c r="JX6" s="146" t="s">
        <v>49</v>
      </c>
      <c r="JY6" s="146" t="s">
        <v>50</v>
      </c>
      <c r="JZ6" s="146" t="s">
        <v>51</v>
      </c>
      <c r="KA6" s="147" t="s">
        <v>45</v>
      </c>
      <c r="KB6" s="150" t="s">
        <v>52</v>
      </c>
      <c r="KC6" s="145" t="s">
        <v>43</v>
      </c>
      <c r="KD6" s="146" t="s">
        <v>44</v>
      </c>
      <c r="KE6" s="147" t="s">
        <v>45</v>
      </c>
      <c r="KF6" s="148" t="s">
        <v>46</v>
      </c>
      <c r="KG6" s="146" t="s">
        <v>47</v>
      </c>
      <c r="KH6" s="146" t="s">
        <v>48</v>
      </c>
      <c r="KI6" s="146" t="s">
        <v>49</v>
      </c>
      <c r="KJ6" s="146" t="s">
        <v>50</v>
      </c>
      <c r="KK6" s="146" t="s">
        <v>51</v>
      </c>
      <c r="KL6" s="147" t="s">
        <v>45</v>
      </c>
      <c r="KM6" s="150" t="s">
        <v>52</v>
      </c>
    </row>
    <row r="7" spans="2:299" s="137" customFormat="1" ht="21" customHeight="1" x14ac:dyDescent="0.2">
      <c r="B7" s="151" t="s">
        <v>4</v>
      </c>
      <c r="C7" s="152">
        <v>20408</v>
      </c>
      <c r="D7" s="153">
        <v>21245</v>
      </c>
      <c r="E7" s="154">
        <v>41653</v>
      </c>
      <c r="F7" s="438">
        <v>0</v>
      </c>
      <c r="G7" s="153">
        <v>31240</v>
      </c>
      <c r="H7" s="153">
        <v>31417</v>
      </c>
      <c r="I7" s="153">
        <v>20867</v>
      </c>
      <c r="J7" s="153">
        <v>17288</v>
      </c>
      <c r="K7" s="153">
        <v>10416</v>
      </c>
      <c r="L7" s="155">
        <v>111228</v>
      </c>
      <c r="M7" s="156">
        <v>152881</v>
      </c>
      <c r="N7" s="157">
        <v>818</v>
      </c>
      <c r="O7" s="158">
        <v>986</v>
      </c>
      <c r="P7" s="159">
        <v>1804</v>
      </c>
      <c r="Q7" s="438">
        <v>0</v>
      </c>
      <c r="R7" s="158">
        <v>1341</v>
      </c>
      <c r="S7" s="158">
        <v>1587</v>
      </c>
      <c r="T7" s="158">
        <v>1013</v>
      </c>
      <c r="U7" s="158">
        <v>941</v>
      </c>
      <c r="V7" s="158">
        <v>724</v>
      </c>
      <c r="W7" s="159">
        <v>5606</v>
      </c>
      <c r="X7" s="160">
        <v>7410</v>
      </c>
      <c r="Y7" s="157">
        <v>1816</v>
      </c>
      <c r="Z7" s="158">
        <v>2290</v>
      </c>
      <c r="AA7" s="159">
        <v>4106</v>
      </c>
      <c r="AB7" s="438">
        <v>0</v>
      </c>
      <c r="AC7" s="158">
        <v>2730</v>
      </c>
      <c r="AD7" s="158">
        <v>3357</v>
      </c>
      <c r="AE7" s="158">
        <v>2159</v>
      </c>
      <c r="AF7" s="158">
        <v>1862</v>
      </c>
      <c r="AG7" s="158">
        <v>1359</v>
      </c>
      <c r="AH7" s="159">
        <v>11467</v>
      </c>
      <c r="AI7" s="160">
        <v>15573</v>
      </c>
      <c r="AJ7" s="157">
        <v>3116</v>
      </c>
      <c r="AK7" s="158">
        <v>3485</v>
      </c>
      <c r="AL7" s="159">
        <v>6601</v>
      </c>
      <c r="AM7" s="438">
        <v>0</v>
      </c>
      <c r="AN7" s="158">
        <v>4849</v>
      </c>
      <c r="AO7" s="158">
        <v>5076</v>
      </c>
      <c r="AP7" s="158">
        <v>3357</v>
      </c>
      <c r="AQ7" s="158">
        <v>2841</v>
      </c>
      <c r="AR7" s="158">
        <v>1885</v>
      </c>
      <c r="AS7" s="159">
        <v>18008</v>
      </c>
      <c r="AT7" s="160">
        <v>24609</v>
      </c>
      <c r="AU7" s="157">
        <v>5455</v>
      </c>
      <c r="AV7" s="158">
        <v>5329</v>
      </c>
      <c r="AW7" s="159">
        <v>10784</v>
      </c>
      <c r="AX7" s="438">
        <v>0</v>
      </c>
      <c r="AY7" s="158">
        <v>8189</v>
      </c>
      <c r="AZ7" s="158">
        <v>7554</v>
      </c>
      <c r="BA7" s="158">
        <v>4919</v>
      </c>
      <c r="BB7" s="158">
        <v>4013</v>
      </c>
      <c r="BC7" s="158">
        <v>2411</v>
      </c>
      <c r="BD7" s="159">
        <v>27086</v>
      </c>
      <c r="BE7" s="160">
        <v>37870</v>
      </c>
      <c r="BF7" s="157">
        <v>5779</v>
      </c>
      <c r="BG7" s="158">
        <v>5434</v>
      </c>
      <c r="BH7" s="159">
        <v>11213</v>
      </c>
      <c r="BI7" s="438">
        <v>0</v>
      </c>
      <c r="BJ7" s="158">
        <v>8347</v>
      </c>
      <c r="BK7" s="158">
        <v>7699</v>
      </c>
      <c r="BL7" s="158">
        <v>5057</v>
      </c>
      <c r="BM7" s="158">
        <v>4117</v>
      </c>
      <c r="BN7" s="158">
        <v>2233</v>
      </c>
      <c r="BO7" s="159">
        <v>27453</v>
      </c>
      <c r="BP7" s="160">
        <v>38666</v>
      </c>
      <c r="BQ7" s="157">
        <v>3424</v>
      </c>
      <c r="BR7" s="158">
        <v>3721</v>
      </c>
      <c r="BS7" s="159">
        <v>7145</v>
      </c>
      <c r="BT7" s="438">
        <v>0</v>
      </c>
      <c r="BU7" s="158">
        <v>5784</v>
      </c>
      <c r="BV7" s="158">
        <v>6144</v>
      </c>
      <c r="BW7" s="158">
        <v>4362</v>
      </c>
      <c r="BX7" s="158">
        <v>3514</v>
      </c>
      <c r="BY7" s="158">
        <v>1804</v>
      </c>
      <c r="BZ7" s="159">
        <v>21608</v>
      </c>
      <c r="CA7" s="160">
        <v>28753</v>
      </c>
      <c r="CB7" s="157">
        <v>493</v>
      </c>
      <c r="CC7" s="158">
        <v>846</v>
      </c>
      <c r="CD7" s="159">
        <v>1339</v>
      </c>
      <c r="CE7" s="438">
        <v>0</v>
      </c>
      <c r="CF7" s="158">
        <v>884</v>
      </c>
      <c r="CG7" s="158">
        <v>1454</v>
      </c>
      <c r="CH7" s="158">
        <v>842</v>
      </c>
      <c r="CI7" s="158">
        <v>781</v>
      </c>
      <c r="CJ7" s="158">
        <v>747</v>
      </c>
      <c r="CK7" s="159">
        <v>4708</v>
      </c>
      <c r="CL7" s="160">
        <v>6047</v>
      </c>
      <c r="CM7" s="157">
        <v>20901</v>
      </c>
      <c r="CN7" s="158">
        <v>22091</v>
      </c>
      <c r="CO7" s="159">
        <v>42992</v>
      </c>
      <c r="CP7" s="438">
        <v>0</v>
      </c>
      <c r="CQ7" s="158">
        <v>32124</v>
      </c>
      <c r="CR7" s="158">
        <v>32871</v>
      </c>
      <c r="CS7" s="158">
        <v>21709</v>
      </c>
      <c r="CT7" s="158">
        <v>18069</v>
      </c>
      <c r="CU7" s="158">
        <v>11163</v>
      </c>
      <c r="CV7" s="159">
        <v>115936</v>
      </c>
      <c r="CW7" s="160">
        <v>158928</v>
      </c>
      <c r="CX7" s="161">
        <v>39456</v>
      </c>
      <c r="CY7" s="153">
        <v>46870</v>
      </c>
      <c r="CZ7" s="154">
        <v>86326</v>
      </c>
      <c r="DA7" s="438">
        <v>0</v>
      </c>
      <c r="DB7" s="153">
        <v>56764</v>
      </c>
      <c r="DC7" s="153">
        <v>54223</v>
      </c>
      <c r="DD7" s="153">
        <v>39749</v>
      </c>
      <c r="DE7" s="153">
        <v>38921</v>
      </c>
      <c r="DF7" s="153">
        <v>25390</v>
      </c>
      <c r="DG7" s="155">
        <v>215047</v>
      </c>
      <c r="DH7" s="156">
        <v>301373</v>
      </c>
      <c r="DI7" s="157">
        <v>816</v>
      </c>
      <c r="DJ7" s="158">
        <v>1079</v>
      </c>
      <c r="DK7" s="159">
        <v>1895</v>
      </c>
      <c r="DL7" s="438">
        <v>0</v>
      </c>
      <c r="DM7" s="158">
        <v>979</v>
      </c>
      <c r="DN7" s="158">
        <v>1100</v>
      </c>
      <c r="DO7" s="158">
        <v>712</v>
      </c>
      <c r="DP7" s="158">
        <v>670</v>
      </c>
      <c r="DQ7" s="158">
        <v>564</v>
      </c>
      <c r="DR7" s="159">
        <v>4025</v>
      </c>
      <c r="DS7" s="160">
        <v>5920</v>
      </c>
      <c r="DT7" s="157">
        <v>2480</v>
      </c>
      <c r="DU7" s="158">
        <v>3009</v>
      </c>
      <c r="DV7" s="159">
        <v>5489</v>
      </c>
      <c r="DW7" s="438">
        <v>0</v>
      </c>
      <c r="DX7" s="158">
        <v>2606</v>
      </c>
      <c r="DY7" s="158">
        <v>2733</v>
      </c>
      <c r="DZ7" s="158">
        <v>1704</v>
      </c>
      <c r="EA7" s="158">
        <v>1728</v>
      </c>
      <c r="EB7" s="158">
        <v>1334</v>
      </c>
      <c r="EC7" s="159">
        <v>10105</v>
      </c>
      <c r="ED7" s="160">
        <v>15594</v>
      </c>
      <c r="EE7" s="157">
        <v>6000</v>
      </c>
      <c r="EF7" s="158">
        <v>6785</v>
      </c>
      <c r="EG7" s="159">
        <v>12785</v>
      </c>
      <c r="EH7" s="438">
        <v>0</v>
      </c>
      <c r="EI7" s="158">
        <v>6477</v>
      </c>
      <c r="EJ7" s="158">
        <v>5676</v>
      </c>
      <c r="EK7" s="158">
        <v>3503</v>
      </c>
      <c r="EL7" s="158">
        <v>3377</v>
      </c>
      <c r="EM7" s="158">
        <v>2623</v>
      </c>
      <c r="EN7" s="159">
        <v>21656</v>
      </c>
      <c r="EO7" s="160">
        <v>34441</v>
      </c>
      <c r="EP7" s="157">
        <v>12252</v>
      </c>
      <c r="EQ7" s="158">
        <v>13068</v>
      </c>
      <c r="ER7" s="159">
        <v>25320</v>
      </c>
      <c r="ES7" s="438">
        <v>0</v>
      </c>
      <c r="ET7" s="158">
        <v>14090</v>
      </c>
      <c r="EU7" s="158">
        <v>11593</v>
      </c>
      <c r="EV7" s="158">
        <v>7563</v>
      </c>
      <c r="EW7" s="158">
        <v>6801</v>
      </c>
      <c r="EX7" s="158">
        <v>4629</v>
      </c>
      <c r="EY7" s="159">
        <v>44676</v>
      </c>
      <c r="EZ7" s="160">
        <v>69996</v>
      </c>
      <c r="FA7" s="157">
        <v>11589</v>
      </c>
      <c r="FB7" s="158">
        <v>13718</v>
      </c>
      <c r="FC7" s="159">
        <v>25307</v>
      </c>
      <c r="FD7" s="438">
        <v>0</v>
      </c>
      <c r="FE7" s="158">
        <v>17296</v>
      </c>
      <c r="FF7" s="158">
        <v>15441</v>
      </c>
      <c r="FG7" s="158">
        <v>10728</v>
      </c>
      <c r="FH7" s="158">
        <v>9637</v>
      </c>
      <c r="FI7" s="158">
        <v>6398</v>
      </c>
      <c r="FJ7" s="159">
        <v>59500</v>
      </c>
      <c r="FK7" s="160">
        <v>84807</v>
      </c>
      <c r="FL7" s="157">
        <v>6319</v>
      </c>
      <c r="FM7" s="158">
        <v>9211</v>
      </c>
      <c r="FN7" s="159">
        <v>15530</v>
      </c>
      <c r="FO7" s="438">
        <v>0</v>
      </c>
      <c r="FP7" s="158">
        <v>15316</v>
      </c>
      <c r="FQ7" s="158">
        <v>17680</v>
      </c>
      <c r="FR7" s="158">
        <v>15539</v>
      </c>
      <c r="FS7" s="158">
        <v>16708</v>
      </c>
      <c r="FT7" s="158">
        <v>9842</v>
      </c>
      <c r="FU7" s="159">
        <v>75085</v>
      </c>
      <c r="FV7" s="160">
        <v>90615</v>
      </c>
      <c r="FW7" s="157">
        <v>382</v>
      </c>
      <c r="FX7" s="158">
        <v>715</v>
      </c>
      <c r="FY7" s="159">
        <v>1097</v>
      </c>
      <c r="FZ7" s="438">
        <v>0</v>
      </c>
      <c r="GA7" s="158">
        <v>690</v>
      </c>
      <c r="GB7" s="158">
        <v>1101</v>
      </c>
      <c r="GC7" s="158">
        <v>626</v>
      </c>
      <c r="GD7" s="158">
        <v>579</v>
      </c>
      <c r="GE7" s="158">
        <v>589</v>
      </c>
      <c r="GF7" s="159">
        <v>3585</v>
      </c>
      <c r="GG7" s="160">
        <v>4682</v>
      </c>
      <c r="GH7" s="157">
        <v>39838</v>
      </c>
      <c r="GI7" s="158">
        <v>47585</v>
      </c>
      <c r="GJ7" s="159">
        <v>87423</v>
      </c>
      <c r="GK7" s="438">
        <v>0</v>
      </c>
      <c r="GL7" s="158">
        <v>57454</v>
      </c>
      <c r="GM7" s="158">
        <v>55324</v>
      </c>
      <c r="GN7" s="158">
        <v>40375</v>
      </c>
      <c r="GO7" s="158">
        <v>39500</v>
      </c>
      <c r="GP7" s="158">
        <v>25979</v>
      </c>
      <c r="GQ7" s="159">
        <v>218632</v>
      </c>
      <c r="GR7" s="160">
        <v>306055</v>
      </c>
      <c r="GS7" s="161">
        <v>59864</v>
      </c>
      <c r="GT7" s="153">
        <v>68115</v>
      </c>
      <c r="GU7" s="154">
        <v>127979</v>
      </c>
      <c r="GV7" s="438">
        <v>0</v>
      </c>
      <c r="GW7" s="153">
        <v>88004</v>
      </c>
      <c r="GX7" s="153">
        <v>85640</v>
      </c>
      <c r="GY7" s="153">
        <v>60616</v>
      </c>
      <c r="GZ7" s="153">
        <v>56209</v>
      </c>
      <c r="HA7" s="153">
        <v>35806</v>
      </c>
      <c r="HB7" s="155">
        <v>326275</v>
      </c>
      <c r="HC7" s="156">
        <v>454254</v>
      </c>
      <c r="HD7" s="157">
        <v>1634</v>
      </c>
      <c r="HE7" s="158">
        <v>2065</v>
      </c>
      <c r="HF7" s="159">
        <v>3699</v>
      </c>
      <c r="HG7" s="438">
        <v>0</v>
      </c>
      <c r="HH7" s="158">
        <v>2320</v>
      </c>
      <c r="HI7" s="158">
        <v>2687</v>
      </c>
      <c r="HJ7" s="158">
        <v>1725</v>
      </c>
      <c r="HK7" s="158">
        <v>1611</v>
      </c>
      <c r="HL7" s="158">
        <v>1288</v>
      </c>
      <c r="HM7" s="159">
        <v>9631</v>
      </c>
      <c r="HN7" s="160">
        <v>13330</v>
      </c>
      <c r="HO7" s="157">
        <v>4296</v>
      </c>
      <c r="HP7" s="158">
        <v>5299</v>
      </c>
      <c r="HQ7" s="159">
        <v>9595</v>
      </c>
      <c r="HR7" s="438">
        <v>0</v>
      </c>
      <c r="HS7" s="158">
        <v>5336</v>
      </c>
      <c r="HT7" s="158">
        <v>6090</v>
      </c>
      <c r="HU7" s="158">
        <v>3863</v>
      </c>
      <c r="HV7" s="158">
        <v>3590</v>
      </c>
      <c r="HW7" s="158">
        <v>2693</v>
      </c>
      <c r="HX7" s="159">
        <v>21572</v>
      </c>
      <c r="HY7" s="160">
        <v>31167</v>
      </c>
      <c r="HZ7" s="157">
        <v>9116</v>
      </c>
      <c r="IA7" s="158">
        <v>10270</v>
      </c>
      <c r="IB7" s="159">
        <v>19386</v>
      </c>
      <c r="IC7" s="438">
        <v>0</v>
      </c>
      <c r="ID7" s="158">
        <v>11326</v>
      </c>
      <c r="IE7" s="158">
        <v>10752</v>
      </c>
      <c r="IF7" s="158">
        <v>6860</v>
      </c>
      <c r="IG7" s="158">
        <v>6218</v>
      </c>
      <c r="IH7" s="158">
        <v>4508</v>
      </c>
      <c r="II7" s="159">
        <v>39664</v>
      </c>
      <c r="IJ7" s="160">
        <v>59050</v>
      </c>
      <c r="IK7" s="157">
        <v>17707</v>
      </c>
      <c r="IL7" s="158">
        <v>18397</v>
      </c>
      <c r="IM7" s="159">
        <v>36104</v>
      </c>
      <c r="IN7" s="438">
        <v>0</v>
      </c>
      <c r="IO7" s="158">
        <v>22279</v>
      </c>
      <c r="IP7" s="158">
        <v>19147</v>
      </c>
      <c r="IQ7" s="158">
        <v>12482</v>
      </c>
      <c r="IR7" s="158">
        <v>10814</v>
      </c>
      <c r="IS7" s="158">
        <v>7040</v>
      </c>
      <c r="IT7" s="159">
        <v>71762</v>
      </c>
      <c r="IU7" s="160">
        <v>107866</v>
      </c>
      <c r="IV7" s="157">
        <v>17368</v>
      </c>
      <c r="IW7" s="158">
        <v>19152</v>
      </c>
      <c r="IX7" s="159">
        <v>36520</v>
      </c>
      <c r="IY7" s="438">
        <v>0</v>
      </c>
      <c r="IZ7" s="158">
        <v>25643</v>
      </c>
      <c r="JA7" s="158">
        <v>23140</v>
      </c>
      <c r="JB7" s="158">
        <v>15785</v>
      </c>
      <c r="JC7" s="158">
        <v>13754</v>
      </c>
      <c r="JD7" s="158">
        <v>8631</v>
      </c>
      <c r="JE7" s="159">
        <v>86953</v>
      </c>
      <c r="JF7" s="160">
        <v>123473</v>
      </c>
      <c r="JG7" s="157">
        <v>9743</v>
      </c>
      <c r="JH7" s="158">
        <v>12932</v>
      </c>
      <c r="JI7" s="159">
        <v>22675</v>
      </c>
      <c r="JJ7" s="438">
        <v>0</v>
      </c>
      <c r="JK7" s="158">
        <v>21100</v>
      </c>
      <c r="JL7" s="158">
        <v>23824</v>
      </c>
      <c r="JM7" s="158">
        <v>19901</v>
      </c>
      <c r="JN7" s="158">
        <v>20222</v>
      </c>
      <c r="JO7" s="158">
        <v>11646</v>
      </c>
      <c r="JP7" s="159">
        <v>96693</v>
      </c>
      <c r="JQ7" s="160">
        <v>119368</v>
      </c>
      <c r="JR7" s="157">
        <v>875</v>
      </c>
      <c r="JS7" s="158">
        <v>1561</v>
      </c>
      <c r="JT7" s="159">
        <v>2436</v>
      </c>
      <c r="JU7" s="438">
        <v>0</v>
      </c>
      <c r="JV7" s="158">
        <v>1574</v>
      </c>
      <c r="JW7" s="158">
        <v>2555</v>
      </c>
      <c r="JX7" s="158">
        <v>1468</v>
      </c>
      <c r="JY7" s="158">
        <v>1360</v>
      </c>
      <c r="JZ7" s="158">
        <v>1336</v>
      </c>
      <c r="KA7" s="159">
        <v>8293</v>
      </c>
      <c r="KB7" s="160">
        <v>10729</v>
      </c>
      <c r="KC7" s="157">
        <v>60739</v>
      </c>
      <c r="KD7" s="158">
        <v>69676</v>
      </c>
      <c r="KE7" s="159">
        <v>130415</v>
      </c>
      <c r="KF7" s="438">
        <v>0</v>
      </c>
      <c r="KG7" s="158">
        <v>89578</v>
      </c>
      <c r="KH7" s="158">
        <v>88195</v>
      </c>
      <c r="KI7" s="158">
        <v>62084</v>
      </c>
      <c r="KJ7" s="158">
        <v>57569</v>
      </c>
      <c r="KK7" s="158">
        <v>37142</v>
      </c>
      <c r="KL7" s="159">
        <v>334568</v>
      </c>
      <c r="KM7" s="160">
        <v>464983</v>
      </c>
    </row>
    <row r="8" spans="2:299" s="137" customFormat="1" ht="21" customHeight="1" x14ac:dyDescent="0.2">
      <c r="B8" s="162" t="s">
        <v>5</v>
      </c>
      <c r="C8" s="163">
        <v>8027</v>
      </c>
      <c r="D8" s="164">
        <v>10080</v>
      </c>
      <c r="E8" s="165">
        <v>18107</v>
      </c>
      <c r="F8" s="439">
        <v>0</v>
      </c>
      <c r="G8" s="164">
        <v>10178</v>
      </c>
      <c r="H8" s="164">
        <v>13970</v>
      </c>
      <c r="I8" s="164">
        <v>8823</v>
      </c>
      <c r="J8" s="164">
        <v>7172</v>
      </c>
      <c r="K8" s="164">
        <v>4301</v>
      </c>
      <c r="L8" s="166">
        <v>44444</v>
      </c>
      <c r="M8" s="167">
        <v>62551</v>
      </c>
      <c r="N8" s="168">
        <v>297</v>
      </c>
      <c r="O8" s="169">
        <v>450</v>
      </c>
      <c r="P8" s="170">
        <v>747</v>
      </c>
      <c r="Q8" s="439">
        <v>0</v>
      </c>
      <c r="R8" s="169">
        <v>412</v>
      </c>
      <c r="S8" s="169">
        <v>731</v>
      </c>
      <c r="T8" s="169">
        <v>440</v>
      </c>
      <c r="U8" s="169">
        <v>391</v>
      </c>
      <c r="V8" s="169">
        <v>294</v>
      </c>
      <c r="W8" s="170">
        <v>2268</v>
      </c>
      <c r="X8" s="171">
        <v>3015</v>
      </c>
      <c r="Y8" s="168">
        <v>697</v>
      </c>
      <c r="Z8" s="169">
        <v>1071</v>
      </c>
      <c r="AA8" s="170">
        <v>1768</v>
      </c>
      <c r="AB8" s="439">
        <v>0</v>
      </c>
      <c r="AC8" s="169">
        <v>788</v>
      </c>
      <c r="AD8" s="169">
        <v>1495</v>
      </c>
      <c r="AE8" s="169">
        <v>909</v>
      </c>
      <c r="AF8" s="169">
        <v>789</v>
      </c>
      <c r="AG8" s="169">
        <v>538</v>
      </c>
      <c r="AH8" s="170">
        <v>4519</v>
      </c>
      <c r="AI8" s="171">
        <v>6287</v>
      </c>
      <c r="AJ8" s="168">
        <v>1209</v>
      </c>
      <c r="AK8" s="169">
        <v>1610</v>
      </c>
      <c r="AL8" s="170">
        <v>2819</v>
      </c>
      <c r="AM8" s="439">
        <v>0</v>
      </c>
      <c r="AN8" s="169">
        <v>1501</v>
      </c>
      <c r="AO8" s="169">
        <v>2238</v>
      </c>
      <c r="AP8" s="169">
        <v>1428</v>
      </c>
      <c r="AQ8" s="169">
        <v>1140</v>
      </c>
      <c r="AR8" s="169">
        <v>776</v>
      </c>
      <c r="AS8" s="170">
        <v>7083</v>
      </c>
      <c r="AT8" s="171">
        <v>9902</v>
      </c>
      <c r="AU8" s="168">
        <v>2080</v>
      </c>
      <c r="AV8" s="169">
        <v>2506</v>
      </c>
      <c r="AW8" s="170">
        <v>4586</v>
      </c>
      <c r="AX8" s="439">
        <v>0</v>
      </c>
      <c r="AY8" s="169">
        <v>2581</v>
      </c>
      <c r="AZ8" s="169">
        <v>3204</v>
      </c>
      <c r="BA8" s="169">
        <v>2012</v>
      </c>
      <c r="BB8" s="169">
        <v>1643</v>
      </c>
      <c r="BC8" s="169">
        <v>994</v>
      </c>
      <c r="BD8" s="170">
        <v>10434</v>
      </c>
      <c r="BE8" s="171">
        <v>15020</v>
      </c>
      <c r="BF8" s="168">
        <v>2335</v>
      </c>
      <c r="BG8" s="169">
        <v>2571</v>
      </c>
      <c r="BH8" s="170">
        <v>4906</v>
      </c>
      <c r="BI8" s="439">
        <v>0</v>
      </c>
      <c r="BJ8" s="169">
        <v>2860</v>
      </c>
      <c r="BK8" s="169">
        <v>3467</v>
      </c>
      <c r="BL8" s="169">
        <v>2113</v>
      </c>
      <c r="BM8" s="169">
        <v>1716</v>
      </c>
      <c r="BN8" s="169">
        <v>937</v>
      </c>
      <c r="BO8" s="170">
        <v>11093</v>
      </c>
      <c r="BP8" s="171">
        <v>15999</v>
      </c>
      <c r="BQ8" s="168">
        <v>1409</v>
      </c>
      <c r="BR8" s="169">
        <v>1872</v>
      </c>
      <c r="BS8" s="170">
        <v>3281</v>
      </c>
      <c r="BT8" s="439">
        <v>0</v>
      </c>
      <c r="BU8" s="169">
        <v>2036</v>
      </c>
      <c r="BV8" s="169">
        <v>2835</v>
      </c>
      <c r="BW8" s="169">
        <v>1921</v>
      </c>
      <c r="BX8" s="169">
        <v>1493</v>
      </c>
      <c r="BY8" s="169">
        <v>762</v>
      </c>
      <c r="BZ8" s="170">
        <v>9047</v>
      </c>
      <c r="CA8" s="171">
        <v>12328</v>
      </c>
      <c r="CB8" s="168">
        <v>179</v>
      </c>
      <c r="CC8" s="169">
        <v>374</v>
      </c>
      <c r="CD8" s="170">
        <v>553</v>
      </c>
      <c r="CE8" s="439">
        <v>0</v>
      </c>
      <c r="CF8" s="169">
        <v>256</v>
      </c>
      <c r="CG8" s="169">
        <v>653</v>
      </c>
      <c r="CH8" s="169">
        <v>360</v>
      </c>
      <c r="CI8" s="169">
        <v>322</v>
      </c>
      <c r="CJ8" s="169">
        <v>341</v>
      </c>
      <c r="CK8" s="170">
        <v>1932</v>
      </c>
      <c r="CL8" s="171">
        <v>2485</v>
      </c>
      <c r="CM8" s="168">
        <v>8206</v>
      </c>
      <c r="CN8" s="169">
        <v>10454</v>
      </c>
      <c r="CO8" s="170">
        <v>18660</v>
      </c>
      <c r="CP8" s="439">
        <v>0</v>
      </c>
      <c r="CQ8" s="169">
        <v>10434</v>
      </c>
      <c r="CR8" s="169">
        <v>14623</v>
      </c>
      <c r="CS8" s="169">
        <v>9183</v>
      </c>
      <c r="CT8" s="169">
        <v>7494</v>
      </c>
      <c r="CU8" s="169">
        <v>4642</v>
      </c>
      <c r="CV8" s="170">
        <v>46376</v>
      </c>
      <c r="CW8" s="171">
        <v>65036</v>
      </c>
      <c r="CX8" s="172">
        <v>15104</v>
      </c>
      <c r="CY8" s="164">
        <v>20872</v>
      </c>
      <c r="CZ8" s="165">
        <v>35976</v>
      </c>
      <c r="DA8" s="439">
        <v>0</v>
      </c>
      <c r="DB8" s="164">
        <v>19660</v>
      </c>
      <c r="DC8" s="164">
        <v>24771</v>
      </c>
      <c r="DD8" s="164">
        <v>16622</v>
      </c>
      <c r="DE8" s="164">
        <v>16114</v>
      </c>
      <c r="DF8" s="164">
        <v>10429</v>
      </c>
      <c r="DG8" s="166">
        <v>87596</v>
      </c>
      <c r="DH8" s="167">
        <v>123572</v>
      </c>
      <c r="DI8" s="168">
        <v>311</v>
      </c>
      <c r="DJ8" s="169">
        <v>473</v>
      </c>
      <c r="DK8" s="170">
        <v>784</v>
      </c>
      <c r="DL8" s="439">
        <v>0</v>
      </c>
      <c r="DM8" s="169">
        <v>279</v>
      </c>
      <c r="DN8" s="169">
        <v>484</v>
      </c>
      <c r="DO8" s="169">
        <v>288</v>
      </c>
      <c r="DP8" s="169">
        <v>284</v>
      </c>
      <c r="DQ8" s="169">
        <v>216</v>
      </c>
      <c r="DR8" s="170">
        <v>1551</v>
      </c>
      <c r="DS8" s="171">
        <v>2335</v>
      </c>
      <c r="DT8" s="168">
        <v>880</v>
      </c>
      <c r="DU8" s="169">
        <v>1320</v>
      </c>
      <c r="DV8" s="170">
        <v>2200</v>
      </c>
      <c r="DW8" s="439">
        <v>0</v>
      </c>
      <c r="DX8" s="169">
        <v>759</v>
      </c>
      <c r="DY8" s="169">
        <v>1233</v>
      </c>
      <c r="DZ8" s="169">
        <v>691</v>
      </c>
      <c r="EA8" s="169">
        <v>682</v>
      </c>
      <c r="EB8" s="169">
        <v>592</v>
      </c>
      <c r="EC8" s="170">
        <v>3957</v>
      </c>
      <c r="ED8" s="171">
        <v>6157</v>
      </c>
      <c r="EE8" s="168">
        <v>2289</v>
      </c>
      <c r="EF8" s="169">
        <v>2949</v>
      </c>
      <c r="EG8" s="170">
        <v>5238</v>
      </c>
      <c r="EH8" s="439">
        <v>0</v>
      </c>
      <c r="EI8" s="169">
        <v>2125</v>
      </c>
      <c r="EJ8" s="169">
        <v>2510</v>
      </c>
      <c r="EK8" s="169">
        <v>1388</v>
      </c>
      <c r="EL8" s="169">
        <v>1303</v>
      </c>
      <c r="EM8" s="169">
        <v>1092</v>
      </c>
      <c r="EN8" s="170">
        <v>8418</v>
      </c>
      <c r="EO8" s="171">
        <v>13656</v>
      </c>
      <c r="EP8" s="168">
        <v>4732</v>
      </c>
      <c r="EQ8" s="169">
        <v>5696</v>
      </c>
      <c r="ER8" s="170">
        <v>10428</v>
      </c>
      <c r="ES8" s="439">
        <v>0</v>
      </c>
      <c r="ET8" s="169">
        <v>4917</v>
      </c>
      <c r="EU8" s="169">
        <v>5208</v>
      </c>
      <c r="EV8" s="169">
        <v>3051</v>
      </c>
      <c r="EW8" s="169">
        <v>2796</v>
      </c>
      <c r="EX8" s="169">
        <v>1810</v>
      </c>
      <c r="EY8" s="170">
        <v>17782</v>
      </c>
      <c r="EZ8" s="171">
        <v>28210</v>
      </c>
      <c r="FA8" s="168">
        <v>4467</v>
      </c>
      <c r="FB8" s="169">
        <v>6226</v>
      </c>
      <c r="FC8" s="170">
        <v>10693</v>
      </c>
      <c r="FD8" s="439">
        <v>0</v>
      </c>
      <c r="FE8" s="169">
        <v>6214</v>
      </c>
      <c r="FF8" s="169">
        <v>7176</v>
      </c>
      <c r="FG8" s="169">
        <v>4550</v>
      </c>
      <c r="FH8" s="169">
        <v>4096</v>
      </c>
      <c r="FI8" s="169">
        <v>2635</v>
      </c>
      <c r="FJ8" s="170">
        <v>24671</v>
      </c>
      <c r="FK8" s="171">
        <v>35364</v>
      </c>
      <c r="FL8" s="168">
        <v>2425</v>
      </c>
      <c r="FM8" s="169">
        <v>4208</v>
      </c>
      <c r="FN8" s="170">
        <v>6633</v>
      </c>
      <c r="FO8" s="439">
        <v>0</v>
      </c>
      <c r="FP8" s="169">
        <v>5366</v>
      </c>
      <c r="FQ8" s="169">
        <v>8160</v>
      </c>
      <c r="FR8" s="169">
        <v>6654</v>
      </c>
      <c r="FS8" s="169">
        <v>6953</v>
      </c>
      <c r="FT8" s="169">
        <v>4084</v>
      </c>
      <c r="FU8" s="170">
        <v>31217</v>
      </c>
      <c r="FV8" s="171">
        <v>37850</v>
      </c>
      <c r="FW8" s="168">
        <v>149</v>
      </c>
      <c r="FX8" s="169">
        <v>291</v>
      </c>
      <c r="FY8" s="170">
        <v>440</v>
      </c>
      <c r="FZ8" s="439">
        <v>0</v>
      </c>
      <c r="GA8" s="169">
        <v>200</v>
      </c>
      <c r="GB8" s="169">
        <v>513</v>
      </c>
      <c r="GC8" s="169">
        <v>265</v>
      </c>
      <c r="GD8" s="169">
        <v>237</v>
      </c>
      <c r="GE8" s="169">
        <v>256</v>
      </c>
      <c r="GF8" s="170">
        <v>1471</v>
      </c>
      <c r="GG8" s="171">
        <v>1911</v>
      </c>
      <c r="GH8" s="168">
        <v>15253</v>
      </c>
      <c r="GI8" s="169">
        <v>21163</v>
      </c>
      <c r="GJ8" s="170">
        <v>36416</v>
      </c>
      <c r="GK8" s="439">
        <v>0</v>
      </c>
      <c r="GL8" s="169">
        <v>19860</v>
      </c>
      <c r="GM8" s="169">
        <v>25284</v>
      </c>
      <c r="GN8" s="169">
        <v>16887</v>
      </c>
      <c r="GO8" s="169">
        <v>16351</v>
      </c>
      <c r="GP8" s="169">
        <v>10685</v>
      </c>
      <c r="GQ8" s="170">
        <v>89067</v>
      </c>
      <c r="GR8" s="171">
        <v>125483</v>
      </c>
      <c r="GS8" s="172">
        <v>23131</v>
      </c>
      <c r="GT8" s="164">
        <v>30952</v>
      </c>
      <c r="GU8" s="165">
        <v>54083</v>
      </c>
      <c r="GV8" s="439">
        <v>0</v>
      </c>
      <c r="GW8" s="164">
        <v>29838</v>
      </c>
      <c r="GX8" s="164">
        <v>38741</v>
      </c>
      <c r="GY8" s="164">
        <v>25445</v>
      </c>
      <c r="GZ8" s="164">
        <v>23286</v>
      </c>
      <c r="HA8" s="164">
        <v>14730</v>
      </c>
      <c r="HB8" s="166">
        <v>132040</v>
      </c>
      <c r="HC8" s="167">
        <v>186123</v>
      </c>
      <c r="HD8" s="168">
        <v>608</v>
      </c>
      <c r="HE8" s="169">
        <v>923</v>
      </c>
      <c r="HF8" s="170">
        <v>1531</v>
      </c>
      <c r="HG8" s="439">
        <v>0</v>
      </c>
      <c r="HH8" s="169">
        <v>691</v>
      </c>
      <c r="HI8" s="169">
        <v>1215</v>
      </c>
      <c r="HJ8" s="169">
        <v>728</v>
      </c>
      <c r="HK8" s="169">
        <v>675</v>
      </c>
      <c r="HL8" s="169">
        <v>510</v>
      </c>
      <c r="HM8" s="170">
        <v>3819</v>
      </c>
      <c r="HN8" s="171">
        <v>5350</v>
      </c>
      <c r="HO8" s="168">
        <v>1577</v>
      </c>
      <c r="HP8" s="169">
        <v>2391</v>
      </c>
      <c r="HQ8" s="170">
        <v>3968</v>
      </c>
      <c r="HR8" s="439">
        <v>0</v>
      </c>
      <c r="HS8" s="169">
        <v>1547</v>
      </c>
      <c r="HT8" s="169">
        <v>2728</v>
      </c>
      <c r="HU8" s="169">
        <v>1600</v>
      </c>
      <c r="HV8" s="169">
        <v>1471</v>
      </c>
      <c r="HW8" s="169">
        <v>1130</v>
      </c>
      <c r="HX8" s="170">
        <v>8476</v>
      </c>
      <c r="HY8" s="171">
        <v>12444</v>
      </c>
      <c r="HZ8" s="168">
        <v>3498</v>
      </c>
      <c r="IA8" s="169">
        <v>4559</v>
      </c>
      <c r="IB8" s="170">
        <v>8057</v>
      </c>
      <c r="IC8" s="439">
        <v>0</v>
      </c>
      <c r="ID8" s="169">
        <v>3626</v>
      </c>
      <c r="IE8" s="169">
        <v>4748</v>
      </c>
      <c r="IF8" s="169">
        <v>2816</v>
      </c>
      <c r="IG8" s="169">
        <v>2443</v>
      </c>
      <c r="IH8" s="169">
        <v>1868</v>
      </c>
      <c r="II8" s="170">
        <v>15501</v>
      </c>
      <c r="IJ8" s="171">
        <v>23558</v>
      </c>
      <c r="IK8" s="168">
        <v>6812</v>
      </c>
      <c r="IL8" s="169">
        <v>8202</v>
      </c>
      <c r="IM8" s="170">
        <v>15014</v>
      </c>
      <c r="IN8" s="439">
        <v>0</v>
      </c>
      <c r="IO8" s="169">
        <v>7498</v>
      </c>
      <c r="IP8" s="169">
        <v>8412</v>
      </c>
      <c r="IQ8" s="169">
        <v>5063</v>
      </c>
      <c r="IR8" s="169">
        <v>4439</v>
      </c>
      <c r="IS8" s="169">
        <v>2804</v>
      </c>
      <c r="IT8" s="170">
        <v>28216</v>
      </c>
      <c r="IU8" s="171">
        <v>43230</v>
      </c>
      <c r="IV8" s="168">
        <v>6802</v>
      </c>
      <c r="IW8" s="169">
        <v>8797</v>
      </c>
      <c r="IX8" s="170">
        <v>15599</v>
      </c>
      <c r="IY8" s="439">
        <v>0</v>
      </c>
      <c r="IZ8" s="169">
        <v>9074</v>
      </c>
      <c r="JA8" s="169">
        <v>10643</v>
      </c>
      <c r="JB8" s="169">
        <v>6663</v>
      </c>
      <c r="JC8" s="169">
        <v>5812</v>
      </c>
      <c r="JD8" s="169">
        <v>3572</v>
      </c>
      <c r="JE8" s="170">
        <v>35764</v>
      </c>
      <c r="JF8" s="171">
        <v>51363</v>
      </c>
      <c r="JG8" s="168">
        <v>3834</v>
      </c>
      <c r="JH8" s="169">
        <v>6080</v>
      </c>
      <c r="JI8" s="170">
        <v>9914</v>
      </c>
      <c r="JJ8" s="439">
        <v>0</v>
      </c>
      <c r="JK8" s="169">
        <v>7402</v>
      </c>
      <c r="JL8" s="169">
        <v>10995</v>
      </c>
      <c r="JM8" s="169">
        <v>8575</v>
      </c>
      <c r="JN8" s="169">
        <v>8446</v>
      </c>
      <c r="JO8" s="169">
        <v>4846</v>
      </c>
      <c r="JP8" s="170">
        <v>40264</v>
      </c>
      <c r="JQ8" s="171">
        <v>50178</v>
      </c>
      <c r="JR8" s="168">
        <v>328</v>
      </c>
      <c r="JS8" s="169">
        <v>665</v>
      </c>
      <c r="JT8" s="170">
        <v>993</v>
      </c>
      <c r="JU8" s="439">
        <v>0</v>
      </c>
      <c r="JV8" s="169">
        <v>456</v>
      </c>
      <c r="JW8" s="169">
        <v>1166</v>
      </c>
      <c r="JX8" s="169">
        <v>625</v>
      </c>
      <c r="JY8" s="169">
        <v>559</v>
      </c>
      <c r="JZ8" s="169">
        <v>597</v>
      </c>
      <c r="KA8" s="170">
        <v>3403</v>
      </c>
      <c r="KB8" s="171">
        <v>4396</v>
      </c>
      <c r="KC8" s="168">
        <v>23459</v>
      </c>
      <c r="KD8" s="169">
        <v>31617</v>
      </c>
      <c r="KE8" s="170">
        <v>55076</v>
      </c>
      <c r="KF8" s="439">
        <v>0</v>
      </c>
      <c r="KG8" s="169">
        <v>30294</v>
      </c>
      <c r="KH8" s="169">
        <v>39907</v>
      </c>
      <c r="KI8" s="169">
        <v>26070</v>
      </c>
      <c r="KJ8" s="169">
        <v>23845</v>
      </c>
      <c r="KK8" s="169">
        <v>15327</v>
      </c>
      <c r="KL8" s="170">
        <v>135443</v>
      </c>
      <c r="KM8" s="171">
        <v>190519</v>
      </c>
    </row>
    <row r="9" spans="2:299" s="137" customFormat="1" ht="21" customHeight="1" x14ac:dyDescent="0.2">
      <c r="B9" s="173" t="s">
        <v>6</v>
      </c>
      <c r="C9" s="163">
        <v>2719</v>
      </c>
      <c r="D9" s="164">
        <v>2433</v>
      </c>
      <c r="E9" s="165">
        <v>5152</v>
      </c>
      <c r="F9" s="439">
        <v>0</v>
      </c>
      <c r="G9" s="164">
        <v>5149</v>
      </c>
      <c r="H9" s="164">
        <v>4233</v>
      </c>
      <c r="I9" s="164">
        <v>2812</v>
      </c>
      <c r="J9" s="164">
        <v>2422</v>
      </c>
      <c r="K9" s="164">
        <v>1587</v>
      </c>
      <c r="L9" s="166">
        <v>16203</v>
      </c>
      <c r="M9" s="167">
        <v>21355</v>
      </c>
      <c r="N9" s="168">
        <v>162</v>
      </c>
      <c r="O9" s="169">
        <v>146</v>
      </c>
      <c r="P9" s="170">
        <v>308</v>
      </c>
      <c r="Q9" s="439">
        <v>0</v>
      </c>
      <c r="R9" s="169">
        <v>278</v>
      </c>
      <c r="S9" s="169">
        <v>240</v>
      </c>
      <c r="T9" s="169">
        <v>149</v>
      </c>
      <c r="U9" s="169">
        <v>134</v>
      </c>
      <c r="V9" s="169">
        <v>111</v>
      </c>
      <c r="W9" s="170">
        <v>912</v>
      </c>
      <c r="X9" s="171">
        <v>1220</v>
      </c>
      <c r="Y9" s="168">
        <v>294</v>
      </c>
      <c r="Z9" s="169">
        <v>277</v>
      </c>
      <c r="AA9" s="170">
        <v>571</v>
      </c>
      <c r="AB9" s="439">
        <v>0</v>
      </c>
      <c r="AC9" s="169">
        <v>531</v>
      </c>
      <c r="AD9" s="169">
        <v>477</v>
      </c>
      <c r="AE9" s="169">
        <v>316</v>
      </c>
      <c r="AF9" s="169">
        <v>265</v>
      </c>
      <c r="AG9" s="169">
        <v>227</v>
      </c>
      <c r="AH9" s="170">
        <v>1816</v>
      </c>
      <c r="AI9" s="171">
        <v>2387</v>
      </c>
      <c r="AJ9" s="168">
        <v>452</v>
      </c>
      <c r="AK9" s="169">
        <v>421</v>
      </c>
      <c r="AL9" s="170">
        <v>873</v>
      </c>
      <c r="AM9" s="439">
        <v>0</v>
      </c>
      <c r="AN9" s="169">
        <v>855</v>
      </c>
      <c r="AO9" s="169">
        <v>716</v>
      </c>
      <c r="AP9" s="169">
        <v>458</v>
      </c>
      <c r="AQ9" s="169">
        <v>429</v>
      </c>
      <c r="AR9" s="169">
        <v>315</v>
      </c>
      <c r="AS9" s="170">
        <v>2773</v>
      </c>
      <c r="AT9" s="171">
        <v>3646</v>
      </c>
      <c r="AU9" s="168">
        <v>682</v>
      </c>
      <c r="AV9" s="169">
        <v>566</v>
      </c>
      <c r="AW9" s="170">
        <v>1248</v>
      </c>
      <c r="AX9" s="439">
        <v>0</v>
      </c>
      <c r="AY9" s="169">
        <v>1269</v>
      </c>
      <c r="AZ9" s="169">
        <v>1020</v>
      </c>
      <c r="BA9" s="169">
        <v>635</v>
      </c>
      <c r="BB9" s="169">
        <v>548</v>
      </c>
      <c r="BC9" s="169">
        <v>340</v>
      </c>
      <c r="BD9" s="170">
        <v>3812</v>
      </c>
      <c r="BE9" s="171">
        <v>5060</v>
      </c>
      <c r="BF9" s="168">
        <v>706</v>
      </c>
      <c r="BG9" s="169">
        <v>592</v>
      </c>
      <c r="BH9" s="170">
        <v>1298</v>
      </c>
      <c r="BI9" s="439">
        <v>0</v>
      </c>
      <c r="BJ9" s="169">
        <v>1276</v>
      </c>
      <c r="BK9" s="169">
        <v>989</v>
      </c>
      <c r="BL9" s="169">
        <v>668</v>
      </c>
      <c r="BM9" s="169">
        <v>541</v>
      </c>
      <c r="BN9" s="169">
        <v>325</v>
      </c>
      <c r="BO9" s="170">
        <v>3799</v>
      </c>
      <c r="BP9" s="171">
        <v>5097</v>
      </c>
      <c r="BQ9" s="168">
        <v>423</v>
      </c>
      <c r="BR9" s="169">
        <v>431</v>
      </c>
      <c r="BS9" s="170">
        <v>854</v>
      </c>
      <c r="BT9" s="439">
        <v>0</v>
      </c>
      <c r="BU9" s="169">
        <v>940</v>
      </c>
      <c r="BV9" s="169">
        <v>791</v>
      </c>
      <c r="BW9" s="169">
        <v>586</v>
      </c>
      <c r="BX9" s="169">
        <v>505</v>
      </c>
      <c r="BY9" s="169">
        <v>269</v>
      </c>
      <c r="BZ9" s="170">
        <v>3091</v>
      </c>
      <c r="CA9" s="171">
        <v>3945</v>
      </c>
      <c r="CB9" s="168">
        <v>73</v>
      </c>
      <c r="CC9" s="169">
        <v>105</v>
      </c>
      <c r="CD9" s="170">
        <v>178</v>
      </c>
      <c r="CE9" s="439">
        <v>0</v>
      </c>
      <c r="CF9" s="169">
        <v>175</v>
      </c>
      <c r="CG9" s="169">
        <v>207</v>
      </c>
      <c r="CH9" s="169">
        <v>114</v>
      </c>
      <c r="CI9" s="169">
        <v>123</v>
      </c>
      <c r="CJ9" s="169">
        <v>125</v>
      </c>
      <c r="CK9" s="170">
        <v>744</v>
      </c>
      <c r="CL9" s="171">
        <v>922</v>
      </c>
      <c r="CM9" s="168">
        <v>2792</v>
      </c>
      <c r="CN9" s="169">
        <v>2538</v>
      </c>
      <c r="CO9" s="170">
        <v>5330</v>
      </c>
      <c r="CP9" s="439">
        <v>0</v>
      </c>
      <c r="CQ9" s="169">
        <v>5324</v>
      </c>
      <c r="CR9" s="169">
        <v>4440</v>
      </c>
      <c r="CS9" s="169">
        <v>2926</v>
      </c>
      <c r="CT9" s="169">
        <v>2545</v>
      </c>
      <c r="CU9" s="169">
        <v>1712</v>
      </c>
      <c r="CV9" s="170">
        <v>16947</v>
      </c>
      <c r="CW9" s="171">
        <v>22277</v>
      </c>
      <c r="CX9" s="172">
        <v>5295</v>
      </c>
      <c r="CY9" s="164">
        <v>5568</v>
      </c>
      <c r="CZ9" s="165">
        <v>10863</v>
      </c>
      <c r="DA9" s="439">
        <v>0</v>
      </c>
      <c r="DB9" s="164">
        <v>8898</v>
      </c>
      <c r="DC9" s="164">
        <v>6957</v>
      </c>
      <c r="DD9" s="164">
        <v>5268</v>
      </c>
      <c r="DE9" s="164">
        <v>5240</v>
      </c>
      <c r="DF9" s="164">
        <v>3635</v>
      </c>
      <c r="DG9" s="166">
        <v>29998</v>
      </c>
      <c r="DH9" s="167">
        <v>40861</v>
      </c>
      <c r="DI9" s="168">
        <v>118</v>
      </c>
      <c r="DJ9" s="169">
        <v>135</v>
      </c>
      <c r="DK9" s="170">
        <v>253</v>
      </c>
      <c r="DL9" s="439">
        <v>0</v>
      </c>
      <c r="DM9" s="169">
        <v>165</v>
      </c>
      <c r="DN9" s="169">
        <v>133</v>
      </c>
      <c r="DO9" s="169">
        <v>107</v>
      </c>
      <c r="DP9" s="169">
        <v>91</v>
      </c>
      <c r="DQ9" s="169">
        <v>80</v>
      </c>
      <c r="DR9" s="170">
        <v>576</v>
      </c>
      <c r="DS9" s="171">
        <v>829</v>
      </c>
      <c r="DT9" s="168">
        <v>349</v>
      </c>
      <c r="DU9" s="169">
        <v>354</v>
      </c>
      <c r="DV9" s="170">
        <v>703</v>
      </c>
      <c r="DW9" s="439">
        <v>0</v>
      </c>
      <c r="DX9" s="169">
        <v>449</v>
      </c>
      <c r="DY9" s="169">
        <v>353</v>
      </c>
      <c r="DZ9" s="169">
        <v>225</v>
      </c>
      <c r="EA9" s="169">
        <v>244</v>
      </c>
      <c r="EB9" s="169">
        <v>175</v>
      </c>
      <c r="EC9" s="170">
        <v>1446</v>
      </c>
      <c r="ED9" s="171">
        <v>2149</v>
      </c>
      <c r="EE9" s="168">
        <v>790</v>
      </c>
      <c r="EF9" s="169">
        <v>792</v>
      </c>
      <c r="EG9" s="170">
        <v>1582</v>
      </c>
      <c r="EH9" s="439">
        <v>0</v>
      </c>
      <c r="EI9" s="169">
        <v>1037</v>
      </c>
      <c r="EJ9" s="169">
        <v>680</v>
      </c>
      <c r="EK9" s="169">
        <v>445</v>
      </c>
      <c r="EL9" s="169">
        <v>452</v>
      </c>
      <c r="EM9" s="169">
        <v>344</v>
      </c>
      <c r="EN9" s="170">
        <v>2958</v>
      </c>
      <c r="EO9" s="171">
        <v>4540</v>
      </c>
      <c r="EP9" s="168">
        <v>1649</v>
      </c>
      <c r="EQ9" s="169">
        <v>1548</v>
      </c>
      <c r="ER9" s="170">
        <v>3197</v>
      </c>
      <c r="ES9" s="439">
        <v>0</v>
      </c>
      <c r="ET9" s="169">
        <v>2170</v>
      </c>
      <c r="EU9" s="169">
        <v>1422</v>
      </c>
      <c r="EV9" s="169">
        <v>964</v>
      </c>
      <c r="EW9" s="169">
        <v>894</v>
      </c>
      <c r="EX9" s="169">
        <v>655</v>
      </c>
      <c r="EY9" s="170">
        <v>6105</v>
      </c>
      <c r="EZ9" s="171">
        <v>9302</v>
      </c>
      <c r="FA9" s="168">
        <v>1554</v>
      </c>
      <c r="FB9" s="169">
        <v>1661</v>
      </c>
      <c r="FC9" s="170">
        <v>3215</v>
      </c>
      <c r="FD9" s="439">
        <v>0</v>
      </c>
      <c r="FE9" s="169">
        <v>2685</v>
      </c>
      <c r="FF9" s="169">
        <v>2073</v>
      </c>
      <c r="FG9" s="169">
        <v>1443</v>
      </c>
      <c r="FH9" s="169">
        <v>1264</v>
      </c>
      <c r="FI9" s="169">
        <v>926</v>
      </c>
      <c r="FJ9" s="170">
        <v>8391</v>
      </c>
      <c r="FK9" s="171">
        <v>11606</v>
      </c>
      <c r="FL9" s="168">
        <v>835</v>
      </c>
      <c r="FM9" s="169">
        <v>1078</v>
      </c>
      <c r="FN9" s="170">
        <v>1913</v>
      </c>
      <c r="FO9" s="439">
        <v>0</v>
      </c>
      <c r="FP9" s="169">
        <v>2392</v>
      </c>
      <c r="FQ9" s="169">
        <v>2296</v>
      </c>
      <c r="FR9" s="169">
        <v>2084</v>
      </c>
      <c r="FS9" s="169">
        <v>2295</v>
      </c>
      <c r="FT9" s="169">
        <v>1455</v>
      </c>
      <c r="FU9" s="170">
        <v>10522</v>
      </c>
      <c r="FV9" s="171">
        <v>12435</v>
      </c>
      <c r="FW9" s="168">
        <v>70</v>
      </c>
      <c r="FX9" s="169">
        <v>94</v>
      </c>
      <c r="FY9" s="170">
        <v>164</v>
      </c>
      <c r="FZ9" s="439">
        <v>0</v>
      </c>
      <c r="GA9" s="169">
        <v>124</v>
      </c>
      <c r="GB9" s="169">
        <v>130</v>
      </c>
      <c r="GC9" s="169">
        <v>100</v>
      </c>
      <c r="GD9" s="169">
        <v>94</v>
      </c>
      <c r="GE9" s="169">
        <v>79</v>
      </c>
      <c r="GF9" s="170">
        <v>527</v>
      </c>
      <c r="GG9" s="171">
        <v>691</v>
      </c>
      <c r="GH9" s="168">
        <v>5365</v>
      </c>
      <c r="GI9" s="169">
        <v>5662</v>
      </c>
      <c r="GJ9" s="170">
        <v>11027</v>
      </c>
      <c r="GK9" s="439">
        <v>0</v>
      </c>
      <c r="GL9" s="169">
        <v>9022</v>
      </c>
      <c r="GM9" s="169">
        <v>7087</v>
      </c>
      <c r="GN9" s="169">
        <v>5368</v>
      </c>
      <c r="GO9" s="169">
        <v>5334</v>
      </c>
      <c r="GP9" s="169">
        <v>3714</v>
      </c>
      <c r="GQ9" s="170">
        <v>30525</v>
      </c>
      <c r="GR9" s="171">
        <v>41552</v>
      </c>
      <c r="GS9" s="172">
        <v>8014</v>
      </c>
      <c r="GT9" s="164">
        <v>8001</v>
      </c>
      <c r="GU9" s="165">
        <v>16015</v>
      </c>
      <c r="GV9" s="439">
        <v>0</v>
      </c>
      <c r="GW9" s="164">
        <v>14047</v>
      </c>
      <c r="GX9" s="164">
        <v>11190</v>
      </c>
      <c r="GY9" s="164">
        <v>8080</v>
      </c>
      <c r="GZ9" s="164">
        <v>7662</v>
      </c>
      <c r="HA9" s="164">
        <v>5222</v>
      </c>
      <c r="HB9" s="166">
        <v>46201</v>
      </c>
      <c r="HC9" s="167">
        <v>62216</v>
      </c>
      <c r="HD9" s="168">
        <v>280</v>
      </c>
      <c r="HE9" s="169">
        <v>281</v>
      </c>
      <c r="HF9" s="170">
        <v>561</v>
      </c>
      <c r="HG9" s="439">
        <v>0</v>
      </c>
      <c r="HH9" s="169">
        <v>443</v>
      </c>
      <c r="HI9" s="169">
        <v>373</v>
      </c>
      <c r="HJ9" s="169">
        <v>256</v>
      </c>
      <c r="HK9" s="169">
        <v>225</v>
      </c>
      <c r="HL9" s="169">
        <v>191</v>
      </c>
      <c r="HM9" s="170">
        <v>1488</v>
      </c>
      <c r="HN9" s="171">
        <v>2049</v>
      </c>
      <c r="HO9" s="168">
        <v>643</v>
      </c>
      <c r="HP9" s="169">
        <v>631</v>
      </c>
      <c r="HQ9" s="170">
        <v>1274</v>
      </c>
      <c r="HR9" s="439">
        <v>0</v>
      </c>
      <c r="HS9" s="169">
        <v>980</v>
      </c>
      <c r="HT9" s="169">
        <v>830</v>
      </c>
      <c r="HU9" s="169">
        <v>541</v>
      </c>
      <c r="HV9" s="169">
        <v>509</v>
      </c>
      <c r="HW9" s="169">
        <v>402</v>
      </c>
      <c r="HX9" s="170">
        <v>3262</v>
      </c>
      <c r="HY9" s="171">
        <v>4536</v>
      </c>
      <c r="HZ9" s="168">
        <v>1242</v>
      </c>
      <c r="IA9" s="169">
        <v>1213</v>
      </c>
      <c r="IB9" s="170">
        <v>2455</v>
      </c>
      <c r="IC9" s="439">
        <v>0</v>
      </c>
      <c r="ID9" s="169">
        <v>1892</v>
      </c>
      <c r="IE9" s="169">
        <v>1396</v>
      </c>
      <c r="IF9" s="169">
        <v>903</v>
      </c>
      <c r="IG9" s="169">
        <v>881</v>
      </c>
      <c r="IH9" s="169">
        <v>659</v>
      </c>
      <c r="II9" s="170">
        <v>5731</v>
      </c>
      <c r="IJ9" s="171">
        <v>8186</v>
      </c>
      <c r="IK9" s="168">
        <v>2331</v>
      </c>
      <c r="IL9" s="169">
        <v>2114</v>
      </c>
      <c r="IM9" s="170">
        <v>4445</v>
      </c>
      <c r="IN9" s="439">
        <v>0</v>
      </c>
      <c r="IO9" s="169">
        <v>3439</v>
      </c>
      <c r="IP9" s="169">
        <v>2442</v>
      </c>
      <c r="IQ9" s="169">
        <v>1599</v>
      </c>
      <c r="IR9" s="169">
        <v>1442</v>
      </c>
      <c r="IS9" s="169">
        <v>995</v>
      </c>
      <c r="IT9" s="170">
        <v>9917</v>
      </c>
      <c r="IU9" s="171">
        <v>14362</v>
      </c>
      <c r="IV9" s="168">
        <v>2260</v>
      </c>
      <c r="IW9" s="169">
        <v>2253</v>
      </c>
      <c r="IX9" s="170">
        <v>4513</v>
      </c>
      <c r="IY9" s="439">
        <v>0</v>
      </c>
      <c r="IZ9" s="169">
        <v>3961</v>
      </c>
      <c r="JA9" s="169">
        <v>3062</v>
      </c>
      <c r="JB9" s="169">
        <v>2111</v>
      </c>
      <c r="JC9" s="169">
        <v>1805</v>
      </c>
      <c r="JD9" s="169">
        <v>1251</v>
      </c>
      <c r="JE9" s="170">
        <v>12190</v>
      </c>
      <c r="JF9" s="171">
        <v>16703</v>
      </c>
      <c r="JG9" s="168">
        <v>1258</v>
      </c>
      <c r="JH9" s="169">
        <v>1509</v>
      </c>
      <c r="JI9" s="170">
        <v>2767</v>
      </c>
      <c r="JJ9" s="439">
        <v>0</v>
      </c>
      <c r="JK9" s="169">
        <v>3332</v>
      </c>
      <c r="JL9" s="169">
        <v>3087</v>
      </c>
      <c r="JM9" s="169">
        <v>2670</v>
      </c>
      <c r="JN9" s="169">
        <v>2800</v>
      </c>
      <c r="JO9" s="169">
        <v>1724</v>
      </c>
      <c r="JP9" s="170">
        <v>13613</v>
      </c>
      <c r="JQ9" s="171">
        <v>16380</v>
      </c>
      <c r="JR9" s="168">
        <v>143</v>
      </c>
      <c r="JS9" s="169">
        <v>199</v>
      </c>
      <c r="JT9" s="170">
        <v>342</v>
      </c>
      <c r="JU9" s="439">
        <v>0</v>
      </c>
      <c r="JV9" s="169">
        <v>299</v>
      </c>
      <c r="JW9" s="169">
        <v>337</v>
      </c>
      <c r="JX9" s="169">
        <v>214</v>
      </c>
      <c r="JY9" s="169">
        <v>217</v>
      </c>
      <c r="JZ9" s="169">
        <v>204</v>
      </c>
      <c r="KA9" s="170">
        <v>1271</v>
      </c>
      <c r="KB9" s="171">
        <v>1613</v>
      </c>
      <c r="KC9" s="168">
        <v>8157</v>
      </c>
      <c r="KD9" s="169">
        <v>8200</v>
      </c>
      <c r="KE9" s="170">
        <v>16357</v>
      </c>
      <c r="KF9" s="439">
        <v>0</v>
      </c>
      <c r="KG9" s="169">
        <v>14346</v>
      </c>
      <c r="KH9" s="169">
        <v>11527</v>
      </c>
      <c r="KI9" s="169">
        <v>8294</v>
      </c>
      <c r="KJ9" s="169">
        <v>7879</v>
      </c>
      <c r="KK9" s="169">
        <v>5426</v>
      </c>
      <c r="KL9" s="170">
        <v>47472</v>
      </c>
      <c r="KM9" s="171">
        <v>63829</v>
      </c>
    </row>
    <row r="10" spans="2:299" s="137" customFormat="1" ht="21" customHeight="1" x14ac:dyDescent="0.2">
      <c r="B10" s="173" t="s">
        <v>14</v>
      </c>
      <c r="C10" s="163">
        <v>1572</v>
      </c>
      <c r="D10" s="164">
        <v>1957</v>
      </c>
      <c r="E10" s="165">
        <v>3529</v>
      </c>
      <c r="F10" s="439">
        <v>0</v>
      </c>
      <c r="G10" s="164">
        <v>2359</v>
      </c>
      <c r="H10" s="164">
        <v>2598</v>
      </c>
      <c r="I10" s="164">
        <v>1887</v>
      </c>
      <c r="J10" s="164">
        <v>1505</v>
      </c>
      <c r="K10" s="164">
        <v>883</v>
      </c>
      <c r="L10" s="166">
        <v>9232</v>
      </c>
      <c r="M10" s="167">
        <v>12761</v>
      </c>
      <c r="N10" s="168">
        <v>61</v>
      </c>
      <c r="O10" s="169">
        <v>87</v>
      </c>
      <c r="P10" s="170">
        <v>148</v>
      </c>
      <c r="Q10" s="439">
        <v>0</v>
      </c>
      <c r="R10" s="169">
        <v>89</v>
      </c>
      <c r="S10" s="169">
        <v>130</v>
      </c>
      <c r="T10" s="169">
        <v>98</v>
      </c>
      <c r="U10" s="169">
        <v>97</v>
      </c>
      <c r="V10" s="169">
        <v>62</v>
      </c>
      <c r="W10" s="170">
        <v>476</v>
      </c>
      <c r="X10" s="171">
        <v>624</v>
      </c>
      <c r="Y10" s="168">
        <v>150</v>
      </c>
      <c r="Z10" s="169">
        <v>255</v>
      </c>
      <c r="AA10" s="170">
        <v>405</v>
      </c>
      <c r="AB10" s="439">
        <v>0</v>
      </c>
      <c r="AC10" s="169">
        <v>201</v>
      </c>
      <c r="AD10" s="169">
        <v>274</v>
      </c>
      <c r="AE10" s="169">
        <v>193</v>
      </c>
      <c r="AF10" s="169">
        <v>154</v>
      </c>
      <c r="AG10" s="169">
        <v>126</v>
      </c>
      <c r="AH10" s="170">
        <v>948</v>
      </c>
      <c r="AI10" s="171">
        <v>1353</v>
      </c>
      <c r="AJ10" s="168">
        <v>238</v>
      </c>
      <c r="AK10" s="169">
        <v>368</v>
      </c>
      <c r="AL10" s="170">
        <v>606</v>
      </c>
      <c r="AM10" s="439">
        <v>0</v>
      </c>
      <c r="AN10" s="169">
        <v>362</v>
      </c>
      <c r="AO10" s="169">
        <v>424</v>
      </c>
      <c r="AP10" s="169">
        <v>305</v>
      </c>
      <c r="AQ10" s="169">
        <v>251</v>
      </c>
      <c r="AR10" s="169">
        <v>148</v>
      </c>
      <c r="AS10" s="170">
        <v>1490</v>
      </c>
      <c r="AT10" s="171">
        <v>2096</v>
      </c>
      <c r="AU10" s="168">
        <v>481</v>
      </c>
      <c r="AV10" s="169">
        <v>528</v>
      </c>
      <c r="AW10" s="170">
        <v>1009</v>
      </c>
      <c r="AX10" s="439">
        <v>0</v>
      </c>
      <c r="AY10" s="169">
        <v>672</v>
      </c>
      <c r="AZ10" s="169">
        <v>675</v>
      </c>
      <c r="BA10" s="169">
        <v>472</v>
      </c>
      <c r="BB10" s="169">
        <v>365</v>
      </c>
      <c r="BC10" s="169">
        <v>218</v>
      </c>
      <c r="BD10" s="170">
        <v>2402</v>
      </c>
      <c r="BE10" s="171">
        <v>3411</v>
      </c>
      <c r="BF10" s="168">
        <v>439</v>
      </c>
      <c r="BG10" s="169">
        <v>463</v>
      </c>
      <c r="BH10" s="170">
        <v>902</v>
      </c>
      <c r="BI10" s="439">
        <v>0</v>
      </c>
      <c r="BJ10" s="169">
        <v>640</v>
      </c>
      <c r="BK10" s="169">
        <v>664</v>
      </c>
      <c r="BL10" s="169">
        <v>467</v>
      </c>
      <c r="BM10" s="169">
        <v>372</v>
      </c>
      <c r="BN10" s="169">
        <v>191</v>
      </c>
      <c r="BO10" s="170">
        <v>2334</v>
      </c>
      <c r="BP10" s="171">
        <v>3236</v>
      </c>
      <c r="BQ10" s="168">
        <v>203</v>
      </c>
      <c r="BR10" s="169">
        <v>256</v>
      </c>
      <c r="BS10" s="170">
        <v>459</v>
      </c>
      <c r="BT10" s="439">
        <v>0</v>
      </c>
      <c r="BU10" s="169">
        <v>395</v>
      </c>
      <c r="BV10" s="169">
        <v>431</v>
      </c>
      <c r="BW10" s="169">
        <v>352</v>
      </c>
      <c r="BX10" s="169">
        <v>266</v>
      </c>
      <c r="BY10" s="169">
        <v>138</v>
      </c>
      <c r="BZ10" s="170">
        <v>1582</v>
      </c>
      <c r="CA10" s="171">
        <v>2041</v>
      </c>
      <c r="CB10" s="168">
        <v>34</v>
      </c>
      <c r="CC10" s="169">
        <v>97</v>
      </c>
      <c r="CD10" s="170">
        <v>131</v>
      </c>
      <c r="CE10" s="439">
        <v>0</v>
      </c>
      <c r="CF10" s="169">
        <v>42</v>
      </c>
      <c r="CG10" s="169">
        <v>132</v>
      </c>
      <c r="CH10" s="169">
        <v>74</v>
      </c>
      <c r="CI10" s="169">
        <v>66</v>
      </c>
      <c r="CJ10" s="169">
        <v>50</v>
      </c>
      <c r="CK10" s="170">
        <v>364</v>
      </c>
      <c r="CL10" s="171">
        <v>495</v>
      </c>
      <c r="CM10" s="168">
        <v>1606</v>
      </c>
      <c r="CN10" s="169">
        <v>2054</v>
      </c>
      <c r="CO10" s="170">
        <v>3660</v>
      </c>
      <c r="CP10" s="439">
        <v>0</v>
      </c>
      <c r="CQ10" s="169">
        <v>2401</v>
      </c>
      <c r="CR10" s="169">
        <v>2730</v>
      </c>
      <c r="CS10" s="169">
        <v>1961</v>
      </c>
      <c r="CT10" s="169">
        <v>1571</v>
      </c>
      <c r="CU10" s="169">
        <v>933</v>
      </c>
      <c r="CV10" s="170">
        <v>9596</v>
      </c>
      <c r="CW10" s="171">
        <v>13256</v>
      </c>
      <c r="CX10" s="172">
        <v>3046</v>
      </c>
      <c r="CY10" s="164">
        <v>4219</v>
      </c>
      <c r="CZ10" s="165">
        <v>7265</v>
      </c>
      <c r="DA10" s="439">
        <v>0</v>
      </c>
      <c r="DB10" s="164">
        <v>3920</v>
      </c>
      <c r="DC10" s="164">
        <v>4189</v>
      </c>
      <c r="DD10" s="164">
        <v>3328</v>
      </c>
      <c r="DE10" s="164">
        <v>3093</v>
      </c>
      <c r="DF10" s="164">
        <v>1922</v>
      </c>
      <c r="DG10" s="166">
        <v>16452</v>
      </c>
      <c r="DH10" s="167">
        <v>23717</v>
      </c>
      <c r="DI10" s="168">
        <v>72</v>
      </c>
      <c r="DJ10" s="169">
        <v>91</v>
      </c>
      <c r="DK10" s="170">
        <v>163</v>
      </c>
      <c r="DL10" s="439">
        <v>0</v>
      </c>
      <c r="DM10" s="169">
        <v>66</v>
      </c>
      <c r="DN10" s="169">
        <v>105</v>
      </c>
      <c r="DO10" s="169">
        <v>73</v>
      </c>
      <c r="DP10" s="169">
        <v>55</v>
      </c>
      <c r="DQ10" s="169">
        <v>44</v>
      </c>
      <c r="DR10" s="170">
        <v>343</v>
      </c>
      <c r="DS10" s="171">
        <v>506</v>
      </c>
      <c r="DT10" s="168">
        <v>229</v>
      </c>
      <c r="DU10" s="169">
        <v>310</v>
      </c>
      <c r="DV10" s="170">
        <v>539</v>
      </c>
      <c r="DW10" s="439">
        <v>0</v>
      </c>
      <c r="DX10" s="169">
        <v>184</v>
      </c>
      <c r="DY10" s="169">
        <v>253</v>
      </c>
      <c r="DZ10" s="169">
        <v>157</v>
      </c>
      <c r="EA10" s="169">
        <v>153</v>
      </c>
      <c r="EB10" s="169">
        <v>113</v>
      </c>
      <c r="EC10" s="170">
        <v>860</v>
      </c>
      <c r="ED10" s="171">
        <v>1399</v>
      </c>
      <c r="EE10" s="168">
        <v>529</v>
      </c>
      <c r="EF10" s="169">
        <v>694</v>
      </c>
      <c r="EG10" s="170">
        <v>1223</v>
      </c>
      <c r="EH10" s="439">
        <v>0</v>
      </c>
      <c r="EI10" s="169">
        <v>497</v>
      </c>
      <c r="EJ10" s="169">
        <v>524</v>
      </c>
      <c r="EK10" s="169">
        <v>338</v>
      </c>
      <c r="EL10" s="169">
        <v>328</v>
      </c>
      <c r="EM10" s="169">
        <v>236</v>
      </c>
      <c r="EN10" s="170">
        <v>1923</v>
      </c>
      <c r="EO10" s="171">
        <v>3146</v>
      </c>
      <c r="EP10" s="168">
        <v>993</v>
      </c>
      <c r="EQ10" s="169">
        <v>1282</v>
      </c>
      <c r="ER10" s="170">
        <v>2275</v>
      </c>
      <c r="ES10" s="439">
        <v>0</v>
      </c>
      <c r="ET10" s="169">
        <v>1104</v>
      </c>
      <c r="EU10" s="169">
        <v>1010</v>
      </c>
      <c r="EV10" s="169">
        <v>770</v>
      </c>
      <c r="EW10" s="169">
        <v>591</v>
      </c>
      <c r="EX10" s="169">
        <v>398</v>
      </c>
      <c r="EY10" s="170">
        <v>3873</v>
      </c>
      <c r="EZ10" s="171">
        <v>6148</v>
      </c>
      <c r="FA10" s="168">
        <v>846</v>
      </c>
      <c r="FB10" s="169">
        <v>1161</v>
      </c>
      <c r="FC10" s="170">
        <v>2007</v>
      </c>
      <c r="FD10" s="439">
        <v>0</v>
      </c>
      <c r="FE10" s="169">
        <v>1170</v>
      </c>
      <c r="FF10" s="169">
        <v>1134</v>
      </c>
      <c r="FG10" s="169">
        <v>824</v>
      </c>
      <c r="FH10" s="169">
        <v>776</v>
      </c>
      <c r="FI10" s="169">
        <v>484</v>
      </c>
      <c r="FJ10" s="170">
        <v>4388</v>
      </c>
      <c r="FK10" s="171">
        <v>6395</v>
      </c>
      <c r="FL10" s="168">
        <v>377</v>
      </c>
      <c r="FM10" s="169">
        <v>681</v>
      </c>
      <c r="FN10" s="170">
        <v>1058</v>
      </c>
      <c r="FO10" s="439">
        <v>0</v>
      </c>
      <c r="FP10" s="169">
        <v>899</v>
      </c>
      <c r="FQ10" s="169">
        <v>1163</v>
      </c>
      <c r="FR10" s="169">
        <v>1166</v>
      </c>
      <c r="FS10" s="169">
        <v>1190</v>
      </c>
      <c r="FT10" s="169">
        <v>647</v>
      </c>
      <c r="FU10" s="170">
        <v>5065</v>
      </c>
      <c r="FV10" s="171">
        <v>6123</v>
      </c>
      <c r="FW10" s="168">
        <v>22</v>
      </c>
      <c r="FX10" s="169">
        <v>80</v>
      </c>
      <c r="FY10" s="170">
        <v>102</v>
      </c>
      <c r="FZ10" s="439">
        <v>0</v>
      </c>
      <c r="GA10" s="169">
        <v>45</v>
      </c>
      <c r="GB10" s="169">
        <v>85</v>
      </c>
      <c r="GC10" s="169">
        <v>50</v>
      </c>
      <c r="GD10" s="169">
        <v>50</v>
      </c>
      <c r="GE10" s="169">
        <v>58</v>
      </c>
      <c r="GF10" s="170">
        <v>288</v>
      </c>
      <c r="GG10" s="171">
        <v>390</v>
      </c>
      <c r="GH10" s="168">
        <v>3068</v>
      </c>
      <c r="GI10" s="169">
        <v>4299</v>
      </c>
      <c r="GJ10" s="170">
        <v>7367</v>
      </c>
      <c r="GK10" s="439">
        <v>0</v>
      </c>
      <c r="GL10" s="169">
        <v>3965</v>
      </c>
      <c r="GM10" s="169">
        <v>4274</v>
      </c>
      <c r="GN10" s="169">
        <v>3378</v>
      </c>
      <c r="GO10" s="169">
        <v>3143</v>
      </c>
      <c r="GP10" s="169">
        <v>1980</v>
      </c>
      <c r="GQ10" s="170">
        <v>16740</v>
      </c>
      <c r="GR10" s="171">
        <v>24107</v>
      </c>
      <c r="GS10" s="172">
        <v>4618</v>
      </c>
      <c r="GT10" s="164">
        <v>6176</v>
      </c>
      <c r="GU10" s="165">
        <v>10794</v>
      </c>
      <c r="GV10" s="439">
        <v>0</v>
      </c>
      <c r="GW10" s="164">
        <v>6279</v>
      </c>
      <c r="GX10" s="164">
        <v>6787</v>
      </c>
      <c r="GY10" s="164">
        <v>5215</v>
      </c>
      <c r="GZ10" s="164">
        <v>4598</v>
      </c>
      <c r="HA10" s="164">
        <v>2805</v>
      </c>
      <c r="HB10" s="166">
        <v>25684</v>
      </c>
      <c r="HC10" s="167">
        <v>36478</v>
      </c>
      <c r="HD10" s="168">
        <v>133</v>
      </c>
      <c r="HE10" s="169">
        <v>178</v>
      </c>
      <c r="HF10" s="170">
        <v>311</v>
      </c>
      <c r="HG10" s="439">
        <v>0</v>
      </c>
      <c r="HH10" s="169">
        <v>155</v>
      </c>
      <c r="HI10" s="169">
        <v>235</v>
      </c>
      <c r="HJ10" s="169">
        <v>171</v>
      </c>
      <c r="HK10" s="169">
        <v>152</v>
      </c>
      <c r="HL10" s="169">
        <v>106</v>
      </c>
      <c r="HM10" s="170">
        <v>819</v>
      </c>
      <c r="HN10" s="171">
        <v>1130</v>
      </c>
      <c r="HO10" s="168">
        <v>379</v>
      </c>
      <c r="HP10" s="169">
        <v>565</v>
      </c>
      <c r="HQ10" s="170">
        <v>944</v>
      </c>
      <c r="HR10" s="439">
        <v>0</v>
      </c>
      <c r="HS10" s="169">
        <v>385</v>
      </c>
      <c r="HT10" s="169">
        <v>527</v>
      </c>
      <c r="HU10" s="169">
        <v>350</v>
      </c>
      <c r="HV10" s="169">
        <v>307</v>
      </c>
      <c r="HW10" s="169">
        <v>239</v>
      </c>
      <c r="HX10" s="170">
        <v>1808</v>
      </c>
      <c r="HY10" s="171">
        <v>2752</v>
      </c>
      <c r="HZ10" s="168">
        <v>767</v>
      </c>
      <c r="IA10" s="169">
        <v>1062</v>
      </c>
      <c r="IB10" s="170">
        <v>1829</v>
      </c>
      <c r="IC10" s="439">
        <v>0</v>
      </c>
      <c r="ID10" s="169">
        <v>859</v>
      </c>
      <c r="IE10" s="169">
        <v>948</v>
      </c>
      <c r="IF10" s="169">
        <v>643</v>
      </c>
      <c r="IG10" s="169">
        <v>579</v>
      </c>
      <c r="IH10" s="169">
        <v>384</v>
      </c>
      <c r="II10" s="170">
        <v>3413</v>
      </c>
      <c r="IJ10" s="171">
        <v>5242</v>
      </c>
      <c r="IK10" s="168">
        <v>1474</v>
      </c>
      <c r="IL10" s="169">
        <v>1810</v>
      </c>
      <c r="IM10" s="170">
        <v>3284</v>
      </c>
      <c r="IN10" s="439">
        <v>0</v>
      </c>
      <c r="IO10" s="169">
        <v>1776</v>
      </c>
      <c r="IP10" s="169">
        <v>1685</v>
      </c>
      <c r="IQ10" s="169">
        <v>1242</v>
      </c>
      <c r="IR10" s="169">
        <v>956</v>
      </c>
      <c r="IS10" s="169">
        <v>616</v>
      </c>
      <c r="IT10" s="170">
        <v>6275</v>
      </c>
      <c r="IU10" s="171">
        <v>9559</v>
      </c>
      <c r="IV10" s="168">
        <v>1285</v>
      </c>
      <c r="IW10" s="169">
        <v>1624</v>
      </c>
      <c r="IX10" s="170">
        <v>2909</v>
      </c>
      <c r="IY10" s="439">
        <v>0</v>
      </c>
      <c r="IZ10" s="169">
        <v>1810</v>
      </c>
      <c r="JA10" s="169">
        <v>1798</v>
      </c>
      <c r="JB10" s="169">
        <v>1291</v>
      </c>
      <c r="JC10" s="169">
        <v>1148</v>
      </c>
      <c r="JD10" s="169">
        <v>675</v>
      </c>
      <c r="JE10" s="170">
        <v>6722</v>
      </c>
      <c r="JF10" s="171">
        <v>9631</v>
      </c>
      <c r="JG10" s="168">
        <v>580</v>
      </c>
      <c r="JH10" s="169">
        <v>937</v>
      </c>
      <c r="JI10" s="170">
        <v>1517</v>
      </c>
      <c r="JJ10" s="439">
        <v>0</v>
      </c>
      <c r="JK10" s="169">
        <v>1294</v>
      </c>
      <c r="JL10" s="169">
        <v>1594</v>
      </c>
      <c r="JM10" s="169">
        <v>1518</v>
      </c>
      <c r="JN10" s="169">
        <v>1456</v>
      </c>
      <c r="JO10" s="169">
        <v>785</v>
      </c>
      <c r="JP10" s="170">
        <v>6647</v>
      </c>
      <c r="JQ10" s="171">
        <v>8164</v>
      </c>
      <c r="JR10" s="168">
        <v>56</v>
      </c>
      <c r="JS10" s="169">
        <v>177</v>
      </c>
      <c r="JT10" s="170">
        <v>233</v>
      </c>
      <c r="JU10" s="439">
        <v>0</v>
      </c>
      <c r="JV10" s="169">
        <v>87</v>
      </c>
      <c r="JW10" s="169">
        <v>217</v>
      </c>
      <c r="JX10" s="169">
        <v>124</v>
      </c>
      <c r="JY10" s="169">
        <v>116</v>
      </c>
      <c r="JZ10" s="169">
        <v>108</v>
      </c>
      <c r="KA10" s="170">
        <v>652</v>
      </c>
      <c r="KB10" s="171">
        <v>885</v>
      </c>
      <c r="KC10" s="168">
        <v>4674</v>
      </c>
      <c r="KD10" s="169">
        <v>6353</v>
      </c>
      <c r="KE10" s="170">
        <v>11027</v>
      </c>
      <c r="KF10" s="439">
        <v>0</v>
      </c>
      <c r="KG10" s="169">
        <v>6366</v>
      </c>
      <c r="KH10" s="169">
        <v>7004</v>
      </c>
      <c r="KI10" s="169">
        <v>5339</v>
      </c>
      <c r="KJ10" s="169">
        <v>4714</v>
      </c>
      <c r="KK10" s="169">
        <v>2913</v>
      </c>
      <c r="KL10" s="170">
        <v>26336</v>
      </c>
      <c r="KM10" s="171">
        <v>37363</v>
      </c>
    </row>
    <row r="11" spans="2:299" s="137" customFormat="1" ht="21" customHeight="1" x14ac:dyDescent="0.2">
      <c r="B11" s="173" t="s">
        <v>7</v>
      </c>
      <c r="C11" s="163">
        <v>1018</v>
      </c>
      <c r="D11" s="164">
        <v>785</v>
      </c>
      <c r="E11" s="165">
        <v>1803</v>
      </c>
      <c r="F11" s="439">
        <v>0</v>
      </c>
      <c r="G11" s="164">
        <v>2324</v>
      </c>
      <c r="H11" s="164">
        <v>1512</v>
      </c>
      <c r="I11" s="164">
        <v>901</v>
      </c>
      <c r="J11" s="164">
        <v>820</v>
      </c>
      <c r="K11" s="164">
        <v>450</v>
      </c>
      <c r="L11" s="166">
        <v>6007</v>
      </c>
      <c r="M11" s="167">
        <v>7810</v>
      </c>
      <c r="N11" s="168">
        <v>36</v>
      </c>
      <c r="O11" s="169">
        <v>27</v>
      </c>
      <c r="P11" s="170">
        <v>63</v>
      </c>
      <c r="Q11" s="439">
        <v>0</v>
      </c>
      <c r="R11" s="169">
        <v>91</v>
      </c>
      <c r="S11" s="169">
        <v>66</v>
      </c>
      <c r="T11" s="169">
        <v>26</v>
      </c>
      <c r="U11" s="169">
        <v>42</v>
      </c>
      <c r="V11" s="169">
        <v>32</v>
      </c>
      <c r="W11" s="170">
        <v>257</v>
      </c>
      <c r="X11" s="171">
        <v>320</v>
      </c>
      <c r="Y11" s="168">
        <v>67</v>
      </c>
      <c r="Z11" s="169">
        <v>79</v>
      </c>
      <c r="AA11" s="170">
        <v>146</v>
      </c>
      <c r="AB11" s="439">
        <v>0</v>
      </c>
      <c r="AC11" s="169">
        <v>216</v>
      </c>
      <c r="AD11" s="169">
        <v>155</v>
      </c>
      <c r="AE11" s="169">
        <v>87</v>
      </c>
      <c r="AF11" s="169">
        <v>87</v>
      </c>
      <c r="AG11" s="169">
        <v>56</v>
      </c>
      <c r="AH11" s="170">
        <v>601</v>
      </c>
      <c r="AI11" s="171">
        <v>747</v>
      </c>
      <c r="AJ11" s="168">
        <v>147</v>
      </c>
      <c r="AK11" s="169">
        <v>127</v>
      </c>
      <c r="AL11" s="170">
        <v>274</v>
      </c>
      <c r="AM11" s="439">
        <v>0</v>
      </c>
      <c r="AN11" s="169">
        <v>384</v>
      </c>
      <c r="AO11" s="169">
        <v>244</v>
      </c>
      <c r="AP11" s="169">
        <v>150</v>
      </c>
      <c r="AQ11" s="169">
        <v>122</v>
      </c>
      <c r="AR11" s="169">
        <v>88</v>
      </c>
      <c r="AS11" s="170">
        <v>988</v>
      </c>
      <c r="AT11" s="171">
        <v>1262</v>
      </c>
      <c r="AU11" s="168">
        <v>290</v>
      </c>
      <c r="AV11" s="169">
        <v>197</v>
      </c>
      <c r="AW11" s="170">
        <v>487</v>
      </c>
      <c r="AX11" s="439">
        <v>0</v>
      </c>
      <c r="AY11" s="169">
        <v>614</v>
      </c>
      <c r="AZ11" s="169">
        <v>364</v>
      </c>
      <c r="BA11" s="169">
        <v>239</v>
      </c>
      <c r="BB11" s="169">
        <v>182</v>
      </c>
      <c r="BC11" s="169">
        <v>105</v>
      </c>
      <c r="BD11" s="170">
        <v>1504</v>
      </c>
      <c r="BE11" s="171">
        <v>1991</v>
      </c>
      <c r="BF11" s="168">
        <v>292</v>
      </c>
      <c r="BG11" s="169">
        <v>221</v>
      </c>
      <c r="BH11" s="170">
        <v>513</v>
      </c>
      <c r="BI11" s="439">
        <v>0</v>
      </c>
      <c r="BJ11" s="169">
        <v>612</v>
      </c>
      <c r="BK11" s="169">
        <v>381</v>
      </c>
      <c r="BL11" s="169">
        <v>209</v>
      </c>
      <c r="BM11" s="169">
        <v>228</v>
      </c>
      <c r="BN11" s="169">
        <v>99</v>
      </c>
      <c r="BO11" s="170">
        <v>1529</v>
      </c>
      <c r="BP11" s="171">
        <v>2042</v>
      </c>
      <c r="BQ11" s="168">
        <v>186</v>
      </c>
      <c r="BR11" s="169">
        <v>134</v>
      </c>
      <c r="BS11" s="170">
        <v>320</v>
      </c>
      <c r="BT11" s="439">
        <v>0</v>
      </c>
      <c r="BU11" s="169">
        <v>407</v>
      </c>
      <c r="BV11" s="169">
        <v>302</v>
      </c>
      <c r="BW11" s="169">
        <v>190</v>
      </c>
      <c r="BX11" s="169">
        <v>159</v>
      </c>
      <c r="BY11" s="169">
        <v>70</v>
      </c>
      <c r="BZ11" s="170">
        <v>1128</v>
      </c>
      <c r="CA11" s="171">
        <v>1448</v>
      </c>
      <c r="CB11" s="168">
        <v>19</v>
      </c>
      <c r="CC11" s="169">
        <v>22</v>
      </c>
      <c r="CD11" s="170">
        <v>41</v>
      </c>
      <c r="CE11" s="439">
        <v>0</v>
      </c>
      <c r="CF11" s="169">
        <v>65</v>
      </c>
      <c r="CG11" s="169">
        <v>59</v>
      </c>
      <c r="CH11" s="169">
        <v>30</v>
      </c>
      <c r="CI11" s="169">
        <v>33</v>
      </c>
      <c r="CJ11" s="169">
        <v>25</v>
      </c>
      <c r="CK11" s="170">
        <v>212</v>
      </c>
      <c r="CL11" s="171">
        <v>253</v>
      </c>
      <c r="CM11" s="168">
        <v>1037</v>
      </c>
      <c r="CN11" s="169">
        <v>807</v>
      </c>
      <c r="CO11" s="170">
        <v>1844</v>
      </c>
      <c r="CP11" s="439">
        <v>0</v>
      </c>
      <c r="CQ11" s="169">
        <v>2389</v>
      </c>
      <c r="CR11" s="169">
        <v>1571</v>
      </c>
      <c r="CS11" s="169">
        <v>931</v>
      </c>
      <c r="CT11" s="169">
        <v>853</v>
      </c>
      <c r="CU11" s="169">
        <v>475</v>
      </c>
      <c r="CV11" s="170">
        <v>6219</v>
      </c>
      <c r="CW11" s="171">
        <v>8063</v>
      </c>
      <c r="CX11" s="172">
        <v>1960</v>
      </c>
      <c r="CY11" s="164">
        <v>2187</v>
      </c>
      <c r="CZ11" s="165">
        <v>4147</v>
      </c>
      <c r="DA11" s="439">
        <v>0</v>
      </c>
      <c r="DB11" s="164">
        <v>4256</v>
      </c>
      <c r="DC11" s="164">
        <v>2605</v>
      </c>
      <c r="DD11" s="164">
        <v>2030</v>
      </c>
      <c r="DE11" s="164">
        <v>1983</v>
      </c>
      <c r="DF11" s="164">
        <v>1159</v>
      </c>
      <c r="DG11" s="166">
        <v>12033</v>
      </c>
      <c r="DH11" s="167">
        <v>16180</v>
      </c>
      <c r="DI11" s="168">
        <v>26</v>
      </c>
      <c r="DJ11" s="169">
        <v>43</v>
      </c>
      <c r="DK11" s="170">
        <v>69</v>
      </c>
      <c r="DL11" s="439">
        <v>0</v>
      </c>
      <c r="DM11" s="169">
        <v>88</v>
      </c>
      <c r="DN11" s="169">
        <v>50</v>
      </c>
      <c r="DO11" s="169">
        <v>37</v>
      </c>
      <c r="DP11" s="169">
        <v>28</v>
      </c>
      <c r="DQ11" s="169">
        <v>38</v>
      </c>
      <c r="DR11" s="170">
        <v>241</v>
      </c>
      <c r="DS11" s="171">
        <v>310</v>
      </c>
      <c r="DT11" s="168">
        <v>132</v>
      </c>
      <c r="DU11" s="169">
        <v>113</v>
      </c>
      <c r="DV11" s="170">
        <v>245</v>
      </c>
      <c r="DW11" s="439">
        <v>0</v>
      </c>
      <c r="DX11" s="169">
        <v>202</v>
      </c>
      <c r="DY11" s="169">
        <v>123</v>
      </c>
      <c r="DZ11" s="169">
        <v>81</v>
      </c>
      <c r="EA11" s="169">
        <v>95</v>
      </c>
      <c r="EB11" s="169">
        <v>47</v>
      </c>
      <c r="EC11" s="170">
        <v>548</v>
      </c>
      <c r="ED11" s="171">
        <v>793</v>
      </c>
      <c r="EE11" s="168">
        <v>295</v>
      </c>
      <c r="EF11" s="169">
        <v>313</v>
      </c>
      <c r="EG11" s="170">
        <v>608</v>
      </c>
      <c r="EH11" s="439">
        <v>0</v>
      </c>
      <c r="EI11" s="169">
        <v>515</v>
      </c>
      <c r="EJ11" s="169">
        <v>267</v>
      </c>
      <c r="EK11" s="169">
        <v>177</v>
      </c>
      <c r="EL11" s="169">
        <v>193</v>
      </c>
      <c r="EM11" s="169">
        <v>129</v>
      </c>
      <c r="EN11" s="170">
        <v>1281</v>
      </c>
      <c r="EO11" s="171">
        <v>1889</v>
      </c>
      <c r="EP11" s="168">
        <v>562</v>
      </c>
      <c r="EQ11" s="169">
        <v>619</v>
      </c>
      <c r="ER11" s="170">
        <v>1181</v>
      </c>
      <c r="ES11" s="439">
        <v>0</v>
      </c>
      <c r="ET11" s="169">
        <v>985</v>
      </c>
      <c r="EU11" s="169">
        <v>557</v>
      </c>
      <c r="EV11" s="169">
        <v>360</v>
      </c>
      <c r="EW11" s="169">
        <v>349</v>
      </c>
      <c r="EX11" s="169">
        <v>224</v>
      </c>
      <c r="EY11" s="170">
        <v>2475</v>
      </c>
      <c r="EZ11" s="171">
        <v>3656</v>
      </c>
      <c r="FA11" s="168">
        <v>615</v>
      </c>
      <c r="FB11" s="169">
        <v>678</v>
      </c>
      <c r="FC11" s="170">
        <v>1293</v>
      </c>
      <c r="FD11" s="439">
        <v>0</v>
      </c>
      <c r="FE11" s="169">
        <v>1259</v>
      </c>
      <c r="FF11" s="169">
        <v>734</v>
      </c>
      <c r="FG11" s="169">
        <v>529</v>
      </c>
      <c r="FH11" s="169">
        <v>495</v>
      </c>
      <c r="FI11" s="169">
        <v>279</v>
      </c>
      <c r="FJ11" s="170">
        <v>3296</v>
      </c>
      <c r="FK11" s="171">
        <v>4589</v>
      </c>
      <c r="FL11" s="168">
        <v>330</v>
      </c>
      <c r="FM11" s="169">
        <v>421</v>
      </c>
      <c r="FN11" s="170">
        <v>751</v>
      </c>
      <c r="FO11" s="439">
        <v>0</v>
      </c>
      <c r="FP11" s="169">
        <v>1207</v>
      </c>
      <c r="FQ11" s="169">
        <v>874</v>
      </c>
      <c r="FR11" s="169">
        <v>846</v>
      </c>
      <c r="FS11" s="169">
        <v>823</v>
      </c>
      <c r="FT11" s="169">
        <v>442</v>
      </c>
      <c r="FU11" s="170">
        <v>4192</v>
      </c>
      <c r="FV11" s="171">
        <v>4943</v>
      </c>
      <c r="FW11" s="168">
        <v>11</v>
      </c>
      <c r="FX11" s="169">
        <v>23</v>
      </c>
      <c r="FY11" s="170">
        <v>34</v>
      </c>
      <c r="FZ11" s="439">
        <v>0</v>
      </c>
      <c r="GA11" s="169">
        <v>63</v>
      </c>
      <c r="GB11" s="169">
        <v>52</v>
      </c>
      <c r="GC11" s="169">
        <v>31</v>
      </c>
      <c r="GD11" s="169">
        <v>35</v>
      </c>
      <c r="GE11" s="169">
        <v>16</v>
      </c>
      <c r="GF11" s="170">
        <v>197</v>
      </c>
      <c r="GG11" s="171">
        <v>231</v>
      </c>
      <c r="GH11" s="168">
        <v>1971</v>
      </c>
      <c r="GI11" s="169">
        <v>2210</v>
      </c>
      <c r="GJ11" s="170">
        <v>4181</v>
      </c>
      <c r="GK11" s="439">
        <v>0</v>
      </c>
      <c r="GL11" s="169">
        <v>4319</v>
      </c>
      <c r="GM11" s="169">
        <v>2657</v>
      </c>
      <c r="GN11" s="169">
        <v>2061</v>
      </c>
      <c r="GO11" s="169">
        <v>2018</v>
      </c>
      <c r="GP11" s="169">
        <v>1175</v>
      </c>
      <c r="GQ11" s="170">
        <v>12230</v>
      </c>
      <c r="GR11" s="171">
        <v>16411</v>
      </c>
      <c r="GS11" s="172">
        <v>2978</v>
      </c>
      <c r="GT11" s="164">
        <v>2972</v>
      </c>
      <c r="GU11" s="165">
        <v>5950</v>
      </c>
      <c r="GV11" s="439">
        <v>0</v>
      </c>
      <c r="GW11" s="164">
        <v>6580</v>
      </c>
      <c r="GX11" s="164">
        <v>4117</v>
      </c>
      <c r="GY11" s="164">
        <v>2931</v>
      </c>
      <c r="GZ11" s="164">
        <v>2803</v>
      </c>
      <c r="HA11" s="164">
        <v>1609</v>
      </c>
      <c r="HB11" s="166">
        <v>18040</v>
      </c>
      <c r="HC11" s="167">
        <v>23990</v>
      </c>
      <c r="HD11" s="168">
        <v>62</v>
      </c>
      <c r="HE11" s="169">
        <v>70</v>
      </c>
      <c r="HF11" s="170">
        <v>132</v>
      </c>
      <c r="HG11" s="439">
        <v>0</v>
      </c>
      <c r="HH11" s="169">
        <v>179</v>
      </c>
      <c r="HI11" s="169">
        <v>116</v>
      </c>
      <c r="HJ11" s="169">
        <v>63</v>
      </c>
      <c r="HK11" s="169">
        <v>70</v>
      </c>
      <c r="HL11" s="169">
        <v>70</v>
      </c>
      <c r="HM11" s="170">
        <v>498</v>
      </c>
      <c r="HN11" s="171">
        <v>630</v>
      </c>
      <c r="HO11" s="168">
        <v>199</v>
      </c>
      <c r="HP11" s="169">
        <v>192</v>
      </c>
      <c r="HQ11" s="170">
        <v>391</v>
      </c>
      <c r="HR11" s="439">
        <v>0</v>
      </c>
      <c r="HS11" s="169">
        <v>418</v>
      </c>
      <c r="HT11" s="169">
        <v>278</v>
      </c>
      <c r="HU11" s="169">
        <v>168</v>
      </c>
      <c r="HV11" s="169">
        <v>182</v>
      </c>
      <c r="HW11" s="169">
        <v>103</v>
      </c>
      <c r="HX11" s="170">
        <v>1149</v>
      </c>
      <c r="HY11" s="171">
        <v>1540</v>
      </c>
      <c r="HZ11" s="168">
        <v>442</v>
      </c>
      <c r="IA11" s="169">
        <v>440</v>
      </c>
      <c r="IB11" s="170">
        <v>882</v>
      </c>
      <c r="IC11" s="439">
        <v>0</v>
      </c>
      <c r="ID11" s="169">
        <v>899</v>
      </c>
      <c r="IE11" s="169">
        <v>511</v>
      </c>
      <c r="IF11" s="169">
        <v>327</v>
      </c>
      <c r="IG11" s="169">
        <v>315</v>
      </c>
      <c r="IH11" s="169">
        <v>217</v>
      </c>
      <c r="II11" s="170">
        <v>2269</v>
      </c>
      <c r="IJ11" s="171">
        <v>3151</v>
      </c>
      <c r="IK11" s="168">
        <v>852</v>
      </c>
      <c r="IL11" s="169">
        <v>816</v>
      </c>
      <c r="IM11" s="170">
        <v>1668</v>
      </c>
      <c r="IN11" s="439">
        <v>0</v>
      </c>
      <c r="IO11" s="169">
        <v>1599</v>
      </c>
      <c r="IP11" s="169">
        <v>921</v>
      </c>
      <c r="IQ11" s="169">
        <v>599</v>
      </c>
      <c r="IR11" s="169">
        <v>531</v>
      </c>
      <c r="IS11" s="169">
        <v>329</v>
      </c>
      <c r="IT11" s="170">
        <v>3979</v>
      </c>
      <c r="IU11" s="171">
        <v>5647</v>
      </c>
      <c r="IV11" s="168">
        <v>907</v>
      </c>
      <c r="IW11" s="169">
        <v>899</v>
      </c>
      <c r="IX11" s="170">
        <v>1806</v>
      </c>
      <c r="IY11" s="439">
        <v>0</v>
      </c>
      <c r="IZ11" s="169">
        <v>1871</v>
      </c>
      <c r="JA11" s="169">
        <v>1115</v>
      </c>
      <c r="JB11" s="169">
        <v>738</v>
      </c>
      <c r="JC11" s="169">
        <v>723</v>
      </c>
      <c r="JD11" s="169">
        <v>378</v>
      </c>
      <c r="JE11" s="170">
        <v>4825</v>
      </c>
      <c r="JF11" s="171">
        <v>6631</v>
      </c>
      <c r="JG11" s="168">
        <v>516</v>
      </c>
      <c r="JH11" s="169">
        <v>555</v>
      </c>
      <c r="JI11" s="170">
        <v>1071</v>
      </c>
      <c r="JJ11" s="439">
        <v>0</v>
      </c>
      <c r="JK11" s="169">
        <v>1614</v>
      </c>
      <c r="JL11" s="169">
        <v>1176</v>
      </c>
      <c r="JM11" s="169">
        <v>1036</v>
      </c>
      <c r="JN11" s="169">
        <v>982</v>
      </c>
      <c r="JO11" s="169">
        <v>512</v>
      </c>
      <c r="JP11" s="170">
        <v>5320</v>
      </c>
      <c r="JQ11" s="171">
        <v>6391</v>
      </c>
      <c r="JR11" s="168">
        <v>30</v>
      </c>
      <c r="JS11" s="169">
        <v>45</v>
      </c>
      <c r="JT11" s="170">
        <v>75</v>
      </c>
      <c r="JU11" s="439">
        <v>0</v>
      </c>
      <c r="JV11" s="169">
        <v>128</v>
      </c>
      <c r="JW11" s="169">
        <v>111</v>
      </c>
      <c r="JX11" s="169">
        <v>61</v>
      </c>
      <c r="JY11" s="169">
        <v>68</v>
      </c>
      <c r="JZ11" s="169">
        <v>41</v>
      </c>
      <c r="KA11" s="170">
        <v>409</v>
      </c>
      <c r="KB11" s="171">
        <v>484</v>
      </c>
      <c r="KC11" s="168">
        <v>3008</v>
      </c>
      <c r="KD11" s="169">
        <v>3017</v>
      </c>
      <c r="KE11" s="170">
        <v>6025</v>
      </c>
      <c r="KF11" s="439">
        <v>0</v>
      </c>
      <c r="KG11" s="169">
        <v>6708</v>
      </c>
      <c r="KH11" s="169">
        <v>4228</v>
      </c>
      <c r="KI11" s="169">
        <v>2992</v>
      </c>
      <c r="KJ11" s="169">
        <v>2871</v>
      </c>
      <c r="KK11" s="169">
        <v>1650</v>
      </c>
      <c r="KL11" s="170">
        <v>18449</v>
      </c>
      <c r="KM11" s="171">
        <v>24474</v>
      </c>
    </row>
    <row r="12" spans="2:299" s="137" customFormat="1" ht="21" customHeight="1" x14ac:dyDescent="0.2">
      <c r="B12" s="173" t="s">
        <v>8</v>
      </c>
      <c r="C12" s="163">
        <v>566</v>
      </c>
      <c r="D12" s="164">
        <v>399</v>
      </c>
      <c r="E12" s="165">
        <v>965</v>
      </c>
      <c r="F12" s="439">
        <v>0</v>
      </c>
      <c r="G12" s="164">
        <v>1010</v>
      </c>
      <c r="H12" s="164">
        <v>920</v>
      </c>
      <c r="I12" s="164">
        <v>632</v>
      </c>
      <c r="J12" s="164">
        <v>494</v>
      </c>
      <c r="K12" s="164">
        <v>288</v>
      </c>
      <c r="L12" s="166">
        <v>3344</v>
      </c>
      <c r="M12" s="167">
        <v>4309</v>
      </c>
      <c r="N12" s="168">
        <v>13</v>
      </c>
      <c r="O12" s="169">
        <v>28</v>
      </c>
      <c r="P12" s="170">
        <v>41</v>
      </c>
      <c r="Q12" s="439">
        <v>0</v>
      </c>
      <c r="R12" s="169">
        <v>51</v>
      </c>
      <c r="S12" s="169">
        <v>48</v>
      </c>
      <c r="T12" s="169">
        <v>27</v>
      </c>
      <c r="U12" s="169">
        <v>29</v>
      </c>
      <c r="V12" s="169">
        <v>19</v>
      </c>
      <c r="W12" s="170">
        <v>174</v>
      </c>
      <c r="X12" s="171">
        <v>215</v>
      </c>
      <c r="Y12" s="168">
        <v>53</v>
      </c>
      <c r="Z12" s="169">
        <v>44</v>
      </c>
      <c r="AA12" s="170">
        <v>97</v>
      </c>
      <c r="AB12" s="439">
        <v>0</v>
      </c>
      <c r="AC12" s="169">
        <v>91</v>
      </c>
      <c r="AD12" s="169">
        <v>95</v>
      </c>
      <c r="AE12" s="169">
        <v>58</v>
      </c>
      <c r="AF12" s="169">
        <v>66</v>
      </c>
      <c r="AG12" s="169">
        <v>46</v>
      </c>
      <c r="AH12" s="170">
        <v>356</v>
      </c>
      <c r="AI12" s="171">
        <v>453</v>
      </c>
      <c r="AJ12" s="168">
        <v>93</v>
      </c>
      <c r="AK12" s="169">
        <v>68</v>
      </c>
      <c r="AL12" s="170">
        <v>161</v>
      </c>
      <c r="AM12" s="439">
        <v>0</v>
      </c>
      <c r="AN12" s="169">
        <v>171</v>
      </c>
      <c r="AO12" s="169">
        <v>166</v>
      </c>
      <c r="AP12" s="169">
        <v>97</v>
      </c>
      <c r="AQ12" s="169">
        <v>74</v>
      </c>
      <c r="AR12" s="169">
        <v>50</v>
      </c>
      <c r="AS12" s="170">
        <v>558</v>
      </c>
      <c r="AT12" s="171">
        <v>719</v>
      </c>
      <c r="AU12" s="168">
        <v>150</v>
      </c>
      <c r="AV12" s="169">
        <v>94</v>
      </c>
      <c r="AW12" s="170">
        <v>244</v>
      </c>
      <c r="AX12" s="439">
        <v>0</v>
      </c>
      <c r="AY12" s="169">
        <v>267</v>
      </c>
      <c r="AZ12" s="169">
        <v>243</v>
      </c>
      <c r="BA12" s="169">
        <v>154</v>
      </c>
      <c r="BB12" s="169">
        <v>127</v>
      </c>
      <c r="BC12" s="169">
        <v>75</v>
      </c>
      <c r="BD12" s="170">
        <v>866</v>
      </c>
      <c r="BE12" s="171">
        <v>1110</v>
      </c>
      <c r="BF12" s="168">
        <v>148</v>
      </c>
      <c r="BG12" s="169">
        <v>97</v>
      </c>
      <c r="BH12" s="170">
        <v>245</v>
      </c>
      <c r="BI12" s="439">
        <v>0</v>
      </c>
      <c r="BJ12" s="169">
        <v>266</v>
      </c>
      <c r="BK12" s="169">
        <v>208</v>
      </c>
      <c r="BL12" s="169">
        <v>163</v>
      </c>
      <c r="BM12" s="169">
        <v>92</v>
      </c>
      <c r="BN12" s="169">
        <v>55</v>
      </c>
      <c r="BO12" s="170">
        <v>784</v>
      </c>
      <c r="BP12" s="171">
        <v>1029</v>
      </c>
      <c r="BQ12" s="168">
        <v>109</v>
      </c>
      <c r="BR12" s="169">
        <v>68</v>
      </c>
      <c r="BS12" s="170">
        <v>177</v>
      </c>
      <c r="BT12" s="439">
        <v>0</v>
      </c>
      <c r="BU12" s="169">
        <v>164</v>
      </c>
      <c r="BV12" s="169">
        <v>160</v>
      </c>
      <c r="BW12" s="169">
        <v>133</v>
      </c>
      <c r="BX12" s="169">
        <v>106</v>
      </c>
      <c r="BY12" s="169">
        <v>43</v>
      </c>
      <c r="BZ12" s="170">
        <v>606</v>
      </c>
      <c r="CA12" s="171">
        <v>783</v>
      </c>
      <c r="CB12" s="168">
        <v>16</v>
      </c>
      <c r="CC12" s="169">
        <v>18</v>
      </c>
      <c r="CD12" s="170">
        <v>34</v>
      </c>
      <c r="CE12" s="439">
        <v>0</v>
      </c>
      <c r="CF12" s="169">
        <v>29</v>
      </c>
      <c r="CG12" s="169">
        <v>44</v>
      </c>
      <c r="CH12" s="169">
        <v>25</v>
      </c>
      <c r="CI12" s="169">
        <v>22</v>
      </c>
      <c r="CJ12" s="169">
        <v>17</v>
      </c>
      <c r="CK12" s="170">
        <v>137</v>
      </c>
      <c r="CL12" s="171">
        <v>171</v>
      </c>
      <c r="CM12" s="168">
        <v>582</v>
      </c>
      <c r="CN12" s="169">
        <v>417</v>
      </c>
      <c r="CO12" s="170">
        <v>999</v>
      </c>
      <c r="CP12" s="439">
        <v>0</v>
      </c>
      <c r="CQ12" s="169">
        <v>1039</v>
      </c>
      <c r="CR12" s="169">
        <v>964</v>
      </c>
      <c r="CS12" s="169">
        <v>657</v>
      </c>
      <c r="CT12" s="169">
        <v>516</v>
      </c>
      <c r="CU12" s="169">
        <v>305</v>
      </c>
      <c r="CV12" s="170">
        <v>3481</v>
      </c>
      <c r="CW12" s="171">
        <v>4480</v>
      </c>
      <c r="CX12" s="172">
        <v>1131</v>
      </c>
      <c r="CY12" s="164">
        <v>976</v>
      </c>
      <c r="CZ12" s="165">
        <v>2107</v>
      </c>
      <c r="DA12" s="439">
        <v>0</v>
      </c>
      <c r="DB12" s="164">
        <v>1754</v>
      </c>
      <c r="DC12" s="164">
        <v>1623</v>
      </c>
      <c r="DD12" s="164">
        <v>1314</v>
      </c>
      <c r="DE12" s="164">
        <v>1126</v>
      </c>
      <c r="DF12" s="164">
        <v>681</v>
      </c>
      <c r="DG12" s="166">
        <v>6498</v>
      </c>
      <c r="DH12" s="167">
        <v>8605</v>
      </c>
      <c r="DI12" s="168">
        <v>34</v>
      </c>
      <c r="DJ12" s="169">
        <v>24</v>
      </c>
      <c r="DK12" s="170">
        <v>58</v>
      </c>
      <c r="DL12" s="439">
        <v>0</v>
      </c>
      <c r="DM12" s="169">
        <v>41</v>
      </c>
      <c r="DN12" s="169">
        <v>31</v>
      </c>
      <c r="DO12" s="169">
        <v>16</v>
      </c>
      <c r="DP12" s="169">
        <v>29</v>
      </c>
      <c r="DQ12" s="169">
        <v>17</v>
      </c>
      <c r="DR12" s="170">
        <v>134</v>
      </c>
      <c r="DS12" s="171">
        <v>192</v>
      </c>
      <c r="DT12" s="168">
        <v>78</v>
      </c>
      <c r="DU12" s="169">
        <v>61</v>
      </c>
      <c r="DV12" s="170">
        <v>139</v>
      </c>
      <c r="DW12" s="439">
        <v>0</v>
      </c>
      <c r="DX12" s="169">
        <v>95</v>
      </c>
      <c r="DY12" s="169">
        <v>80</v>
      </c>
      <c r="DZ12" s="169">
        <v>53</v>
      </c>
      <c r="EA12" s="169">
        <v>54</v>
      </c>
      <c r="EB12" s="169">
        <v>37</v>
      </c>
      <c r="EC12" s="170">
        <v>319</v>
      </c>
      <c r="ED12" s="171">
        <v>458</v>
      </c>
      <c r="EE12" s="168">
        <v>150</v>
      </c>
      <c r="EF12" s="169">
        <v>155</v>
      </c>
      <c r="EG12" s="170">
        <v>305</v>
      </c>
      <c r="EH12" s="439">
        <v>0</v>
      </c>
      <c r="EI12" s="169">
        <v>210</v>
      </c>
      <c r="EJ12" s="169">
        <v>159</v>
      </c>
      <c r="EK12" s="169">
        <v>117</v>
      </c>
      <c r="EL12" s="169">
        <v>108</v>
      </c>
      <c r="EM12" s="169">
        <v>67</v>
      </c>
      <c r="EN12" s="170">
        <v>661</v>
      </c>
      <c r="EO12" s="171">
        <v>966</v>
      </c>
      <c r="EP12" s="168">
        <v>362</v>
      </c>
      <c r="EQ12" s="169">
        <v>265</v>
      </c>
      <c r="ER12" s="170">
        <v>627</v>
      </c>
      <c r="ES12" s="439">
        <v>0</v>
      </c>
      <c r="ET12" s="169">
        <v>454</v>
      </c>
      <c r="EU12" s="169">
        <v>340</v>
      </c>
      <c r="EV12" s="169">
        <v>241</v>
      </c>
      <c r="EW12" s="169">
        <v>214</v>
      </c>
      <c r="EX12" s="169">
        <v>130</v>
      </c>
      <c r="EY12" s="170">
        <v>1379</v>
      </c>
      <c r="EZ12" s="171">
        <v>2006</v>
      </c>
      <c r="FA12" s="168">
        <v>323</v>
      </c>
      <c r="FB12" s="169">
        <v>275</v>
      </c>
      <c r="FC12" s="170">
        <v>598</v>
      </c>
      <c r="FD12" s="439">
        <v>0</v>
      </c>
      <c r="FE12" s="169">
        <v>513</v>
      </c>
      <c r="FF12" s="169">
        <v>465</v>
      </c>
      <c r="FG12" s="169">
        <v>377</v>
      </c>
      <c r="FH12" s="169">
        <v>262</v>
      </c>
      <c r="FI12" s="169">
        <v>172</v>
      </c>
      <c r="FJ12" s="170">
        <v>1789</v>
      </c>
      <c r="FK12" s="171">
        <v>2387</v>
      </c>
      <c r="FL12" s="168">
        <v>184</v>
      </c>
      <c r="FM12" s="169">
        <v>196</v>
      </c>
      <c r="FN12" s="170">
        <v>380</v>
      </c>
      <c r="FO12" s="439">
        <v>0</v>
      </c>
      <c r="FP12" s="169">
        <v>441</v>
      </c>
      <c r="FQ12" s="169">
        <v>548</v>
      </c>
      <c r="FR12" s="169">
        <v>510</v>
      </c>
      <c r="FS12" s="169">
        <v>459</v>
      </c>
      <c r="FT12" s="169">
        <v>258</v>
      </c>
      <c r="FU12" s="170">
        <v>2216</v>
      </c>
      <c r="FV12" s="171">
        <v>2596</v>
      </c>
      <c r="FW12" s="168">
        <v>8</v>
      </c>
      <c r="FX12" s="169">
        <v>18</v>
      </c>
      <c r="FY12" s="170">
        <v>26</v>
      </c>
      <c r="FZ12" s="439">
        <v>0</v>
      </c>
      <c r="GA12" s="169">
        <v>27</v>
      </c>
      <c r="GB12" s="169">
        <v>39</v>
      </c>
      <c r="GC12" s="169">
        <v>14</v>
      </c>
      <c r="GD12" s="169">
        <v>18</v>
      </c>
      <c r="GE12" s="169">
        <v>12</v>
      </c>
      <c r="GF12" s="170">
        <v>110</v>
      </c>
      <c r="GG12" s="171">
        <v>136</v>
      </c>
      <c r="GH12" s="168">
        <v>1139</v>
      </c>
      <c r="GI12" s="169">
        <v>994</v>
      </c>
      <c r="GJ12" s="170">
        <v>2133</v>
      </c>
      <c r="GK12" s="439">
        <v>0</v>
      </c>
      <c r="GL12" s="169">
        <v>1781</v>
      </c>
      <c r="GM12" s="169">
        <v>1662</v>
      </c>
      <c r="GN12" s="169">
        <v>1328</v>
      </c>
      <c r="GO12" s="169">
        <v>1144</v>
      </c>
      <c r="GP12" s="169">
        <v>693</v>
      </c>
      <c r="GQ12" s="170">
        <v>6608</v>
      </c>
      <c r="GR12" s="171">
        <v>8741</v>
      </c>
      <c r="GS12" s="172">
        <v>1697</v>
      </c>
      <c r="GT12" s="164">
        <v>1375</v>
      </c>
      <c r="GU12" s="165">
        <v>3072</v>
      </c>
      <c r="GV12" s="439">
        <v>0</v>
      </c>
      <c r="GW12" s="164">
        <v>2764</v>
      </c>
      <c r="GX12" s="164">
        <v>2543</v>
      </c>
      <c r="GY12" s="164">
        <v>1946</v>
      </c>
      <c r="GZ12" s="164">
        <v>1620</v>
      </c>
      <c r="HA12" s="164">
        <v>969</v>
      </c>
      <c r="HB12" s="166">
        <v>9842</v>
      </c>
      <c r="HC12" s="167">
        <v>12914</v>
      </c>
      <c r="HD12" s="168">
        <v>47</v>
      </c>
      <c r="HE12" s="169">
        <v>52</v>
      </c>
      <c r="HF12" s="170">
        <v>99</v>
      </c>
      <c r="HG12" s="439">
        <v>0</v>
      </c>
      <c r="HH12" s="169">
        <v>92</v>
      </c>
      <c r="HI12" s="169">
        <v>79</v>
      </c>
      <c r="HJ12" s="169">
        <v>43</v>
      </c>
      <c r="HK12" s="169">
        <v>58</v>
      </c>
      <c r="HL12" s="169">
        <v>36</v>
      </c>
      <c r="HM12" s="170">
        <v>308</v>
      </c>
      <c r="HN12" s="171">
        <v>407</v>
      </c>
      <c r="HO12" s="168">
        <v>131</v>
      </c>
      <c r="HP12" s="169">
        <v>105</v>
      </c>
      <c r="HQ12" s="170">
        <v>236</v>
      </c>
      <c r="HR12" s="439">
        <v>0</v>
      </c>
      <c r="HS12" s="169">
        <v>186</v>
      </c>
      <c r="HT12" s="169">
        <v>175</v>
      </c>
      <c r="HU12" s="169">
        <v>111</v>
      </c>
      <c r="HV12" s="169">
        <v>120</v>
      </c>
      <c r="HW12" s="169">
        <v>83</v>
      </c>
      <c r="HX12" s="170">
        <v>675</v>
      </c>
      <c r="HY12" s="171">
        <v>911</v>
      </c>
      <c r="HZ12" s="168">
        <v>243</v>
      </c>
      <c r="IA12" s="169">
        <v>223</v>
      </c>
      <c r="IB12" s="170">
        <v>466</v>
      </c>
      <c r="IC12" s="439">
        <v>0</v>
      </c>
      <c r="ID12" s="169">
        <v>381</v>
      </c>
      <c r="IE12" s="169">
        <v>325</v>
      </c>
      <c r="IF12" s="169">
        <v>214</v>
      </c>
      <c r="IG12" s="169">
        <v>182</v>
      </c>
      <c r="IH12" s="169">
        <v>117</v>
      </c>
      <c r="II12" s="170">
        <v>1219</v>
      </c>
      <c r="IJ12" s="171">
        <v>1685</v>
      </c>
      <c r="IK12" s="168">
        <v>512</v>
      </c>
      <c r="IL12" s="169">
        <v>359</v>
      </c>
      <c r="IM12" s="170">
        <v>871</v>
      </c>
      <c r="IN12" s="439">
        <v>0</v>
      </c>
      <c r="IO12" s="169">
        <v>721</v>
      </c>
      <c r="IP12" s="169">
        <v>583</v>
      </c>
      <c r="IQ12" s="169">
        <v>395</v>
      </c>
      <c r="IR12" s="169">
        <v>341</v>
      </c>
      <c r="IS12" s="169">
        <v>205</v>
      </c>
      <c r="IT12" s="170">
        <v>2245</v>
      </c>
      <c r="IU12" s="171">
        <v>3116</v>
      </c>
      <c r="IV12" s="168">
        <v>471</v>
      </c>
      <c r="IW12" s="169">
        <v>372</v>
      </c>
      <c r="IX12" s="170">
        <v>843</v>
      </c>
      <c r="IY12" s="439">
        <v>0</v>
      </c>
      <c r="IZ12" s="169">
        <v>779</v>
      </c>
      <c r="JA12" s="169">
        <v>673</v>
      </c>
      <c r="JB12" s="169">
        <v>540</v>
      </c>
      <c r="JC12" s="169">
        <v>354</v>
      </c>
      <c r="JD12" s="169">
        <v>227</v>
      </c>
      <c r="JE12" s="170">
        <v>2573</v>
      </c>
      <c r="JF12" s="171">
        <v>3416</v>
      </c>
      <c r="JG12" s="168">
        <v>293</v>
      </c>
      <c r="JH12" s="169">
        <v>264</v>
      </c>
      <c r="JI12" s="170">
        <v>557</v>
      </c>
      <c r="JJ12" s="439">
        <v>0</v>
      </c>
      <c r="JK12" s="169">
        <v>605</v>
      </c>
      <c r="JL12" s="169">
        <v>708</v>
      </c>
      <c r="JM12" s="169">
        <v>643</v>
      </c>
      <c r="JN12" s="169">
        <v>565</v>
      </c>
      <c r="JO12" s="169">
        <v>301</v>
      </c>
      <c r="JP12" s="170">
        <v>2822</v>
      </c>
      <c r="JQ12" s="171">
        <v>3379</v>
      </c>
      <c r="JR12" s="168">
        <v>24</v>
      </c>
      <c r="JS12" s="169">
        <v>36</v>
      </c>
      <c r="JT12" s="170">
        <v>60</v>
      </c>
      <c r="JU12" s="439">
        <v>0</v>
      </c>
      <c r="JV12" s="169">
        <v>56</v>
      </c>
      <c r="JW12" s="169">
        <v>83</v>
      </c>
      <c r="JX12" s="169">
        <v>39</v>
      </c>
      <c r="JY12" s="169">
        <v>40</v>
      </c>
      <c r="JZ12" s="169">
        <v>29</v>
      </c>
      <c r="KA12" s="170">
        <v>247</v>
      </c>
      <c r="KB12" s="171">
        <v>307</v>
      </c>
      <c r="KC12" s="168">
        <v>1721</v>
      </c>
      <c r="KD12" s="169">
        <v>1411</v>
      </c>
      <c r="KE12" s="170">
        <v>3132</v>
      </c>
      <c r="KF12" s="439">
        <v>0</v>
      </c>
      <c r="KG12" s="169">
        <v>2820</v>
      </c>
      <c r="KH12" s="169">
        <v>2626</v>
      </c>
      <c r="KI12" s="169">
        <v>1985</v>
      </c>
      <c r="KJ12" s="169">
        <v>1660</v>
      </c>
      <c r="KK12" s="169">
        <v>998</v>
      </c>
      <c r="KL12" s="170">
        <v>10089</v>
      </c>
      <c r="KM12" s="171">
        <v>13221</v>
      </c>
    </row>
    <row r="13" spans="2:299" s="137" customFormat="1" ht="21" customHeight="1" x14ac:dyDescent="0.2">
      <c r="B13" s="173" t="s">
        <v>9</v>
      </c>
      <c r="C13" s="163">
        <v>709</v>
      </c>
      <c r="D13" s="164">
        <v>387</v>
      </c>
      <c r="E13" s="165">
        <v>1096</v>
      </c>
      <c r="F13" s="439">
        <v>0</v>
      </c>
      <c r="G13" s="164">
        <v>884</v>
      </c>
      <c r="H13" s="164">
        <v>580</v>
      </c>
      <c r="I13" s="164">
        <v>471</v>
      </c>
      <c r="J13" s="164">
        <v>366</v>
      </c>
      <c r="K13" s="164">
        <v>225</v>
      </c>
      <c r="L13" s="166">
        <v>2526</v>
      </c>
      <c r="M13" s="167">
        <v>3622</v>
      </c>
      <c r="N13" s="168">
        <v>19</v>
      </c>
      <c r="O13" s="169">
        <v>16</v>
      </c>
      <c r="P13" s="170">
        <v>35</v>
      </c>
      <c r="Q13" s="439">
        <v>0</v>
      </c>
      <c r="R13" s="169">
        <v>23</v>
      </c>
      <c r="S13" s="169">
        <v>22</v>
      </c>
      <c r="T13" s="169">
        <v>16</v>
      </c>
      <c r="U13" s="169">
        <v>13</v>
      </c>
      <c r="V13" s="169">
        <v>14</v>
      </c>
      <c r="W13" s="170">
        <v>88</v>
      </c>
      <c r="X13" s="171">
        <v>123</v>
      </c>
      <c r="Y13" s="168">
        <v>40</v>
      </c>
      <c r="Z13" s="169">
        <v>28</v>
      </c>
      <c r="AA13" s="170">
        <v>68</v>
      </c>
      <c r="AB13" s="439">
        <v>0</v>
      </c>
      <c r="AC13" s="169">
        <v>54</v>
      </c>
      <c r="AD13" s="169">
        <v>36</v>
      </c>
      <c r="AE13" s="169">
        <v>30</v>
      </c>
      <c r="AF13" s="169">
        <v>20</v>
      </c>
      <c r="AG13" s="169">
        <v>25</v>
      </c>
      <c r="AH13" s="170">
        <v>165</v>
      </c>
      <c r="AI13" s="171">
        <v>233</v>
      </c>
      <c r="AJ13" s="168">
        <v>79</v>
      </c>
      <c r="AK13" s="169">
        <v>47</v>
      </c>
      <c r="AL13" s="170">
        <v>126</v>
      </c>
      <c r="AM13" s="439">
        <v>0</v>
      </c>
      <c r="AN13" s="169">
        <v>93</v>
      </c>
      <c r="AO13" s="169">
        <v>74</v>
      </c>
      <c r="AP13" s="169">
        <v>72</v>
      </c>
      <c r="AQ13" s="169">
        <v>50</v>
      </c>
      <c r="AR13" s="169">
        <v>29</v>
      </c>
      <c r="AS13" s="170">
        <v>318</v>
      </c>
      <c r="AT13" s="171">
        <v>444</v>
      </c>
      <c r="AU13" s="168">
        <v>171</v>
      </c>
      <c r="AV13" s="169">
        <v>86</v>
      </c>
      <c r="AW13" s="170">
        <v>257</v>
      </c>
      <c r="AX13" s="439">
        <v>0</v>
      </c>
      <c r="AY13" s="169">
        <v>232</v>
      </c>
      <c r="AZ13" s="169">
        <v>109</v>
      </c>
      <c r="BA13" s="169">
        <v>90</v>
      </c>
      <c r="BB13" s="169">
        <v>58</v>
      </c>
      <c r="BC13" s="169">
        <v>50</v>
      </c>
      <c r="BD13" s="170">
        <v>539</v>
      </c>
      <c r="BE13" s="171">
        <v>796</v>
      </c>
      <c r="BF13" s="168">
        <v>233</v>
      </c>
      <c r="BG13" s="169">
        <v>127</v>
      </c>
      <c r="BH13" s="170">
        <v>360</v>
      </c>
      <c r="BI13" s="439">
        <v>0</v>
      </c>
      <c r="BJ13" s="169">
        <v>249</v>
      </c>
      <c r="BK13" s="169">
        <v>144</v>
      </c>
      <c r="BL13" s="169">
        <v>122</v>
      </c>
      <c r="BM13" s="169">
        <v>105</v>
      </c>
      <c r="BN13" s="169">
        <v>55</v>
      </c>
      <c r="BO13" s="170">
        <v>675</v>
      </c>
      <c r="BP13" s="171">
        <v>1035</v>
      </c>
      <c r="BQ13" s="168">
        <v>167</v>
      </c>
      <c r="BR13" s="169">
        <v>83</v>
      </c>
      <c r="BS13" s="170">
        <v>250</v>
      </c>
      <c r="BT13" s="439">
        <v>0</v>
      </c>
      <c r="BU13" s="169">
        <v>233</v>
      </c>
      <c r="BV13" s="169">
        <v>195</v>
      </c>
      <c r="BW13" s="169">
        <v>141</v>
      </c>
      <c r="BX13" s="169">
        <v>120</v>
      </c>
      <c r="BY13" s="169">
        <v>52</v>
      </c>
      <c r="BZ13" s="170">
        <v>741</v>
      </c>
      <c r="CA13" s="171">
        <v>991</v>
      </c>
      <c r="CB13" s="168">
        <v>4</v>
      </c>
      <c r="CC13" s="169">
        <v>15</v>
      </c>
      <c r="CD13" s="170">
        <v>19</v>
      </c>
      <c r="CE13" s="439">
        <v>0</v>
      </c>
      <c r="CF13" s="169">
        <v>31</v>
      </c>
      <c r="CG13" s="169">
        <v>26</v>
      </c>
      <c r="CH13" s="169">
        <v>17</v>
      </c>
      <c r="CI13" s="169">
        <v>15</v>
      </c>
      <c r="CJ13" s="169">
        <v>11</v>
      </c>
      <c r="CK13" s="170">
        <v>100</v>
      </c>
      <c r="CL13" s="171">
        <v>119</v>
      </c>
      <c r="CM13" s="168">
        <v>713</v>
      </c>
      <c r="CN13" s="169">
        <v>402</v>
      </c>
      <c r="CO13" s="170">
        <v>1115</v>
      </c>
      <c r="CP13" s="439">
        <v>0</v>
      </c>
      <c r="CQ13" s="169">
        <v>915</v>
      </c>
      <c r="CR13" s="169">
        <v>606</v>
      </c>
      <c r="CS13" s="169">
        <v>488</v>
      </c>
      <c r="CT13" s="169">
        <v>381</v>
      </c>
      <c r="CU13" s="169">
        <v>236</v>
      </c>
      <c r="CV13" s="170">
        <v>2626</v>
      </c>
      <c r="CW13" s="171">
        <v>3741</v>
      </c>
      <c r="CX13" s="172">
        <v>1450</v>
      </c>
      <c r="CY13" s="164">
        <v>1028</v>
      </c>
      <c r="CZ13" s="165">
        <v>2478</v>
      </c>
      <c r="DA13" s="439">
        <v>0</v>
      </c>
      <c r="DB13" s="164">
        <v>1674</v>
      </c>
      <c r="DC13" s="164">
        <v>1154</v>
      </c>
      <c r="DD13" s="164">
        <v>971</v>
      </c>
      <c r="DE13" s="164">
        <v>1043</v>
      </c>
      <c r="DF13" s="164">
        <v>781</v>
      </c>
      <c r="DG13" s="166">
        <v>5623</v>
      </c>
      <c r="DH13" s="167">
        <v>8101</v>
      </c>
      <c r="DI13" s="168">
        <v>27</v>
      </c>
      <c r="DJ13" s="169">
        <v>22</v>
      </c>
      <c r="DK13" s="170">
        <v>49</v>
      </c>
      <c r="DL13" s="439">
        <v>0</v>
      </c>
      <c r="DM13" s="169">
        <v>15</v>
      </c>
      <c r="DN13" s="169">
        <v>17</v>
      </c>
      <c r="DO13" s="169">
        <v>15</v>
      </c>
      <c r="DP13" s="169">
        <v>11</v>
      </c>
      <c r="DQ13" s="169">
        <v>12</v>
      </c>
      <c r="DR13" s="170">
        <v>70</v>
      </c>
      <c r="DS13" s="171">
        <v>119</v>
      </c>
      <c r="DT13" s="168">
        <v>63</v>
      </c>
      <c r="DU13" s="169">
        <v>53</v>
      </c>
      <c r="DV13" s="170">
        <v>116</v>
      </c>
      <c r="DW13" s="439">
        <v>0</v>
      </c>
      <c r="DX13" s="169">
        <v>59</v>
      </c>
      <c r="DY13" s="169">
        <v>25</v>
      </c>
      <c r="DZ13" s="169">
        <v>32</v>
      </c>
      <c r="EA13" s="169">
        <v>26</v>
      </c>
      <c r="EB13" s="169">
        <v>26</v>
      </c>
      <c r="EC13" s="170">
        <v>168</v>
      </c>
      <c r="ED13" s="171">
        <v>284</v>
      </c>
      <c r="EE13" s="168">
        <v>195</v>
      </c>
      <c r="EF13" s="169">
        <v>134</v>
      </c>
      <c r="EG13" s="170">
        <v>329</v>
      </c>
      <c r="EH13" s="439">
        <v>0</v>
      </c>
      <c r="EI13" s="169">
        <v>171</v>
      </c>
      <c r="EJ13" s="169">
        <v>104</v>
      </c>
      <c r="EK13" s="169">
        <v>67</v>
      </c>
      <c r="EL13" s="169">
        <v>59</v>
      </c>
      <c r="EM13" s="169">
        <v>71</v>
      </c>
      <c r="EN13" s="170">
        <v>472</v>
      </c>
      <c r="EO13" s="171">
        <v>801</v>
      </c>
      <c r="EP13" s="168">
        <v>388</v>
      </c>
      <c r="EQ13" s="169">
        <v>274</v>
      </c>
      <c r="ER13" s="170">
        <v>662</v>
      </c>
      <c r="ES13" s="439">
        <v>0</v>
      </c>
      <c r="ET13" s="169">
        <v>370</v>
      </c>
      <c r="EU13" s="169">
        <v>212</v>
      </c>
      <c r="EV13" s="169">
        <v>153</v>
      </c>
      <c r="EW13" s="169">
        <v>155</v>
      </c>
      <c r="EX13" s="169">
        <v>120</v>
      </c>
      <c r="EY13" s="170">
        <v>1010</v>
      </c>
      <c r="EZ13" s="171">
        <v>1672</v>
      </c>
      <c r="FA13" s="168">
        <v>476</v>
      </c>
      <c r="FB13" s="169">
        <v>305</v>
      </c>
      <c r="FC13" s="170">
        <v>781</v>
      </c>
      <c r="FD13" s="439">
        <v>0</v>
      </c>
      <c r="FE13" s="169">
        <v>476</v>
      </c>
      <c r="FF13" s="169">
        <v>315</v>
      </c>
      <c r="FG13" s="169">
        <v>250</v>
      </c>
      <c r="FH13" s="169">
        <v>265</v>
      </c>
      <c r="FI13" s="169">
        <v>173</v>
      </c>
      <c r="FJ13" s="170">
        <v>1479</v>
      </c>
      <c r="FK13" s="171">
        <v>2260</v>
      </c>
      <c r="FL13" s="168">
        <v>301</v>
      </c>
      <c r="FM13" s="169">
        <v>240</v>
      </c>
      <c r="FN13" s="170">
        <v>541</v>
      </c>
      <c r="FO13" s="439">
        <v>0</v>
      </c>
      <c r="FP13" s="169">
        <v>583</v>
      </c>
      <c r="FQ13" s="169">
        <v>481</v>
      </c>
      <c r="FR13" s="169">
        <v>454</v>
      </c>
      <c r="FS13" s="169">
        <v>527</v>
      </c>
      <c r="FT13" s="169">
        <v>379</v>
      </c>
      <c r="FU13" s="170">
        <v>2424</v>
      </c>
      <c r="FV13" s="171">
        <v>2965</v>
      </c>
      <c r="FW13" s="168">
        <v>3</v>
      </c>
      <c r="FX13" s="169">
        <v>18</v>
      </c>
      <c r="FY13" s="170">
        <v>21</v>
      </c>
      <c r="FZ13" s="439">
        <v>0</v>
      </c>
      <c r="GA13" s="169">
        <v>17</v>
      </c>
      <c r="GB13" s="169">
        <v>18</v>
      </c>
      <c r="GC13" s="169">
        <v>8</v>
      </c>
      <c r="GD13" s="169">
        <v>13</v>
      </c>
      <c r="GE13" s="169">
        <v>10</v>
      </c>
      <c r="GF13" s="170">
        <v>66</v>
      </c>
      <c r="GG13" s="171">
        <v>87</v>
      </c>
      <c r="GH13" s="168">
        <v>1453</v>
      </c>
      <c r="GI13" s="169">
        <v>1046</v>
      </c>
      <c r="GJ13" s="170">
        <v>2499</v>
      </c>
      <c r="GK13" s="439">
        <v>0</v>
      </c>
      <c r="GL13" s="169">
        <v>1691</v>
      </c>
      <c r="GM13" s="169">
        <v>1172</v>
      </c>
      <c r="GN13" s="169">
        <v>979</v>
      </c>
      <c r="GO13" s="169">
        <v>1056</v>
      </c>
      <c r="GP13" s="169">
        <v>791</v>
      </c>
      <c r="GQ13" s="170">
        <v>5689</v>
      </c>
      <c r="GR13" s="171">
        <v>8188</v>
      </c>
      <c r="GS13" s="172">
        <v>2159</v>
      </c>
      <c r="GT13" s="164">
        <v>1415</v>
      </c>
      <c r="GU13" s="165">
        <v>3574</v>
      </c>
      <c r="GV13" s="439">
        <v>0</v>
      </c>
      <c r="GW13" s="164">
        <v>2558</v>
      </c>
      <c r="GX13" s="164">
        <v>1734</v>
      </c>
      <c r="GY13" s="164">
        <v>1442</v>
      </c>
      <c r="GZ13" s="164">
        <v>1409</v>
      </c>
      <c r="HA13" s="164">
        <v>1006</v>
      </c>
      <c r="HB13" s="166">
        <v>8149</v>
      </c>
      <c r="HC13" s="167">
        <v>11723</v>
      </c>
      <c r="HD13" s="168">
        <v>46</v>
      </c>
      <c r="HE13" s="169">
        <v>38</v>
      </c>
      <c r="HF13" s="170">
        <v>84</v>
      </c>
      <c r="HG13" s="439">
        <v>0</v>
      </c>
      <c r="HH13" s="169">
        <v>38</v>
      </c>
      <c r="HI13" s="169">
        <v>39</v>
      </c>
      <c r="HJ13" s="169">
        <v>31</v>
      </c>
      <c r="HK13" s="169">
        <v>24</v>
      </c>
      <c r="HL13" s="169">
        <v>26</v>
      </c>
      <c r="HM13" s="170">
        <v>158</v>
      </c>
      <c r="HN13" s="171">
        <v>242</v>
      </c>
      <c r="HO13" s="168">
        <v>103</v>
      </c>
      <c r="HP13" s="169">
        <v>81</v>
      </c>
      <c r="HQ13" s="170">
        <v>184</v>
      </c>
      <c r="HR13" s="439">
        <v>0</v>
      </c>
      <c r="HS13" s="169">
        <v>113</v>
      </c>
      <c r="HT13" s="169">
        <v>61</v>
      </c>
      <c r="HU13" s="169">
        <v>62</v>
      </c>
      <c r="HV13" s="169">
        <v>46</v>
      </c>
      <c r="HW13" s="169">
        <v>51</v>
      </c>
      <c r="HX13" s="170">
        <v>333</v>
      </c>
      <c r="HY13" s="171">
        <v>517</v>
      </c>
      <c r="HZ13" s="168">
        <v>274</v>
      </c>
      <c r="IA13" s="169">
        <v>181</v>
      </c>
      <c r="IB13" s="170">
        <v>455</v>
      </c>
      <c r="IC13" s="439">
        <v>0</v>
      </c>
      <c r="ID13" s="169">
        <v>264</v>
      </c>
      <c r="IE13" s="169">
        <v>178</v>
      </c>
      <c r="IF13" s="169">
        <v>139</v>
      </c>
      <c r="IG13" s="169">
        <v>109</v>
      </c>
      <c r="IH13" s="169">
        <v>100</v>
      </c>
      <c r="II13" s="170">
        <v>790</v>
      </c>
      <c r="IJ13" s="171">
        <v>1245</v>
      </c>
      <c r="IK13" s="168">
        <v>559</v>
      </c>
      <c r="IL13" s="169">
        <v>360</v>
      </c>
      <c r="IM13" s="170">
        <v>919</v>
      </c>
      <c r="IN13" s="439">
        <v>0</v>
      </c>
      <c r="IO13" s="169">
        <v>602</v>
      </c>
      <c r="IP13" s="169">
        <v>321</v>
      </c>
      <c r="IQ13" s="169">
        <v>243</v>
      </c>
      <c r="IR13" s="169">
        <v>213</v>
      </c>
      <c r="IS13" s="169">
        <v>170</v>
      </c>
      <c r="IT13" s="170">
        <v>1549</v>
      </c>
      <c r="IU13" s="171">
        <v>2468</v>
      </c>
      <c r="IV13" s="168">
        <v>709</v>
      </c>
      <c r="IW13" s="169">
        <v>432</v>
      </c>
      <c r="IX13" s="170">
        <v>1141</v>
      </c>
      <c r="IY13" s="439">
        <v>0</v>
      </c>
      <c r="IZ13" s="169">
        <v>725</v>
      </c>
      <c r="JA13" s="169">
        <v>459</v>
      </c>
      <c r="JB13" s="169">
        <v>372</v>
      </c>
      <c r="JC13" s="169">
        <v>370</v>
      </c>
      <c r="JD13" s="169">
        <v>228</v>
      </c>
      <c r="JE13" s="170">
        <v>2154</v>
      </c>
      <c r="JF13" s="171">
        <v>3295</v>
      </c>
      <c r="JG13" s="168">
        <v>468</v>
      </c>
      <c r="JH13" s="169">
        <v>323</v>
      </c>
      <c r="JI13" s="170">
        <v>791</v>
      </c>
      <c r="JJ13" s="439">
        <v>0</v>
      </c>
      <c r="JK13" s="169">
        <v>816</v>
      </c>
      <c r="JL13" s="169">
        <v>676</v>
      </c>
      <c r="JM13" s="169">
        <v>595</v>
      </c>
      <c r="JN13" s="169">
        <v>647</v>
      </c>
      <c r="JO13" s="169">
        <v>431</v>
      </c>
      <c r="JP13" s="170">
        <v>3165</v>
      </c>
      <c r="JQ13" s="171">
        <v>3956</v>
      </c>
      <c r="JR13" s="168">
        <v>7</v>
      </c>
      <c r="JS13" s="169">
        <v>33</v>
      </c>
      <c r="JT13" s="170">
        <v>40</v>
      </c>
      <c r="JU13" s="439">
        <v>0</v>
      </c>
      <c r="JV13" s="169">
        <v>48</v>
      </c>
      <c r="JW13" s="169">
        <v>44</v>
      </c>
      <c r="JX13" s="169">
        <v>25</v>
      </c>
      <c r="JY13" s="169">
        <v>28</v>
      </c>
      <c r="JZ13" s="169">
        <v>21</v>
      </c>
      <c r="KA13" s="170">
        <v>166</v>
      </c>
      <c r="KB13" s="171">
        <v>206</v>
      </c>
      <c r="KC13" s="168">
        <v>2166</v>
      </c>
      <c r="KD13" s="169">
        <v>1448</v>
      </c>
      <c r="KE13" s="170">
        <v>3614</v>
      </c>
      <c r="KF13" s="439">
        <v>0</v>
      </c>
      <c r="KG13" s="169">
        <v>2606</v>
      </c>
      <c r="KH13" s="169">
        <v>1778</v>
      </c>
      <c r="KI13" s="169">
        <v>1467</v>
      </c>
      <c r="KJ13" s="169">
        <v>1437</v>
      </c>
      <c r="KK13" s="169">
        <v>1027</v>
      </c>
      <c r="KL13" s="170">
        <v>8315</v>
      </c>
      <c r="KM13" s="171">
        <v>11929</v>
      </c>
    </row>
    <row r="14" spans="2:299" s="137" customFormat="1" ht="21" customHeight="1" x14ac:dyDescent="0.2">
      <c r="B14" s="173" t="s">
        <v>10</v>
      </c>
      <c r="C14" s="163">
        <v>1540</v>
      </c>
      <c r="D14" s="164">
        <v>974</v>
      </c>
      <c r="E14" s="165">
        <v>2514</v>
      </c>
      <c r="F14" s="439">
        <v>0</v>
      </c>
      <c r="G14" s="164">
        <v>1790</v>
      </c>
      <c r="H14" s="164">
        <v>1017</v>
      </c>
      <c r="I14" s="164">
        <v>717</v>
      </c>
      <c r="J14" s="164">
        <v>664</v>
      </c>
      <c r="K14" s="164">
        <v>448</v>
      </c>
      <c r="L14" s="166">
        <v>4636</v>
      </c>
      <c r="M14" s="167">
        <v>7150</v>
      </c>
      <c r="N14" s="168">
        <v>64</v>
      </c>
      <c r="O14" s="169">
        <v>55</v>
      </c>
      <c r="P14" s="170">
        <v>119</v>
      </c>
      <c r="Q14" s="439">
        <v>0</v>
      </c>
      <c r="R14" s="169">
        <v>72</v>
      </c>
      <c r="S14" s="169">
        <v>53</v>
      </c>
      <c r="T14" s="169">
        <v>28</v>
      </c>
      <c r="U14" s="169">
        <v>40</v>
      </c>
      <c r="V14" s="169">
        <v>31</v>
      </c>
      <c r="W14" s="170">
        <v>224</v>
      </c>
      <c r="X14" s="171">
        <v>343</v>
      </c>
      <c r="Y14" s="168">
        <v>135</v>
      </c>
      <c r="Z14" s="169">
        <v>81</v>
      </c>
      <c r="AA14" s="170">
        <v>216</v>
      </c>
      <c r="AB14" s="439">
        <v>0</v>
      </c>
      <c r="AC14" s="169">
        <v>161</v>
      </c>
      <c r="AD14" s="169">
        <v>116</v>
      </c>
      <c r="AE14" s="169">
        <v>74</v>
      </c>
      <c r="AF14" s="169">
        <v>57</v>
      </c>
      <c r="AG14" s="169">
        <v>65</v>
      </c>
      <c r="AH14" s="170">
        <v>473</v>
      </c>
      <c r="AI14" s="171">
        <v>689</v>
      </c>
      <c r="AJ14" s="168">
        <v>235</v>
      </c>
      <c r="AK14" s="169">
        <v>168</v>
      </c>
      <c r="AL14" s="170">
        <v>403</v>
      </c>
      <c r="AM14" s="439">
        <v>0</v>
      </c>
      <c r="AN14" s="169">
        <v>291</v>
      </c>
      <c r="AO14" s="169">
        <v>155</v>
      </c>
      <c r="AP14" s="169">
        <v>105</v>
      </c>
      <c r="AQ14" s="169">
        <v>124</v>
      </c>
      <c r="AR14" s="169">
        <v>79</v>
      </c>
      <c r="AS14" s="170">
        <v>754</v>
      </c>
      <c r="AT14" s="171">
        <v>1157</v>
      </c>
      <c r="AU14" s="168">
        <v>387</v>
      </c>
      <c r="AV14" s="169">
        <v>240</v>
      </c>
      <c r="AW14" s="170">
        <v>627</v>
      </c>
      <c r="AX14" s="439">
        <v>0</v>
      </c>
      <c r="AY14" s="169">
        <v>464</v>
      </c>
      <c r="AZ14" s="169">
        <v>234</v>
      </c>
      <c r="BA14" s="169">
        <v>144</v>
      </c>
      <c r="BB14" s="169">
        <v>150</v>
      </c>
      <c r="BC14" s="169">
        <v>99</v>
      </c>
      <c r="BD14" s="170">
        <v>1091</v>
      </c>
      <c r="BE14" s="171">
        <v>1718</v>
      </c>
      <c r="BF14" s="168">
        <v>442</v>
      </c>
      <c r="BG14" s="169">
        <v>258</v>
      </c>
      <c r="BH14" s="170">
        <v>700</v>
      </c>
      <c r="BI14" s="439">
        <v>0</v>
      </c>
      <c r="BJ14" s="169">
        <v>475</v>
      </c>
      <c r="BK14" s="169">
        <v>255</v>
      </c>
      <c r="BL14" s="169">
        <v>171</v>
      </c>
      <c r="BM14" s="169">
        <v>147</v>
      </c>
      <c r="BN14" s="169">
        <v>90</v>
      </c>
      <c r="BO14" s="170">
        <v>1138</v>
      </c>
      <c r="BP14" s="171">
        <v>1838</v>
      </c>
      <c r="BQ14" s="168">
        <v>277</v>
      </c>
      <c r="BR14" s="169">
        <v>172</v>
      </c>
      <c r="BS14" s="170">
        <v>449</v>
      </c>
      <c r="BT14" s="439">
        <v>0</v>
      </c>
      <c r="BU14" s="169">
        <v>327</v>
      </c>
      <c r="BV14" s="169">
        <v>204</v>
      </c>
      <c r="BW14" s="169">
        <v>195</v>
      </c>
      <c r="BX14" s="169">
        <v>146</v>
      </c>
      <c r="BY14" s="169">
        <v>84</v>
      </c>
      <c r="BZ14" s="170">
        <v>956</v>
      </c>
      <c r="CA14" s="171">
        <v>1405</v>
      </c>
      <c r="CB14" s="168">
        <v>47</v>
      </c>
      <c r="CC14" s="169">
        <v>34</v>
      </c>
      <c r="CD14" s="170">
        <v>81</v>
      </c>
      <c r="CE14" s="439">
        <v>0</v>
      </c>
      <c r="CF14" s="169">
        <v>67</v>
      </c>
      <c r="CG14" s="169">
        <v>51</v>
      </c>
      <c r="CH14" s="169">
        <v>37</v>
      </c>
      <c r="CI14" s="169">
        <v>40</v>
      </c>
      <c r="CJ14" s="169">
        <v>36</v>
      </c>
      <c r="CK14" s="170">
        <v>231</v>
      </c>
      <c r="CL14" s="171">
        <v>312</v>
      </c>
      <c r="CM14" s="168">
        <v>1587</v>
      </c>
      <c r="CN14" s="169">
        <v>1008</v>
      </c>
      <c r="CO14" s="170">
        <v>2595</v>
      </c>
      <c r="CP14" s="439">
        <v>0</v>
      </c>
      <c r="CQ14" s="169">
        <v>1857</v>
      </c>
      <c r="CR14" s="169">
        <v>1068</v>
      </c>
      <c r="CS14" s="169">
        <v>754</v>
      </c>
      <c r="CT14" s="169">
        <v>704</v>
      </c>
      <c r="CU14" s="169">
        <v>484</v>
      </c>
      <c r="CV14" s="170">
        <v>4867</v>
      </c>
      <c r="CW14" s="171">
        <v>7462</v>
      </c>
      <c r="CX14" s="172">
        <v>3178</v>
      </c>
      <c r="CY14" s="164">
        <v>2251</v>
      </c>
      <c r="CZ14" s="165">
        <v>5429</v>
      </c>
      <c r="DA14" s="439">
        <v>0</v>
      </c>
      <c r="DB14" s="164">
        <v>3343</v>
      </c>
      <c r="DC14" s="164">
        <v>1820</v>
      </c>
      <c r="DD14" s="164">
        <v>1440</v>
      </c>
      <c r="DE14" s="164">
        <v>1595</v>
      </c>
      <c r="DF14" s="164">
        <v>1204</v>
      </c>
      <c r="DG14" s="166">
        <v>9402</v>
      </c>
      <c r="DH14" s="167">
        <v>14831</v>
      </c>
      <c r="DI14" s="168">
        <v>62</v>
      </c>
      <c r="DJ14" s="169">
        <v>56</v>
      </c>
      <c r="DK14" s="170">
        <v>118</v>
      </c>
      <c r="DL14" s="439">
        <v>0</v>
      </c>
      <c r="DM14" s="169">
        <v>70</v>
      </c>
      <c r="DN14" s="169">
        <v>33</v>
      </c>
      <c r="DO14" s="169">
        <v>20</v>
      </c>
      <c r="DP14" s="169">
        <v>27</v>
      </c>
      <c r="DQ14" s="169">
        <v>26</v>
      </c>
      <c r="DR14" s="170">
        <v>176</v>
      </c>
      <c r="DS14" s="171">
        <v>294</v>
      </c>
      <c r="DT14" s="168">
        <v>186</v>
      </c>
      <c r="DU14" s="169">
        <v>122</v>
      </c>
      <c r="DV14" s="170">
        <v>308</v>
      </c>
      <c r="DW14" s="439">
        <v>0</v>
      </c>
      <c r="DX14" s="169">
        <v>184</v>
      </c>
      <c r="DY14" s="169">
        <v>86</v>
      </c>
      <c r="DZ14" s="169">
        <v>54</v>
      </c>
      <c r="EA14" s="169">
        <v>52</v>
      </c>
      <c r="EB14" s="169">
        <v>46</v>
      </c>
      <c r="EC14" s="170">
        <v>422</v>
      </c>
      <c r="ED14" s="171">
        <v>730</v>
      </c>
      <c r="EE14" s="168">
        <v>457</v>
      </c>
      <c r="EF14" s="169">
        <v>289</v>
      </c>
      <c r="EG14" s="170">
        <v>746</v>
      </c>
      <c r="EH14" s="439">
        <v>0</v>
      </c>
      <c r="EI14" s="169">
        <v>364</v>
      </c>
      <c r="EJ14" s="169">
        <v>196</v>
      </c>
      <c r="EK14" s="169">
        <v>114</v>
      </c>
      <c r="EL14" s="169">
        <v>138</v>
      </c>
      <c r="EM14" s="169">
        <v>101</v>
      </c>
      <c r="EN14" s="170">
        <v>913</v>
      </c>
      <c r="EO14" s="171">
        <v>1659</v>
      </c>
      <c r="EP14" s="168">
        <v>943</v>
      </c>
      <c r="EQ14" s="169">
        <v>598</v>
      </c>
      <c r="ER14" s="170">
        <v>1541</v>
      </c>
      <c r="ES14" s="439">
        <v>0</v>
      </c>
      <c r="ET14" s="169">
        <v>778</v>
      </c>
      <c r="EU14" s="169">
        <v>347</v>
      </c>
      <c r="EV14" s="169">
        <v>261</v>
      </c>
      <c r="EW14" s="169">
        <v>255</v>
      </c>
      <c r="EX14" s="169">
        <v>216</v>
      </c>
      <c r="EY14" s="170">
        <v>1857</v>
      </c>
      <c r="EZ14" s="171">
        <v>3398</v>
      </c>
      <c r="FA14" s="168">
        <v>973</v>
      </c>
      <c r="FB14" s="169">
        <v>669</v>
      </c>
      <c r="FC14" s="170">
        <v>1642</v>
      </c>
      <c r="FD14" s="439">
        <v>0</v>
      </c>
      <c r="FE14" s="169">
        <v>975</v>
      </c>
      <c r="FF14" s="169">
        <v>476</v>
      </c>
      <c r="FG14" s="169">
        <v>391</v>
      </c>
      <c r="FH14" s="169">
        <v>367</v>
      </c>
      <c r="FI14" s="169">
        <v>326</v>
      </c>
      <c r="FJ14" s="170">
        <v>2535</v>
      </c>
      <c r="FK14" s="171">
        <v>4177</v>
      </c>
      <c r="FL14" s="168">
        <v>557</v>
      </c>
      <c r="FM14" s="169">
        <v>517</v>
      </c>
      <c r="FN14" s="170">
        <v>1074</v>
      </c>
      <c r="FO14" s="439">
        <v>0</v>
      </c>
      <c r="FP14" s="169">
        <v>972</v>
      </c>
      <c r="FQ14" s="169">
        <v>682</v>
      </c>
      <c r="FR14" s="169">
        <v>600</v>
      </c>
      <c r="FS14" s="169">
        <v>756</v>
      </c>
      <c r="FT14" s="169">
        <v>489</v>
      </c>
      <c r="FU14" s="170">
        <v>3499</v>
      </c>
      <c r="FV14" s="171">
        <v>4573</v>
      </c>
      <c r="FW14" s="168">
        <v>26</v>
      </c>
      <c r="FX14" s="169">
        <v>46</v>
      </c>
      <c r="FY14" s="170">
        <v>72</v>
      </c>
      <c r="FZ14" s="439">
        <v>0</v>
      </c>
      <c r="GA14" s="169">
        <v>59</v>
      </c>
      <c r="GB14" s="169">
        <v>44</v>
      </c>
      <c r="GC14" s="169">
        <v>29</v>
      </c>
      <c r="GD14" s="169">
        <v>22</v>
      </c>
      <c r="GE14" s="169">
        <v>24</v>
      </c>
      <c r="GF14" s="170">
        <v>178</v>
      </c>
      <c r="GG14" s="171">
        <v>250</v>
      </c>
      <c r="GH14" s="168">
        <v>3204</v>
      </c>
      <c r="GI14" s="169">
        <v>2297</v>
      </c>
      <c r="GJ14" s="170">
        <v>5501</v>
      </c>
      <c r="GK14" s="439">
        <v>0</v>
      </c>
      <c r="GL14" s="169">
        <v>3402</v>
      </c>
      <c r="GM14" s="169">
        <v>1864</v>
      </c>
      <c r="GN14" s="169">
        <v>1469</v>
      </c>
      <c r="GO14" s="169">
        <v>1617</v>
      </c>
      <c r="GP14" s="169">
        <v>1228</v>
      </c>
      <c r="GQ14" s="170">
        <v>9580</v>
      </c>
      <c r="GR14" s="171">
        <v>15081</v>
      </c>
      <c r="GS14" s="172">
        <v>4718</v>
      </c>
      <c r="GT14" s="164">
        <v>3225</v>
      </c>
      <c r="GU14" s="165">
        <v>7943</v>
      </c>
      <c r="GV14" s="439">
        <v>0</v>
      </c>
      <c r="GW14" s="164">
        <v>5133</v>
      </c>
      <c r="GX14" s="164">
        <v>2837</v>
      </c>
      <c r="GY14" s="164">
        <v>2157</v>
      </c>
      <c r="GZ14" s="164">
        <v>2259</v>
      </c>
      <c r="HA14" s="164">
        <v>1652</v>
      </c>
      <c r="HB14" s="166">
        <v>14038</v>
      </c>
      <c r="HC14" s="167">
        <v>21981</v>
      </c>
      <c r="HD14" s="168">
        <v>126</v>
      </c>
      <c r="HE14" s="169">
        <v>111</v>
      </c>
      <c r="HF14" s="170">
        <v>237</v>
      </c>
      <c r="HG14" s="439">
        <v>0</v>
      </c>
      <c r="HH14" s="169">
        <v>142</v>
      </c>
      <c r="HI14" s="169">
        <v>86</v>
      </c>
      <c r="HJ14" s="169">
        <v>48</v>
      </c>
      <c r="HK14" s="169">
        <v>67</v>
      </c>
      <c r="HL14" s="169">
        <v>57</v>
      </c>
      <c r="HM14" s="170">
        <v>400</v>
      </c>
      <c r="HN14" s="171">
        <v>637</v>
      </c>
      <c r="HO14" s="168">
        <v>321</v>
      </c>
      <c r="HP14" s="169">
        <v>203</v>
      </c>
      <c r="HQ14" s="170">
        <v>524</v>
      </c>
      <c r="HR14" s="439">
        <v>0</v>
      </c>
      <c r="HS14" s="169">
        <v>345</v>
      </c>
      <c r="HT14" s="169">
        <v>202</v>
      </c>
      <c r="HU14" s="169">
        <v>128</v>
      </c>
      <c r="HV14" s="169">
        <v>109</v>
      </c>
      <c r="HW14" s="169">
        <v>111</v>
      </c>
      <c r="HX14" s="170">
        <v>895</v>
      </c>
      <c r="HY14" s="171">
        <v>1419</v>
      </c>
      <c r="HZ14" s="168">
        <v>692</v>
      </c>
      <c r="IA14" s="169">
        <v>457</v>
      </c>
      <c r="IB14" s="170">
        <v>1149</v>
      </c>
      <c r="IC14" s="439">
        <v>0</v>
      </c>
      <c r="ID14" s="169">
        <v>655</v>
      </c>
      <c r="IE14" s="169">
        <v>351</v>
      </c>
      <c r="IF14" s="169">
        <v>219</v>
      </c>
      <c r="IG14" s="169">
        <v>262</v>
      </c>
      <c r="IH14" s="169">
        <v>180</v>
      </c>
      <c r="II14" s="170">
        <v>1667</v>
      </c>
      <c r="IJ14" s="171">
        <v>2816</v>
      </c>
      <c r="IK14" s="168">
        <v>1330</v>
      </c>
      <c r="IL14" s="169">
        <v>838</v>
      </c>
      <c r="IM14" s="170">
        <v>2168</v>
      </c>
      <c r="IN14" s="439">
        <v>0</v>
      </c>
      <c r="IO14" s="169">
        <v>1242</v>
      </c>
      <c r="IP14" s="169">
        <v>581</v>
      </c>
      <c r="IQ14" s="169">
        <v>405</v>
      </c>
      <c r="IR14" s="169">
        <v>405</v>
      </c>
      <c r="IS14" s="169">
        <v>315</v>
      </c>
      <c r="IT14" s="170">
        <v>2948</v>
      </c>
      <c r="IU14" s="171">
        <v>5116</v>
      </c>
      <c r="IV14" s="168">
        <v>1415</v>
      </c>
      <c r="IW14" s="169">
        <v>927</v>
      </c>
      <c r="IX14" s="170">
        <v>2342</v>
      </c>
      <c r="IY14" s="439">
        <v>0</v>
      </c>
      <c r="IZ14" s="169">
        <v>1450</v>
      </c>
      <c r="JA14" s="169">
        <v>731</v>
      </c>
      <c r="JB14" s="169">
        <v>562</v>
      </c>
      <c r="JC14" s="169">
        <v>514</v>
      </c>
      <c r="JD14" s="169">
        <v>416</v>
      </c>
      <c r="JE14" s="170">
        <v>3673</v>
      </c>
      <c r="JF14" s="171">
        <v>6015</v>
      </c>
      <c r="JG14" s="168">
        <v>834</v>
      </c>
      <c r="JH14" s="169">
        <v>689</v>
      </c>
      <c r="JI14" s="170">
        <v>1523</v>
      </c>
      <c r="JJ14" s="439">
        <v>0</v>
      </c>
      <c r="JK14" s="169">
        <v>1299</v>
      </c>
      <c r="JL14" s="169">
        <v>886</v>
      </c>
      <c r="JM14" s="169">
        <v>795</v>
      </c>
      <c r="JN14" s="169">
        <v>902</v>
      </c>
      <c r="JO14" s="169">
        <v>573</v>
      </c>
      <c r="JP14" s="170">
        <v>4455</v>
      </c>
      <c r="JQ14" s="171">
        <v>5978</v>
      </c>
      <c r="JR14" s="168">
        <v>73</v>
      </c>
      <c r="JS14" s="169">
        <v>80</v>
      </c>
      <c r="JT14" s="170">
        <v>153</v>
      </c>
      <c r="JU14" s="439">
        <v>0</v>
      </c>
      <c r="JV14" s="169">
        <v>126</v>
      </c>
      <c r="JW14" s="169">
        <v>95</v>
      </c>
      <c r="JX14" s="169">
        <v>66</v>
      </c>
      <c r="JY14" s="169">
        <v>62</v>
      </c>
      <c r="JZ14" s="169">
        <v>60</v>
      </c>
      <c r="KA14" s="170">
        <v>409</v>
      </c>
      <c r="KB14" s="171">
        <v>562</v>
      </c>
      <c r="KC14" s="168">
        <v>4791</v>
      </c>
      <c r="KD14" s="169">
        <v>3305</v>
      </c>
      <c r="KE14" s="170">
        <v>8096</v>
      </c>
      <c r="KF14" s="439">
        <v>0</v>
      </c>
      <c r="KG14" s="169">
        <v>5259</v>
      </c>
      <c r="KH14" s="169">
        <v>2932</v>
      </c>
      <c r="KI14" s="169">
        <v>2223</v>
      </c>
      <c r="KJ14" s="169">
        <v>2321</v>
      </c>
      <c r="KK14" s="169">
        <v>1712</v>
      </c>
      <c r="KL14" s="170">
        <v>14447</v>
      </c>
      <c r="KM14" s="171">
        <v>22543</v>
      </c>
    </row>
    <row r="15" spans="2:299" s="137" customFormat="1" ht="21" customHeight="1" x14ac:dyDescent="0.2">
      <c r="B15" s="173" t="s">
        <v>11</v>
      </c>
      <c r="C15" s="163">
        <v>451</v>
      </c>
      <c r="D15" s="164">
        <v>352</v>
      </c>
      <c r="E15" s="165">
        <v>803</v>
      </c>
      <c r="F15" s="439">
        <v>0</v>
      </c>
      <c r="G15" s="164">
        <v>911</v>
      </c>
      <c r="H15" s="164">
        <v>589</v>
      </c>
      <c r="I15" s="164">
        <v>455</v>
      </c>
      <c r="J15" s="164">
        <v>467</v>
      </c>
      <c r="K15" s="164">
        <v>230</v>
      </c>
      <c r="L15" s="166">
        <v>2652</v>
      </c>
      <c r="M15" s="167">
        <v>3455</v>
      </c>
      <c r="N15" s="168">
        <v>18</v>
      </c>
      <c r="O15" s="169">
        <v>15</v>
      </c>
      <c r="P15" s="170">
        <v>33</v>
      </c>
      <c r="Q15" s="439">
        <v>0</v>
      </c>
      <c r="R15" s="169">
        <v>52</v>
      </c>
      <c r="S15" s="169">
        <v>18</v>
      </c>
      <c r="T15" s="169">
        <v>20</v>
      </c>
      <c r="U15" s="169">
        <v>19</v>
      </c>
      <c r="V15" s="169">
        <v>14</v>
      </c>
      <c r="W15" s="170">
        <v>123</v>
      </c>
      <c r="X15" s="171">
        <v>156</v>
      </c>
      <c r="Y15" s="168">
        <v>44</v>
      </c>
      <c r="Z15" s="169">
        <v>33</v>
      </c>
      <c r="AA15" s="170">
        <v>77</v>
      </c>
      <c r="AB15" s="439">
        <v>0</v>
      </c>
      <c r="AC15" s="169">
        <v>88</v>
      </c>
      <c r="AD15" s="169">
        <v>65</v>
      </c>
      <c r="AE15" s="169">
        <v>57</v>
      </c>
      <c r="AF15" s="169">
        <v>41</v>
      </c>
      <c r="AG15" s="169">
        <v>26</v>
      </c>
      <c r="AH15" s="170">
        <v>277</v>
      </c>
      <c r="AI15" s="171">
        <v>354</v>
      </c>
      <c r="AJ15" s="168">
        <v>56</v>
      </c>
      <c r="AK15" s="169">
        <v>67</v>
      </c>
      <c r="AL15" s="170">
        <v>123</v>
      </c>
      <c r="AM15" s="439">
        <v>0</v>
      </c>
      <c r="AN15" s="169">
        <v>141</v>
      </c>
      <c r="AO15" s="169">
        <v>94</v>
      </c>
      <c r="AP15" s="169">
        <v>72</v>
      </c>
      <c r="AQ15" s="169">
        <v>85</v>
      </c>
      <c r="AR15" s="169">
        <v>33</v>
      </c>
      <c r="AS15" s="170">
        <v>425</v>
      </c>
      <c r="AT15" s="171">
        <v>548</v>
      </c>
      <c r="AU15" s="168">
        <v>112</v>
      </c>
      <c r="AV15" s="169">
        <v>97</v>
      </c>
      <c r="AW15" s="170">
        <v>209</v>
      </c>
      <c r="AX15" s="439">
        <v>0</v>
      </c>
      <c r="AY15" s="169">
        <v>238</v>
      </c>
      <c r="AZ15" s="169">
        <v>147</v>
      </c>
      <c r="BA15" s="169">
        <v>115</v>
      </c>
      <c r="BB15" s="169">
        <v>113</v>
      </c>
      <c r="BC15" s="169">
        <v>56</v>
      </c>
      <c r="BD15" s="170">
        <v>669</v>
      </c>
      <c r="BE15" s="171">
        <v>878</v>
      </c>
      <c r="BF15" s="168">
        <v>137</v>
      </c>
      <c r="BG15" s="169">
        <v>82</v>
      </c>
      <c r="BH15" s="170">
        <v>219</v>
      </c>
      <c r="BI15" s="439">
        <v>0</v>
      </c>
      <c r="BJ15" s="169">
        <v>209</v>
      </c>
      <c r="BK15" s="169">
        <v>143</v>
      </c>
      <c r="BL15" s="169">
        <v>103</v>
      </c>
      <c r="BM15" s="169">
        <v>123</v>
      </c>
      <c r="BN15" s="169">
        <v>51</v>
      </c>
      <c r="BO15" s="170">
        <v>629</v>
      </c>
      <c r="BP15" s="171">
        <v>848</v>
      </c>
      <c r="BQ15" s="168">
        <v>84</v>
      </c>
      <c r="BR15" s="169">
        <v>58</v>
      </c>
      <c r="BS15" s="170">
        <v>142</v>
      </c>
      <c r="BT15" s="439">
        <v>0</v>
      </c>
      <c r="BU15" s="169">
        <v>183</v>
      </c>
      <c r="BV15" s="169">
        <v>122</v>
      </c>
      <c r="BW15" s="169">
        <v>88</v>
      </c>
      <c r="BX15" s="169">
        <v>86</v>
      </c>
      <c r="BY15" s="169">
        <v>50</v>
      </c>
      <c r="BZ15" s="170">
        <v>529</v>
      </c>
      <c r="CA15" s="171">
        <v>671</v>
      </c>
      <c r="CB15" s="168">
        <v>8</v>
      </c>
      <c r="CC15" s="169">
        <v>12</v>
      </c>
      <c r="CD15" s="170">
        <v>20</v>
      </c>
      <c r="CE15" s="439">
        <v>0</v>
      </c>
      <c r="CF15" s="169">
        <v>30</v>
      </c>
      <c r="CG15" s="169">
        <v>15</v>
      </c>
      <c r="CH15" s="169">
        <v>15</v>
      </c>
      <c r="CI15" s="169">
        <v>18</v>
      </c>
      <c r="CJ15" s="169">
        <v>14</v>
      </c>
      <c r="CK15" s="170">
        <v>92</v>
      </c>
      <c r="CL15" s="171">
        <v>112</v>
      </c>
      <c r="CM15" s="168">
        <v>459</v>
      </c>
      <c r="CN15" s="169">
        <v>364</v>
      </c>
      <c r="CO15" s="170">
        <v>823</v>
      </c>
      <c r="CP15" s="439">
        <v>0</v>
      </c>
      <c r="CQ15" s="169">
        <v>941</v>
      </c>
      <c r="CR15" s="169">
        <v>604</v>
      </c>
      <c r="CS15" s="169">
        <v>470</v>
      </c>
      <c r="CT15" s="169">
        <v>485</v>
      </c>
      <c r="CU15" s="169">
        <v>244</v>
      </c>
      <c r="CV15" s="170">
        <v>2744</v>
      </c>
      <c r="CW15" s="171">
        <v>3567</v>
      </c>
      <c r="CX15" s="172">
        <v>960</v>
      </c>
      <c r="CY15" s="164">
        <v>825</v>
      </c>
      <c r="CZ15" s="165">
        <v>1785</v>
      </c>
      <c r="DA15" s="439">
        <v>0</v>
      </c>
      <c r="DB15" s="164">
        <v>1738</v>
      </c>
      <c r="DC15" s="164">
        <v>1094</v>
      </c>
      <c r="DD15" s="164">
        <v>950</v>
      </c>
      <c r="DE15" s="164">
        <v>979</v>
      </c>
      <c r="DF15" s="164">
        <v>589</v>
      </c>
      <c r="DG15" s="166">
        <v>5350</v>
      </c>
      <c r="DH15" s="167">
        <v>7135</v>
      </c>
      <c r="DI15" s="168">
        <v>21</v>
      </c>
      <c r="DJ15" s="169">
        <v>14</v>
      </c>
      <c r="DK15" s="170">
        <v>35</v>
      </c>
      <c r="DL15" s="439">
        <v>0</v>
      </c>
      <c r="DM15" s="169">
        <v>39</v>
      </c>
      <c r="DN15" s="169">
        <v>21</v>
      </c>
      <c r="DO15" s="169">
        <v>14</v>
      </c>
      <c r="DP15" s="169">
        <v>20</v>
      </c>
      <c r="DQ15" s="169">
        <v>19</v>
      </c>
      <c r="DR15" s="170">
        <v>113</v>
      </c>
      <c r="DS15" s="171">
        <v>148</v>
      </c>
      <c r="DT15" s="168">
        <v>59</v>
      </c>
      <c r="DU15" s="169">
        <v>65</v>
      </c>
      <c r="DV15" s="170">
        <v>124</v>
      </c>
      <c r="DW15" s="439">
        <v>0</v>
      </c>
      <c r="DX15" s="169">
        <v>92</v>
      </c>
      <c r="DY15" s="169">
        <v>46</v>
      </c>
      <c r="DZ15" s="169">
        <v>45</v>
      </c>
      <c r="EA15" s="169">
        <v>52</v>
      </c>
      <c r="EB15" s="169">
        <v>28</v>
      </c>
      <c r="EC15" s="170">
        <v>263</v>
      </c>
      <c r="ED15" s="171">
        <v>387</v>
      </c>
      <c r="EE15" s="168">
        <v>136</v>
      </c>
      <c r="EF15" s="169">
        <v>111</v>
      </c>
      <c r="EG15" s="170">
        <v>247</v>
      </c>
      <c r="EH15" s="439">
        <v>0</v>
      </c>
      <c r="EI15" s="169">
        <v>162</v>
      </c>
      <c r="EJ15" s="169">
        <v>114</v>
      </c>
      <c r="EK15" s="169">
        <v>82</v>
      </c>
      <c r="EL15" s="169">
        <v>79</v>
      </c>
      <c r="EM15" s="169">
        <v>58</v>
      </c>
      <c r="EN15" s="170">
        <v>495</v>
      </c>
      <c r="EO15" s="171">
        <v>742</v>
      </c>
      <c r="EP15" s="168">
        <v>260</v>
      </c>
      <c r="EQ15" s="169">
        <v>223</v>
      </c>
      <c r="ER15" s="170">
        <v>483</v>
      </c>
      <c r="ES15" s="439">
        <v>0</v>
      </c>
      <c r="ET15" s="169">
        <v>414</v>
      </c>
      <c r="EU15" s="169">
        <v>228</v>
      </c>
      <c r="EV15" s="169">
        <v>178</v>
      </c>
      <c r="EW15" s="169">
        <v>159</v>
      </c>
      <c r="EX15" s="169">
        <v>110</v>
      </c>
      <c r="EY15" s="170">
        <v>1089</v>
      </c>
      <c r="EZ15" s="171">
        <v>1572</v>
      </c>
      <c r="FA15" s="168">
        <v>298</v>
      </c>
      <c r="FB15" s="169">
        <v>242</v>
      </c>
      <c r="FC15" s="170">
        <v>540</v>
      </c>
      <c r="FD15" s="439">
        <v>0</v>
      </c>
      <c r="FE15" s="169">
        <v>541</v>
      </c>
      <c r="FF15" s="169">
        <v>298</v>
      </c>
      <c r="FG15" s="169">
        <v>238</v>
      </c>
      <c r="FH15" s="169">
        <v>207</v>
      </c>
      <c r="FI15" s="169">
        <v>140</v>
      </c>
      <c r="FJ15" s="170">
        <v>1424</v>
      </c>
      <c r="FK15" s="171">
        <v>1964</v>
      </c>
      <c r="FL15" s="168">
        <v>186</v>
      </c>
      <c r="FM15" s="169">
        <v>170</v>
      </c>
      <c r="FN15" s="170">
        <v>356</v>
      </c>
      <c r="FO15" s="439">
        <v>0</v>
      </c>
      <c r="FP15" s="169">
        <v>490</v>
      </c>
      <c r="FQ15" s="169">
        <v>387</v>
      </c>
      <c r="FR15" s="169">
        <v>393</v>
      </c>
      <c r="FS15" s="169">
        <v>462</v>
      </c>
      <c r="FT15" s="169">
        <v>234</v>
      </c>
      <c r="FU15" s="170">
        <v>1966</v>
      </c>
      <c r="FV15" s="171">
        <v>2322</v>
      </c>
      <c r="FW15" s="168">
        <v>15</v>
      </c>
      <c r="FX15" s="169">
        <v>10</v>
      </c>
      <c r="FY15" s="170">
        <v>25</v>
      </c>
      <c r="FZ15" s="439">
        <v>0</v>
      </c>
      <c r="GA15" s="169">
        <v>27</v>
      </c>
      <c r="GB15" s="169">
        <v>14</v>
      </c>
      <c r="GC15" s="169">
        <v>21</v>
      </c>
      <c r="GD15" s="169">
        <v>9</v>
      </c>
      <c r="GE15" s="169">
        <v>9</v>
      </c>
      <c r="GF15" s="170">
        <v>80</v>
      </c>
      <c r="GG15" s="171">
        <v>105</v>
      </c>
      <c r="GH15" s="168">
        <v>975</v>
      </c>
      <c r="GI15" s="169">
        <v>835</v>
      </c>
      <c r="GJ15" s="170">
        <v>1810</v>
      </c>
      <c r="GK15" s="439">
        <v>0</v>
      </c>
      <c r="GL15" s="169">
        <v>1765</v>
      </c>
      <c r="GM15" s="169">
        <v>1108</v>
      </c>
      <c r="GN15" s="169">
        <v>971</v>
      </c>
      <c r="GO15" s="169">
        <v>988</v>
      </c>
      <c r="GP15" s="169">
        <v>598</v>
      </c>
      <c r="GQ15" s="170">
        <v>5430</v>
      </c>
      <c r="GR15" s="171">
        <v>7240</v>
      </c>
      <c r="GS15" s="172">
        <v>1411</v>
      </c>
      <c r="GT15" s="164">
        <v>1177</v>
      </c>
      <c r="GU15" s="165">
        <v>2588</v>
      </c>
      <c r="GV15" s="439">
        <v>0</v>
      </c>
      <c r="GW15" s="164">
        <v>2649</v>
      </c>
      <c r="GX15" s="164">
        <v>1683</v>
      </c>
      <c r="GY15" s="164">
        <v>1405</v>
      </c>
      <c r="GZ15" s="164">
        <v>1446</v>
      </c>
      <c r="HA15" s="164">
        <v>819</v>
      </c>
      <c r="HB15" s="166">
        <v>8002</v>
      </c>
      <c r="HC15" s="167">
        <v>10590</v>
      </c>
      <c r="HD15" s="168">
        <v>39</v>
      </c>
      <c r="HE15" s="169">
        <v>29</v>
      </c>
      <c r="HF15" s="170">
        <v>68</v>
      </c>
      <c r="HG15" s="439">
        <v>0</v>
      </c>
      <c r="HH15" s="169">
        <v>91</v>
      </c>
      <c r="HI15" s="169">
        <v>39</v>
      </c>
      <c r="HJ15" s="169">
        <v>34</v>
      </c>
      <c r="HK15" s="169">
        <v>39</v>
      </c>
      <c r="HL15" s="169">
        <v>33</v>
      </c>
      <c r="HM15" s="170">
        <v>236</v>
      </c>
      <c r="HN15" s="171">
        <v>304</v>
      </c>
      <c r="HO15" s="168">
        <v>103</v>
      </c>
      <c r="HP15" s="169">
        <v>98</v>
      </c>
      <c r="HQ15" s="170">
        <v>201</v>
      </c>
      <c r="HR15" s="439">
        <v>0</v>
      </c>
      <c r="HS15" s="169">
        <v>180</v>
      </c>
      <c r="HT15" s="169">
        <v>111</v>
      </c>
      <c r="HU15" s="169">
        <v>102</v>
      </c>
      <c r="HV15" s="169">
        <v>93</v>
      </c>
      <c r="HW15" s="169">
        <v>54</v>
      </c>
      <c r="HX15" s="170">
        <v>540</v>
      </c>
      <c r="HY15" s="171">
        <v>741</v>
      </c>
      <c r="HZ15" s="168">
        <v>192</v>
      </c>
      <c r="IA15" s="169">
        <v>178</v>
      </c>
      <c r="IB15" s="170">
        <v>370</v>
      </c>
      <c r="IC15" s="439">
        <v>0</v>
      </c>
      <c r="ID15" s="169">
        <v>303</v>
      </c>
      <c r="IE15" s="169">
        <v>208</v>
      </c>
      <c r="IF15" s="169">
        <v>154</v>
      </c>
      <c r="IG15" s="169">
        <v>164</v>
      </c>
      <c r="IH15" s="169">
        <v>91</v>
      </c>
      <c r="II15" s="170">
        <v>920</v>
      </c>
      <c r="IJ15" s="171">
        <v>1290</v>
      </c>
      <c r="IK15" s="168">
        <v>372</v>
      </c>
      <c r="IL15" s="169">
        <v>320</v>
      </c>
      <c r="IM15" s="170">
        <v>692</v>
      </c>
      <c r="IN15" s="439">
        <v>0</v>
      </c>
      <c r="IO15" s="169">
        <v>652</v>
      </c>
      <c r="IP15" s="169">
        <v>375</v>
      </c>
      <c r="IQ15" s="169">
        <v>293</v>
      </c>
      <c r="IR15" s="169">
        <v>272</v>
      </c>
      <c r="IS15" s="169">
        <v>166</v>
      </c>
      <c r="IT15" s="170">
        <v>1758</v>
      </c>
      <c r="IU15" s="171">
        <v>2450</v>
      </c>
      <c r="IV15" s="168">
        <v>435</v>
      </c>
      <c r="IW15" s="169">
        <v>324</v>
      </c>
      <c r="IX15" s="170">
        <v>759</v>
      </c>
      <c r="IY15" s="439">
        <v>0</v>
      </c>
      <c r="IZ15" s="169">
        <v>750</v>
      </c>
      <c r="JA15" s="169">
        <v>441</v>
      </c>
      <c r="JB15" s="169">
        <v>341</v>
      </c>
      <c r="JC15" s="169">
        <v>330</v>
      </c>
      <c r="JD15" s="169">
        <v>191</v>
      </c>
      <c r="JE15" s="170">
        <v>2053</v>
      </c>
      <c r="JF15" s="171">
        <v>2812</v>
      </c>
      <c r="JG15" s="168">
        <v>270</v>
      </c>
      <c r="JH15" s="169">
        <v>228</v>
      </c>
      <c r="JI15" s="170">
        <v>498</v>
      </c>
      <c r="JJ15" s="439">
        <v>0</v>
      </c>
      <c r="JK15" s="169">
        <v>673</v>
      </c>
      <c r="JL15" s="169">
        <v>509</v>
      </c>
      <c r="JM15" s="169">
        <v>481</v>
      </c>
      <c r="JN15" s="169">
        <v>548</v>
      </c>
      <c r="JO15" s="169">
        <v>284</v>
      </c>
      <c r="JP15" s="170">
        <v>2495</v>
      </c>
      <c r="JQ15" s="171">
        <v>2993</v>
      </c>
      <c r="JR15" s="168">
        <v>23</v>
      </c>
      <c r="JS15" s="169">
        <v>22</v>
      </c>
      <c r="JT15" s="170">
        <v>45</v>
      </c>
      <c r="JU15" s="439">
        <v>0</v>
      </c>
      <c r="JV15" s="169">
        <v>57</v>
      </c>
      <c r="JW15" s="169">
        <v>29</v>
      </c>
      <c r="JX15" s="169">
        <v>36</v>
      </c>
      <c r="JY15" s="169">
        <v>27</v>
      </c>
      <c r="JZ15" s="169">
        <v>23</v>
      </c>
      <c r="KA15" s="170">
        <v>172</v>
      </c>
      <c r="KB15" s="171">
        <v>217</v>
      </c>
      <c r="KC15" s="168">
        <v>1434</v>
      </c>
      <c r="KD15" s="169">
        <v>1199</v>
      </c>
      <c r="KE15" s="170">
        <v>2633</v>
      </c>
      <c r="KF15" s="439">
        <v>0</v>
      </c>
      <c r="KG15" s="169">
        <v>2706</v>
      </c>
      <c r="KH15" s="169">
        <v>1712</v>
      </c>
      <c r="KI15" s="169">
        <v>1441</v>
      </c>
      <c r="KJ15" s="169">
        <v>1473</v>
      </c>
      <c r="KK15" s="169">
        <v>842</v>
      </c>
      <c r="KL15" s="170">
        <v>8174</v>
      </c>
      <c r="KM15" s="171">
        <v>10807</v>
      </c>
    </row>
    <row r="16" spans="2:299" s="137" customFormat="1" ht="21" customHeight="1" x14ac:dyDescent="0.2">
      <c r="B16" s="173" t="s">
        <v>12</v>
      </c>
      <c r="C16" s="163">
        <v>691</v>
      </c>
      <c r="D16" s="164">
        <v>655</v>
      </c>
      <c r="E16" s="165">
        <v>1346</v>
      </c>
      <c r="F16" s="439">
        <v>0</v>
      </c>
      <c r="G16" s="164">
        <v>710</v>
      </c>
      <c r="H16" s="164">
        <v>685</v>
      </c>
      <c r="I16" s="164">
        <v>469</v>
      </c>
      <c r="J16" s="164">
        <v>460</v>
      </c>
      <c r="K16" s="164">
        <v>220</v>
      </c>
      <c r="L16" s="166">
        <v>2544</v>
      </c>
      <c r="M16" s="167">
        <v>3890</v>
      </c>
      <c r="N16" s="174">
        <v>24</v>
      </c>
      <c r="O16" s="169">
        <v>25</v>
      </c>
      <c r="P16" s="170">
        <v>49</v>
      </c>
      <c r="Q16" s="439">
        <v>0</v>
      </c>
      <c r="R16" s="169">
        <v>16</v>
      </c>
      <c r="S16" s="169">
        <v>27</v>
      </c>
      <c r="T16" s="169">
        <v>15</v>
      </c>
      <c r="U16" s="169">
        <v>21</v>
      </c>
      <c r="V16" s="169">
        <v>9</v>
      </c>
      <c r="W16" s="170">
        <v>88</v>
      </c>
      <c r="X16" s="171">
        <v>137</v>
      </c>
      <c r="Y16" s="168">
        <v>58</v>
      </c>
      <c r="Z16" s="169">
        <v>61</v>
      </c>
      <c r="AA16" s="170">
        <v>119</v>
      </c>
      <c r="AB16" s="439">
        <v>0</v>
      </c>
      <c r="AC16" s="169">
        <v>44</v>
      </c>
      <c r="AD16" s="169">
        <v>64</v>
      </c>
      <c r="AE16" s="169">
        <v>38</v>
      </c>
      <c r="AF16" s="169">
        <v>47</v>
      </c>
      <c r="AG16" s="169">
        <v>19</v>
      </c>
      <c r="AH16" s="170">
        <v>212</v>
      </c>
      <c r="AI16" s="171">
        <v>331</v>
      </c>
      <c r="AJ16" s="174">
        <v>87</v>
      </c>
      <c r="AK16" s="169">
        <v>94</v>
      </c>
      <c r="AL16" s="170">
        <v>181</v>
      </c>
      <c r="AM16" s="439">
        <v>0</v>
      </c>
      <c r="AN16" s="169">
        <v>96</v>
      </c>
      <c r="AO16" s="169">
        <v>95</v>
      </c>
      <c r="AP16" s="169">
        <v>65</v>
      </c>
      <c r="AQ16" s="169">
        <v>64</v>
      </c>
      <c r="AR16" s="169">
        <v>38</v>
      </c>
      <c r="AS16" s="170">
        <v>358</v>
      </c>
      <c r="AT16" s="171">
        <v>539</v>
      </c>
      <c r="AU16" s="168">
        <v>184</v>
      </c>
      <c r="AV16" s="169">
        <v>172</v>
      </c>
      <c r="AW16" s="170">
        <v>356</v>
      </c>
      <c r="AX16" s="439">
        <v>0</v>
      </c>
      <c r="AY16" s="169">
        <v>178</v>
      </c>
      <c r="AZ16" s="169">
        <v>171</v>
      </c>
      <c r="BA16" s="169">
        <v>120</v>
      </c>
      <c r="BB16" s="169">
        <v>93</v>
      </c>
      <c r="BC16" s="169">
        <v>55</v>
      </c>
      <c r="BD16" s="170">
        <v>617</v>
      </c>
      <c r="BE16" s="171">
        <v>973</v>
      </c>
      <c r="BF16" s="174">
        <v>214</v>
      </c>
      <c r="BG16" s="169">
        <v>171</v>
      </c>
      <c r="BH16" s="170">
        <v>385</v>
      </c>
      <c r="BI16" s="439">
        <v>0</v>
      </c>
      <c r="BJ16" s="169">
        <v>207</v>
      </c>
      <c r="BK16" s="169">
        <v>179</v>
      </c>
      <c r="BL16" s="169">
        <v>121</v>
      </c>
      <c r="BM16" s="169">
        <v>121</v>
      </c>
      <c r="BN16" s="169">
        <v>57</v>
      </c>
      <c r="BO16" s="170">
        <v>685</v>
      </c>
      <c r="BP16" s="171">
        <v>1070</v>
      </c>
      <c r="BQ16" s="168">
        <v>124</v>
      </c>
      <c r="BR16" s="169">
        <v>132</v>
      </c>
      <c r="BS16" s="170">
        <v>256</v>
      </c>
      <c r="BT16" s="439">
        <v>0</v>
      </c>
      <c r="BU16" s="169">
        <v>169</v>
      </c>
      <c r="BV16" s="169">
        <v>149</v>
      </c>
      <c r="BW16" s="169">
        <v>110</v>
      </c>
      <c r="BX16" s="169">
        <v>114</v>
      </c>
      <c r="BY16" s="169">
        <v>42</v>
      </c>
      <c r="BZ16" s="170">
        <v>584</v>
      </c>
      <c r="CA16" s="171">
        <v>840</v>
      </c>
      <c r="CB16" s="168">
        <v>17</v>
      </c>
      <c r="CC16" s="169">
        <v>38</v>
      </c>
      <c r="CD16" s="170">
        <v>55</v>
      </c>
      <c r="CE16" s="439">
        <v>0</v>
      </c>
      <c r="CF16" s="169">
        <v>15</v>
      </c>
      <c r="CG16" s="169">
        <v>33</v>
      </c>
      <c r="CH16" s="169">
        <v>19</v>
      </c>
      <c r="CI16" s="169">
        <v>14</v>
      </c>
      <c r="CJ16" s="169">
        <v>16</v>
      </c>
      <c r="CK16" s="170">
        <v>97</v>
      </c>
      <c r="CL16" s="171">
        <v>152</v>
      </c>
      <c r="CM16" s="168">
        <v>708</v>
      </c>
      <c r="CN16" s="169">
        <v>693</v>
      </c>
      <c r="CO16" s="170">
        <v>1401</v>
      </c>
      <c r="CP16" s="439">
        <v>0</v>
      </c>
      <c r="CQ16" s="169">
        <v>725</v>
      </c>
      <c r="CR16" s="169">
        <v>718</v>
      </c>
      <c r="CS16" s="169">
        <v>488</v>
      </c>
      <c r="CT16" s="169">
        <v>474</v>
      </c>
      <c r="CU16" s="169">
        <v>236</v>
      </c>
      <c r="CV16" s="170">
        <v>2641</v>
      </c>
      <c r="CW16" s="171">
        <v>4042</v>
      </c>
      <c r="CX16" s="172">
        <v>1357</v>
      </c>
      <c r="CY16" s="164">
        <v>1451</v>
      </c>
      <c r="CZ16" s="165">
        <v>2808</v>
      </c>
      <c r="DA16" s="439">
        <v>0</v>
      </c>
      <c r="DB16" s="164">
        <v>1559</v>
      </c>
      <c r="DC16" s="164">
        <v>1143</v>
      </c>
      <c r="DD16" s="164">
        <v>987</v>
      </c>
      <c r="DE16" s="164">
        <v>1051</v>
      </c>
      <c r="DF16" s="164">
        <v>683</v>
      </c>
      <c r="DG16" s="166">
        <v>5423</v>
      </c>
      <c r="DH16" s="167">
        <v>8231</v>
      </c>
      <c r="DI16" s="174">
        <v>22</v>
      </c>
      <c r="DJ16" s="169">
        <v>29</v>
      </c>
      <c r="DK16" s="170">
        <v>51</v>
      </c>
      <c r="DL16" s="439">
        <v>0</v>
      </c>
      <c r="DM16" s="169">
        <v>24</v>
      </c>
      <c r="DN16" s="169">
        <v>20</v>
      </c>
      <c r="DO16" s="169">
        <v>16</v>
      </c>
      <c r="DP16" s="169">
        <v>12</v>
      </c>
      <c r="DQ16" s="169">
        <v>13</v>
      </c>
      <c r="DR16" s="170">
        <v>85</v>
      </c>
      <c r="DS16" s="171">
        <v>136</v>
      </c>
      <c r="DT16" s="168">
        <v>82</v>
      </c>
      <c r="DU16" s="169">
        <v>86</v>
      </c>
      <c r="DV16" s="170">
        <v>168</v>
      </c>
      <c r="DW16" s="439">
        <v>0</v>
      </c>
      <c r="DX16" s="169">
        <v>45</v>
      </c>
      <c r="DY16" s="169">
        <v>46</v>
      </c>
      <c r="DZ16" s="169">
        <v>42</v>
      </c>
      <c r="EA16" s="169">
        <v>43</v>
      </c>
      <c r="EB16" s="169">
        <v>32</v>
      </c>
      <c r="EC16" s="170">
        <v>208</v>
      </c>
      <c r="ED16" s="171">
        <v>376</v>
      </c>
      <c r="EE16" s="174">
        <v>192</v>
      </c>
      <c r="EF16" s="169">
        <v>208</v>
      </c>
      <c r="EG16" s="170">
        <v>400</v>
      </c>
      <c r="EH16" s="439">
        <v>0</v>
      </c>
      <c r="EI16" s="169">
        <v>143</v>
      </c>
      <c r="EJ16" s="169">
        <v>103</v>
      </c>
      <c r="EK16" s="169">
        <v>81</v>
      </c>
      <c r="EL16" s="169">
        <v>97</v>
      </c>
      <c r="EM16" s="169">
        <v>76</v>
      </c>
      <c r="EN16" s="170">
        <v>500</v>
      </c>
      <c r="EO16" s="171">
        <v>900</v>
      </c>
      <c r="EP16" s="168">
        <v>411</v>
      </c>
      <c r="EQ16" s="169">
        <v>405</v>
      </c>
      <c r="ER16" s="170">
        <v>816</v>
      </c>
      <c r="ES16" s="439">
        <v>0</v>
      </c>
      <c r="ET16" s="169">
        <v>374</v>
      </c>
      <c r="EU16" s="169">
        <v>244</v>
      </c>
      <c r="EV16" s="169">
        <v>169</v>
      </c>
      <c r="EW16" s="169">
        <v>167</v>
      </c>
      <c r="EX16" s="169">
        <v>124</v>
      </c>
      <c r="EY16" s="170">
        <v>1078</v>
      </c>
      <c r="EZ16" s="171">
        <v>1894</v>
      </c>
      <c r="FA16" s="174">
        <v>409</v>
      </c>
      <c r="FB16" s="169">
        <v>396</v>
      </c>
      <c r="FC16" s="170">
        <v>805</v>
      </c>
      <c r="FD16" s="439">
        <v>0</v>
      </c>
      <c r="FE16" s="169">
        <v>504</v>
      </c>
      <c r="FF16" s="169">
        <v>319</v>
      </c>
      <c r="FG16" s="169">
        <v>274</v>
      </c>
      <c r="FH16" s="169">
        <v>261</v>
      </c>
      <c r="FI16" s="169">
        <v>157</v>
      </c>
      <c r="FJ16" s="170">
        <v>1515</v>
      </c>
      <c r="FK16" s="171">
        <v>2320</v>
      </c>
      <c r="FL16" s="168">
        <v>241</v>
      </c>
      <c r="FM16" s="169">
        <v>327</v>
      </c>
      <c r="FN16" s="170">
        <v>568</v>
      </c>
      <c r="FO16" s="439">
        <v>0</v>
      </c>
      <c r="FP16" s="169">
        <v>469</v>
      </c>
      <c r="FQ16" s="169">
        <v>411</v>
      </c>
      <c r="FR16" s="169">
        <v>405</v>
      </c>
      <c r="FS16" s="169">
        <v>471</v>
      </c>
      <c r="FT16" s="169">
        <v>281</v>
      </c>
      <c r="FU16" s="170">
        <v>2037</v>
      </c>
      <c r="FV16" s="171">
        <v>2605</v>
      </c>
      <c r="FW16" s="168">
        <v>10</v>
      </c>
      <c r="FX16" s="169">
        <v>27</v>
      </c>
      <c r="FY16" s="170">
        <v>37</v>
      </c>
      <c r="FZ16" s="439">
        <v>0</v>
      </c>
      <c r="GA16" s="169">
        <v>16</v>
      </c>
      <c r="GB16" s="169">
        <v>15</v>
      </c>
      <c r="GC16" s="169">
        <v>15</v>
      </c>
      <c r="GD16" s="169">
        <v>15</v>
      </c>
      <c r="GE16" s="169">
        <v>11</v>
      </c>
      <c r="GF16" s="170">
        <v>72</v>
      </c>
      <c r="GG16" s="171">
        <v>109</v>
      </c>
      <c r="GH16" s="168">
        <v>1367</v>
      </c>
      <c r="GI16" s="169">
        <v>1478</v>
      </c>
      <c r="GJ16" s="170">
        <v>2845</v>
      </c>
      <c r="GK16" s="439">
        <v>0</v>
      </c>
      <c r="GL16" s="169">
        <v>1575</v>
      </c>
      <c r="GM16" s="169">
        <v>1158</v>
      </c>
      <c r="GN16" s="169">
        <v>1002</v>
      </c>
      <c r="GO16" s="169">
        <v>1066</v>
      </c>
      <c r="GP16" s="169">
        <v>694</v>
      </c>
      <c r="GQ16" s="170">
        <v>5495</v>
      </c>
      <c r="GR16" s="171">
        <v>8340</v>
      </c>
      <c r="GS16" s="172">
        <v>2048</v>
      </c>
      <c r="GT16" s="164">
        <v>2106</v>
      </c>
      <c r="GU16" s="165">
        <v>4154</v>
      </c>
      <c r="GV16" s="439">
        <v>0</v>
      </c>
      <c r="GW16" s="164">
        <v>2269</v>
      </c>
      <c r="GX16" s="164">
        <v>1828</v>
      </c>
      <c r="GY16" s="164">
        <v>1456</v>
      </c>
      <c r="GZ16" s="164">
        <v>1511</v>
      </c>
      <c r="HA16" s="164">
        <v>903</v>
      </c>
      <c r="HB16" s="166">
        <v>7967</v>
      </c>
      <c r="HC16" s="167">
        <v>12121</v>
      </c>
      <c r="HD16" s="174">
        <v>46</v>
      </c>
      <c r="HE16" s="169">
        <v>54</v>
      </c>
      <c r="HF16" s="170">
        <v>100</v>
      </c>
      <c r="HG16" s="439">
        <v>0</v>
      </c>
      <c r="HH16" s="169">
        <v>40</v>
      </c>
      <c r="HI16" s="169">
        <v>47</v>
      </c>
      <c r="HJ16" s="169">
        <v>31</v>
      </c>
      <c r="HK16" s="169">
        <v>33</v>
      </c>
      <c r="HL16" s="169">
        <v>22</v>
      </c>
      <c r="HM16" s="170">
        <v>173</v>
      </c>
      <c r="HN16" s="171">
        <v>273</v>
      </c>
      <c r="HO16" s="168">
        <v>140</v>
      </c>
      <c r="HP16" s="169">
        <v>147</v>
      </c>
      <c r="HQ16" s="170">
        <v>287</v>
      </c>
      <c r="HR16" s="439">
        <v>0</v>
      </c>
      <c r="HS16" s="169">
        <v>89</v>
      </c>
      <c r="HT16" s="169">
        <v>110</v>
      </c>
      <c r="HU16" s="169">
        <v>80</v>
      </c>
      <c r="HV16" s="169">
        <v>90</v>
      </c>
      <c r="HW16" s="169">
        <v>51</v>
      </c>
      <c r="HX16" s="170">
        <v>420</v>
      </c>
      <c r="HY16" s="171">
        <v>707</v>
      </c>
      <c r="HZ16" s="174">
        <v>279</v>
      </c>
      <c r="IA16" s="169">
        <v>302</v>
      </c>
      <c r="IB16" s="170">
        <v>581</v>
      </c>
      <c r="IC16" s="439">
        <v>0</v>
      </c>
      <c r="ID16" s="169">
        <v>239</v>
      </c>
      <c r="IE16" s="169">
        <v>198</v>
      </c>
      <c r="IF16" s="169">
        <v>146</v>
      </c>
      <c r="IG16" s="169">
        <v>161</v>
      </c>
      <c r="IH16" s="169">
        <v>114</v>
      </c>
      <c r="II16" s="170">
        <v>858</v>
      </c>
      <c r="IJ16" s="171">
        <v>1439</v>
      </c>
      <c r="IK16" s="168">
        <v>595</v>
      </c>
      <c r="IL16" s="169">
        <v>577</v>
      </c>
      <c r="IM16" s="170">
        <v>1172</v>
      </c>
      <c r="IN16" s="439">
        <v>0</v>
      </c>
      <c r="IO16" s="169">
        <v>552</v>
      </c>
      <c r="IP16" s="169">
        <v>415</v>
      </c>
      <c r="IQ16" s="169">
        <v>289</v>
      </c>
      <c r="IR16" s="169">
        <v>260</v>
      </c>
      <c r="IS16" s="169">
        <v>179</v>
      </c>
      <c r="IT16" s="170">
        <v>1695</v>
      </c>
      <c r="IU16" s="171">
        <v>2867</v>
      </c>
      <c r="IV16" s="174">
        <v>623</v>
      </c>
      <c r="IW16" s="169">
        <v>567</v>
      </c>
      <c r="IX16" s="170">
        <v>1190</v>
      </c>
      <c r="IY16" s="439">
        <v>0</v>
      </c>
      <c r="IZ16" s="169">
        <v>711</v>
      </c>
      <c r="JA16" s="169">
        <v>498</v>
      </c>
      <c r="JB16" s="169">
        <v>395</v>
      </c>
      <c r="JC16" s="169">
        <v>382</v>
      </c>
      <c r="JD16" s="169">
        <v>214</v>
      </c>
      <c r="JE16" s="170">
        <v>2200</v>
      </c>
      <c r="JF16" s="171">
        <v>3390</v>
      </c>
      <c r="JG16" s="168">
        <v>365</v>
      </c>
      <c r="JH16" s="169">
        <v>459</v>
      </c>
      <c r="JI16" s="170">
        <v>824</v>
      </c>
      <c r="JJ16" s="439">
        <v>0</v>
      </c>
      <c r="JK16" s="169">
        <v>638</v>
      </c>
      <c r="JL16" s="169">
        <v>560</v>
      </c>
      <c r="JM16" s="169">
        <v>515</v>
      </c>
      <c r="JN16" s="169">
        <v>585</v>
      </c>
      <c r="JO16" s="169">
        <v>323</v>
      </c>
      <c r="JP16" s="170">
        <v>2621</v>
      </c>
      <c r="JQ16" s="171">
        <v>3445</v>
      </c>
      <c r="JR16" s="168">
        <v>27</v>
      </c>
      <c r="JS16" s="169">
        <v>65</v>
      </c>
      <c r="JT16" s="170">
        <v>92</v>
      </c>
      <c r="JU16" s="439">
        <v>0</v>
      </c>
      <c r="JV16" s="169">
        <v>31</v>
      </c>
      <c r="JW16" s="169">
        <v>48</v>
      </c>
      <c r="JX16" s="169">
        <v>34</v>
      </c>
      <c r="JY16" s="169">
        <v>29</v>
      </c>
      <c r="JZ16" s="169">
        <v>27</v>
      </c>
      <c r="KA16" s="170">
        <v>169</v>
      </c>
      <c r="KB16" s="171">
        <v>261</v>
      </c>
      <c r="KC16" s="168">
        <v>2075</v>
      </c>
      <c r="KD16" s="169">
        <v>2171</v>
      </c>
      <c r="KE16" s="170">
        <v>4246</v>
      </c>
      <c r="KF16" s="439">
        <v>0</v>
      </c>
      <c r="KG16" s="169">
        <v>2300</v>
      </c>
      <c r="KH16" s="169">
        <v>1876</v>
      </c>
      <c r="KI16" s="169">
        <v>1490</v>
      </c>
      <c r="KJ16" s="169">
        <v>1540</v>
      </c>
      <c r="KK16" s="169">
        <v>930</v>
      </c>
      <c r="KL16" s="170">
        <v>8136</v>
      </c>
      <c r="KM16" s="171">
        <v>12382</v>
      </c>
    </row>
    <row r="17" spans="2:299" s="137" customFormat="1" ht="21" customHeight="1" x14ac:dyDescent="0.2">
      <c r="B17" s="173" t="s">
        <v>13</v>
      </c>
      <c r="C17" s="163">
        <v>162</v>
      </c>
      <c r="D17" s="164">
        <v>172</v>
      </c>
      <c r="E17" s="165">
        <v>334</v>
      </c>
      <c r="F17" s="439">
        <v>0</v>
      </c>
      <c r="G17" s="164">
        <v>314</v>
      </c>
      <c r="H17" s="164">
        <v>281</v>
      </c>
      <c r="I17" s="164">
        <v>189</v>
      </c>
      <c r="J17" s="164">
        <v>135</v>
      </c>
      <c r="K17" s="164">
        <v>105</v>
      </c>
      <c r="L17" s="166">
        <v>1024</v>
      </c>
      <c r="M17" s="167">
        <v>1358</v>
      </c>
      <c r="N17" s="168">
        <v>5</v>
      </c>
      <c r="O17" s="169">
        <v>3</v>
      </c>
      <c r="P17" s="170">
        <v>8</v>
      </c>
      <c r="Q17" s="439">
        <v>0</v>
      </c>
      <c r="R17" s="169">
        <v>14</v>
      </c>
      <c r="S17" s="169">
        <v>7</v>
      </c>
      <c r="T17" s="169">
        <v>5</v>
      </c>
      <c r="U17" s="169">
        <v>9</v>
      </c>
      <c r="V17" s="169">
        <v>7</v>
      </c>
      <c r="W17" s="170">
        <v>42</v>
      </c>
      <c r="X17" s="171">
        <v>50</v>
      </c>
      <c r="Y17" s="168">
        <v>12</v>
      </c>
      <c r="Z17" s="169">
        <v>11</v>
      </c>
      <c r="AA17" s="170">
        <v>23</v>
      </c>
      <c r="AB17" s="439">
        <v>0</v>
      </c>
      <c r="AC17" s="169">
        <v>21</v>
      </c>
      <c r="AD17" s="169">
        <v>18</v>
      </c>
      <c r="AE17" s="169">
        <v>11</v>
      </c>
      <c r="AF17" s="169">
        <v>14</v>
      </c>
      <c r="AG17" s="169">
        <v>9</v>
      </c>
      <c r="AH17" s="170">
        <v>73</v>
      </c>
      <c r="AI17" s="171">
        <v>96</v>
      </c>
      <c r="AJ17" s="168">
        <v>20</v>
      </c>
      <c r="AK17" s="169">
        <v>21</v>
      </c>
      <c r="AL17" s="170">
        <v>41</v>
      </c>
      <c r="AM17" s="439">
        <v>0</v>
      </c>
      <c r="AN17" s="169">
        <v>43</v>
      </c>
      <c r="AO17" s="169">
        <v>34</v>
      </c>
      <c r="AP17" s="169">
        <v>21</v>
      </c>
      <c r="AQ17" s="169">
        <v>14</v>
      </c>
      <c r="AR17" s="169">
        <v>14</v>
      </c>
      <c r="AS17" s="170">
        <v>126</v>
      </c>
      <c r="AT17" s="171">
        <v>167</v>
      </c>
      <c r="AU17" s="168">
        <v>36</v>
      </c>
      <c r="AV17" s="169">
        <v>40</v>
      </c>
      <c r="AW17" s="170">
        <v>76</v>
      </c>
      <c r="AX17" s="439">
        <v>0</v>
      </c>
      <c r="AY17" s="169">
        <v>81</v>
      </c>
      <c r="AZ17" s="169">
        <v>50</v>
      </c>
      <c r="BA17" s="169">
        <v>43</v>
      </c>
      <c r="BB17" s="169">
        <v>29</v>
      </c>
      <c r="BC17" s="169">
        <v>23</v>
      </c>
      <c r="BD17" s="170">
        <v>226</v>
      </c>
      <c r="BE17" s="171">
        <v>302</v>
      </c>
      <c r="BF17" s="168">
        <v>53</v>
      </c>
      <c r="BG17" s="169">
        <v>60</v>
      </c>
      <c r="BH17" s="170">
        <v>113</v>
      </c>
      <c r="BI17" s="439">
        <v>0</v>
      </c>
      <c r="BJ17" s="169">
        <v>82</v>
      </c>
      <c r="BK17" s="169">
        <v>93</v>
      </c>
      <c r="BL17" s="169">
        <v>56</v>
      </c>
      <c r="BM17" s="169">
        <v>35</v>
      </c>
      <c r="BN17" s="169">
        <v>22</v>
      </c>
      <c r="BO17" s="170">
        <v>288</v>
      </c>
      <c r="BP17" s="171">
        <v>401</v>
      </c>
      <c r="BQ17" s="168">
        <v>36</v>
      </c>
      <c r="BR17" s="169">
        <v>37</v>
      </c>
      <c r="BS17" s="170">
        <v>73</v>
      </c>
      <c r="BT17" s="439">
        <v>0</v>
      </c>
      <c r="BU17" s="169">
        <v>73</v>
      </c>
      <c r="BV17" s="169">
        <v>79</v>
      </c>
      <c r="BW17" s="169">
        <v>53</v>
      </c>
      <c r="BX17" s="169">
        <v>34</v>
      </c>
      <c r="BY17" s="169">
        <v>30</v>
      </c>
      <c r="BZ17" s="170">
        <v>269</v>
      </c>
      <c r="CA17" s="171">
        <v>342</v>
      </c>
      <c r="CB17" s="168">
        <v>6</v>
      </c>
      <c r="CC17" s="169">
        <v>2</v>
      </c>
      <c r="CD17" s="170">
        <v>8</v>
      </c>
      <c r="CE17" s="439">
        <v>0</v>
      </c>
      <c r="CF17" s="169">
        <v>9</v>
      </c>
      <c r="CG17" s="169">
        <v>11</v>
      </c>
      <c r="CH17" s="169">
        <v>6</v>
      </c>
      <c r="CI17" s="169">
        <v>1</v>
      </c>
      <c r="CJ17" s="169">
        <v>6</v>
      </c>
      <c r="CK17" s="170">
        <v>33</v>
      </c>
      <c r="CL17" s="171">
        <v>41</v>
      </c>
      <c r="CM17" s="168">
        <v>168</v>
      </c>
      <c r="CN17" s="169">
        <v>174</v>
      </c>
      <c r="CO17" s="170">
        <v>342</v>
      </c>
      <c r="CP17" s="439">
        <v>0</v>
      </c>
      <c r="CQ17" s="169">
        <v>323</v>
      </c>
      <c r="CR17" s="169">
        <v>292</v>
      </c>
      <c r="CS17" s="169">
        <v>195</v>
      </c>
      <c r="CT17" s="169">
        <v>136</v>
      </c>
      <c r="CU17" s="169">
        <v>111</v>
      </c>
      <c r="CV17" s="170">
        <v>1057</v>
      </c>
      <c r="CW17" s="171">
        <v>1399</v>
      </c>
      <c r="CX17" s="172">
        <v>391</v>
      </c>
      <c r="CY17" s="164">
        <v>411</v>
      </c>
      <c r="CZ17" s="165">
        <v>802</v>
      </c>
      <c r="DA17" s="439">
        <v>0</v>
      </c>
      <c r="DB17" s="164">
        <v>596</v>
      </c>
      <c r="DC17" s="164">
        <v>526</v>
      </c>
      <c r="DD17" s="164">
        <v>338</v>
      </c>
      <c r="DE17" s="164">
        <v>373</v>
      </c>
      <c r="DF17" s="164">
        <v>299</v>
      </c>
      <c r="DG17" s="166">
        <v>2132</v>
      </c>
      <c r="DH17" s="167">
        <v>2934</v>
      </c>
      <c r="DI17" s="168">
        <v>6</v>
      </c>
      <c r="DJ17" s="169">
        <v>5</v>
      </c>
      <c r="DK17" s="170">
        <v>11</v>
      </c>
      <c r="DL17" s="439">
        <v>0</v>
      </c>
      <c r="DM17" s="169">
        <v>9</v>
      </c>
      <c r="DN17" s="169">
        <v>7</v>
      </c>
      <c r="DO17" s="169">
        <v>3</v>
      </c>
      <c r="DP17" s="169">
        <v>6</v>
      </c>
      <c r="DQ17" s="169">
        <v>2</v>
      </c>
      <c r="DR17" s="170">
        <v>27</v>
      </c>
      <c r="DS17" s="171">
        <v>38</v>
      </c>
      <c r="DT17" s="168">
        <v>21</v>
      </c>
      <c r="DU17" s="169">
        <v>20</v>
      </c>
      <c r="DV17" s="170">
        <v>41</v>
      </c>
      <c r="DW17" s="439">
        <v>0</v>
      </c>
      <c r="DX17" s="169">
        <v>18</v>
      </c>
      <c r="DY17" s="169">
        <v>13</v>
      </c>
      <c r="DZ17" s="169">
        <v>13</v>
      </c>
      <c r="EA17" s="169">
        <v>12</v>
      </c>
      <c r="EB17" s="169">
        <v>11</v>
      </c>
      <c r="EC17" s="170">
        <v>67</v>
      </c>
      <c r="ED17" s="171">
        <v>108</v>
      </c>
      <c r="EE17" s="168">
        <v>45</v>
      </c>
      <c r="EF17" s="169">
        <v>44</v>
      </c>
      <c r="EG17" s="170">
        <v>89</v>
      </c>
      <c r="EH17" s="439">
        <v>0</v>
      </c>
      <c r="EI17" s="169">
        <v>61</v>
      </c>
      <c r="EJ17" s="169">
        <v>43</v>
      </c>
      <c r="EK17" s="169">
        <v>31</v>
      </c>
      <c r="EL17" s="169">
        <v>25</v>
      </c>
      <c r="EM17" s="169">
        <v>28</v>
      </c>
      <c r="EN17" s="170">
        <v>188</v>
      </c>
      <c r="EO17" s="171">
        <v>277</v>
      </c>
      <c r="EP17" s="168">
        <v>116</v>
      </c>
      <c r="EQ17" s="169">
        <v>127</v>
      </c>
      <c r="ER17" s="170">
        <v>243</v>
      </c>
      <c r="ES17" s="439">
        <v>0</v>
      </c>
      <c r="ET17" s="169">
        <v>146</v>
      </c>
      <c r="EU17" s="169">
        <v>112</v>
      </c>
      <c r="EV17" s="169">
        <v>56</v>
      </c>
      <c r="EW17" s="169">
        <v>53</v>
      </c>
      <c r="EX17" s="169">
        <v>55</v>
      </c>
      <c r="EY17" s="170">
        <v>422</v>
      </c>
      <c r="EZ17" s="171">
        <v>665</v>
      </c>
      <c r="FA17" s="168">
        <v>131</v>
      </c>
      <c r="FB17" s="169">
        <v>114</v>
      </c>
      <c r="FC17" s="170">
        <v>245</v>
      </c>
      <c r="FD17" s="439">
        <v>0</v>
      </c>
      <c r="FE17" s="169">
        <v>185</v>
      </c>
      <c r="FF17" s="169">
        <v>150</v>
      </c>
      <c r="FG17" s="169">
        <v>81</v>
      </c>
      <c r="FH17" s="169">
        <v>90</v>
      </c>
      <c r="FI17" s="169">
        <v>63</v>
      </c>
      <c r="FJ17" s="170">
        <v>569</v>
      </c>
      <c r="FK17" s="171">
        <v>814</v>
      </c>
      <c r="FL17" s="168">
        <v>72</v>
      </c>
      <c r="FM17" s="169">
        <v>101</v>
      </c>
      <c r="FN17" s="170">
        <v>173</v>
      </c>
      <c r="FO17" s="439">
        <v>0</v>
      </c>
      <c r="FP17" s="169">
        <v>177</v>
      </c>
      <c r="FQ17" s="169">
        <v>201</v>
      </c>
      <c r="FR17" s="169">
        <v>154</v>
      </c>
      <c r="FS17" s="169">
        <v>187</v>
      </c>
      <c r="FT17" s="169">
        <v>140</v>
      </c>
      <c r="FU17" s="170">
        <v>859</v>
      </c>
      <c r="FV17" s="171">
        <v>1032</v>
      </c>
      <c r="FW17" s="168">
        <v>0</v>
      </c>
      <c r="FX17" s="169">
        <v>1</v>
      </c>
      <c r="FY17" s="170">
        <v>1</v>
      </c>
      <c r="FZ17" s="439">
        <v>0</v>
      </c>
      <c r="GA17" s="169">
        <v>10</v>
      </c>
      <c r="GB17" s="169">
        <v>7</v>
      </c>
      <c r="GC17" s="169">
        <v>6</v>
      </c>
      <c r="GD17" s="169">
        <v>1</v>
      </c>
      <c r="GE17" s="169">
        <v>5</v>
      </c>
      <c r="GF17" s="170">
        <v>29</v>
      </c>
      <c r="GG17" s="171">
        <v>30</v>
      </c>
      <c r="GH17" s="168">
        <v>391</v>
      </c>
      <c r="GI17" s="169">
        <v>412</v>
      </c>
      <c r="GJ17" s="170">
        <v>803</v>
      </c>
      <c r="GK17" s="439">
        <v>0</v>
      </c>
      <c r="GL17" s="169">
        <v>606</v>
      </c>
      <c r="GM17" s="169">
        <v>533</v>
      </c>
      <c r="GN17" s="169">
        <v>344</v>
      </c>
      <c r="GO17" s="169">
        <v>374</v>
      </c>
      <c r="GP17" s="169">
        <v>304</v>
      </c>
      <c r="GQ17" s="170">
        <v>2161</v>
      </c>
      <c r="GR17" s="171">
        <v>2964</v>
      </c>
      <c r="GS17" s="172">
        <v>553</v>
      </c>
      <c r="GT17" s="164">
        <v>583</v>
      </c>
      <c r="GU17" s="165">
        <v>1136</v>
      </c>
      <c r="GV17" s="439">
        <v>0</v>
      </c>
      <c r="GW17" s="164">
        <v>910</v>
      </c>
      <c r="GX17" s="164">
        <v>807</v>
      </c>
      <c r="GY17" s="164">
        <v>527</v>
      </c>
      <c r="GZ17" s="164">
        <v>508</v>
      </c>
      <c r="HA17" s="164">
        <v>404</v>
      </c>
      <c r="HB17" s="166">
        <v>3156</v>
      </c>
      <c r="HC17" s="167">
        <v>4292</v>
      </c>
      <c r="HD17" s="168">
        <v>11</v>
      </c>
      <c r="HE17" s="169">
        <v>8</v>
      </c>
      <c r="HF17" s="170">
        <v>19</v>
      </c>
      <c r="HG17" s="439">
        <v>0</v>
      </c>
      <c r="HH17" s="169">
        <v>23</v>
      </c>
      <c r="HI17" s="169">
        <v>14</v>
      </c>
      <c r="HJ17" s="169">
        <v>8</v>
      </c>
      <c r="HK17" s="169">
        <v>15</v>
      </c>
      <c r="HL17" s="169">
        <v>9</v>
      </c>
      <c r="HM17" s="170">
        <v>69</v>
      </c>
      <c r="HN17" s="171">
        <v>88</v>
      </c>
      <c r="HO17" s="168">
        <v>33</v>
      </c>
      <c r="HP17" s="169">
        <v>31</v>
      </c>
      <c r="HQ17" s="170">
        <v>64</v>
      </c>
      <c r="HR17" s="439">
        <v>0</v>
      </c>
      <c r="HS17" s="169">
        <v>39</v>
      </c>
      <c r="HT17" s="169">
        <v>31</v>
      </c>
      <c r="HU17" s="169">
        <v>24</v>
      </c>
      <c r="HV17" s="169">
        <v>26</v>
      </c>
      <c r="HW17" s="169">
        <v>20</v>
      </c>
      <c r="HX17" s="170">
        <v>140</v>
      </c>
      <c r="HY17" s="171">
        <v>204</v>
      </c>
      <c r="HZ17" s="168">
        <v>65</v>
      </c>
      <c r="IA17" s="169">
        <v>65</v>
      </c>
      <c r="IB17" s="170">
        <v>130</v>
      </c>
      <c r="IC17" s="439">
        <v>0</v>
      </c>
      <c r="ID17" s="169">
        <v>104</v>
      </c>
      <c r="IE17" s="169">
        <v>77</v>
      </c>
      <c r="IF17" s="169">
        <v>52</v>
      </c>
      <c r="IG17" s="169">
        <v>39</v>
      </c>
      <c r="IH17" s="169">
        <v>42</v>
      </c>
      <c r="II17" s="170">
        <v>314</v>
      </c>
      <c r="IJ17" s="171">
        <v>444</v>
      </c>
      <c r="IK17" s="168">
        <v>152</v>
      </c>
      <c r="IL17" s="169">
        <v>167</v>
      </c>
      <c r="IM17" s="170">
        <v>319</v>
      </c>
      <c r="IN17" s="439">
        <v>0</v>
      </c>
      <c r="IO17" s="169">
        <v>227</v>
      </c>
      <c r="IP17" s="169">
        <v>162</v>
      </c>
      <c r="IQ17" s="169">
        <v>99</v>
      </c>
      <c r="IR17" s="169">
        <v>82</v>
      </c>
      <c r="IS17" s="169">
        <v>78</v>
      </c>
      <c r="IT17" s="170">
        <v>648</v>
      </c>
      <c r="IU17" s="171">
        <v>967</v>
      </c>
      <c r="IV17" s="168">
        <v>184</v>
      </c>
      <c r="IW17" s="169">
        <v>174</v>
      </c>
      <c r="IX17" s="170">
        <v>358</v>
      </c>
      <c r="IY17" s="439">
        <v>0</v>
      </c>
      <c r="IZ17" s="169">
        <v>267</v>
      </c>
      <c r="JA17" s="169">
        <v>243</v>
      </c>
      <c r="JB17" s="169">
        <v>137</v>
      </c>
      <c r="JC17" s="169">
        <v>125</v>
      </c>
      <c r="JD17" s="169">
        <v>85</v>
      </c>
      <c r="JE17" s="170">
        <v>857</v>
      </c>
      <c r="JF17" s="171">
        <v>1215</v>
      </c>
      <c r="JG17" s="168">
        <v>108</v>
      </c>
      <c r="JH17" s="169">
        <v>138</v>
      </c>
      <c r="JI17" s="170">
        <v>246</v>
      </c>
      <c r="JJ17" s="439">
        <v>0</v>
      </c>
      <c r="JK17" s="169">
        <v>250</v>
      </c>
      <c r="JL17" s="169">
        <v>280</v>
      </c>
      <c r="JM17" s="169">
        <v>207</v>
      </c>
      <c r="JN17" s="169">
        <v>221</v>
      </c>
      <c r="JO17" s="169">
        <v>170</v>
      </c>
      <c r="JP17" s="170">
        <v>1128</v>
      </c>
      <c r="JQ17" s="171">
        <v>1374</v>
      </c>
      <c r="JR17" s="168">
        <v>6</v>
      </c>
      <c r="JS17" s="169">
        <v>3</v>
      </c>
      <c r="JT17" s="170">
        <v>9</v>
      </c>
      <c r="JU17" s="439">
        <v>0</v>
      </c>
      <c r="JV17" s="169">
        <v>19</v>
      </c>
      <c r="JW17" s="169">
        <v>18</v>
      </c>
      <c r="JX17" s="169">
        <v>12</v>
      </c>
      <c r="JY17" s="169">
        <v>2</v>
      </c>
      <c r="JZ17" s="169">
        <v>11</v>
      </c>
      <c r="KA17" s="170">
        <v>62</v>
      </c>
      <c r="KB17" s="171">
        <v>71</v>
      </c>
      <c r="KC17" s="168">
        <v>559</v>
      </c>
      <c r="KD17" s="169">
        <v>586</v>
      </c>
      <c r="KE17" s="170">
        <v>1145</v>
      </c>
      <c r="KF17" s="439">
        <v>0</v>
      </c>
      <c r="KG17" s="169">
        <v>929</v>
      </c>
      <c r="KH17" s="169">
        <v>825</v>
      </c>
      <c r="KI17" s="169">
        <v>539</v>
      </c>
      <c r="KJ17" s="169">
        <v>510</v>
      </c>
      <c r="KK17" s="169">
        <v>415</v>
      </c>
      <c r="KL17" s="170">
        <v>3218</v>
      </c>
      <c r="KM17" s="171">
        <v>4363</v>
      </c>
    </row>
    <row r="18" spans="2:299" s="137" customFormat="1" ht="21" customHeight="1" x14ac:dyDescent="0.2">
      <c r="B18" s="173" t="s">
        <v>15</v>
      </c>
      <c r="C18" s="163">
        <v>121</v>
      </c>
      <c r="D18" s="164">
        <v>144</v>
      </c>
      <c r="E18" s="165">
        <v>265</v>
      </c>
      <c r="F18" s="439">
        <v>0</v>
      </c>
      <c r="G18" s="164">
        <v>258</v>
      </c>
      <c r="H18" s="164">
        <v>215</v>
      </c>
      <c r="I18" s="164">
        <v>149</v>
      </c>
      <c r="J18" s="164">
        <v>140</v>
      </c>
      <c r="K18" s="164">
        <v>61</v>
      </c>
      <c r="L18" s="166">
        <v>823</v>
      </c>
      <c r="M18" s="167">
        <v>1088</v>
      </c>
      <c r="N18" s="168">
        <v>6</v>
      </c>
      <c r="O18" s="169">
        <v>6</v>
      </c>
      <c r="P18" s="170">
        <v>12</v>
      </c>
      <c r="Q18" s="439">
        <v>0</v>
      </c>
      <c r="R18" s="169">
        <v>14</v>
      </c>
      <c r="S18" s="169">
        <v>16</v>
      </c>
      <c r="T18" s="169">
        <v>7</v>
      </c>
      <c r="U18" s="169">
        <v>3</v>
      </c>
      <c r="V18" s="169">
        <v>4</v>
      </c>
      <c r="W18" s="170">
        <v>44</v>
      </c>
      <c r="X18" s="171">
        <v>56</v>
      </c>
      <c r="Y18" s="168">
        <v>16</v>
      </c>
      <c r="Z18" s="169">
        <v>17</v>
      </c>
      <c r="AA18" s="170">
        <v>33</v>
      </c>
      <c r="AB18" s="439">
        <v>0</v>
      </c>
      <c r="AC18" s="169">
        <v>27</v>
      </c>
      <c r="AD18" s="169">
        <v>20</v>
      </c>
      <c r="AE18" s="169">
        <v>22</v>
      </c>
      <c r="AF18" s="169">
        <v>15</v>
      </c>
      <c r="AG18" s="169">
        <v>9</v>
      </c>
      <c r="AH18" s="170">
        <v>93</v>
      </c>
      <c r="AI18" s="171">
        <v>126</v>
      </c>
      <c r="AJ18" s="168">
        <v>22</v>
      </c>
      <c r="AK18" s="169">
        <v>22</v>
      </c>
      <c r="AL18" s="170">
        <v>44</v>
      </c>
      <c r="AM18" s="439">
        <v>0</v>
      </c>
      <c r="AN18" s="169">
        <v>31</v>
      </c>
      <c r="AO18" s="169">
        <v>48</v>
      </c>
      <c r="AP18" s="169">
        <v>23</v>
      </c>
      <c r="AQ18" s="169">
        <v>29</v>
      </c>
      <c r="AR18" s="169">
        <v>15</v>
      </c>
      <c r="AS18" s="170">
        <v>146</v>
      </c>
      <c r="AT18" s="171">
        <v>190</v>
      </c>
      <c r="AU18" s="168">
        <v>36</v>
      </c>
      <c r="AV18" s="169">
        <v>35</v>
      </c>
      <c r="AW18" s="170">
        <v>71</v>
      </c>
      <c r="AX18" s="439">
        <v>0</v>
      </c>
      <c r="AY18" s="169">
        <v>73</v>
      </c>
      <c r="AZ18" s="169">
        <v>46</v>
      </c>
      <c r="BA18" s="169">
        <v>28</v>
      </c>
      <c r="BB18" s="169">
        <v>37</v>
      </c>
      <c r="BC18" s="169">
        <v>13</v>
      </c>
      <c r="BD18" s="170">
        <v>197</v>
      </c>
      <c r="BE18" s="171">
        <v>268</v>
      </c>
      <c r="BF18" s="168">
        <v>29</v>
      </c>
      <c r="BG18" s="169">
        <v>40</v>
      </c>
      <c r="BH18" s="170">
        <v>69</v>
      </c>
      <c r="BI18" s="439">
        <v>0</v>
      </c>
      <c r="BJ18" s="169">
        <v>68</v>
      </c>
      <c r="BK18" s="169">
        <v>46</v>
      </c>
      <c r="BL18" s="169">
        <v>36</v>
      </c>
      <c r="BM18" s="169">
        <v>29</v>
      </c>
      <c r="BN18" s="169">
        <v>16</v>
      </c>
      <c r="BO18" s="170">
        <v>195</v>
      </c>
      <c r="BP18" s="171">
        <v>264</v>
      </c>
      <c r="BQ18" s="168">
        <v>12</v>
      </c>
      <c r="BR18" s="169">
        <v>24</v>
      </c>
      <c r="BS18" s="170">
        <v>36</v>
      </c>
      <c r="BT18" s="439">
        <v>0</v>
      </c>
      <c r="BU18" s="169">
        <v>45</v>
      </c>
      <c r="BV18" s="169">
        <v>39</v>
      </c>
      <c r="BW18" s="169">
        <v>33</v>
      </c>
      <c r="BX18" s="169">
        <v>27</v>
      </c>
      <c r="BY18" s="169">
        <v>4</v>
      </c>
      <c r="BZ18" s="170">
        <v>148</v>
      </c>
      <c r="CA18" s="171">
        <v>184</v>
      </c>
      <c r="CB18" s="168">
        <v>1</v>
      </c>
      <c r="CC18" s="169">
        <v>4</v>
      </c>
      <c r="CD18" s="170">
        <v>5</v>
      </c>
      <c r="CE18" s="439">
        <v>0</v>
      </c>
      <c r="CF18" s="169">
        <v>6</v>
      </c>
      <c r="CG18" s="169">
        <v>7</v>
      </c>
      <c r="CH18" s="169">
        <v>3</v>
      </c>
      <c r="CI18" s="169">
        <v>4</v>
      </c>
      <c r="CJ18" s="169">
        <v>6</v>
      </c>
      <c r="CK18" s="170">
        <v>26</v>
      </c>
      <c r="CL18" s="171">
        <v>31</v>
      </c>
      <c r="CM18" s="168">
        <v>122</v>
      </c>
      <c r="CN18" s="169">
        <v>148</v>
      </c>
      <c r="CO18" s="170">
        <v>270</v>
      </c>
      <c r="CP18" s="439">
        <v>0</v>
      </c>
      <c r="CQ18" s="169">
        <v>264</v>
      </c>
      <c r="CR18" s="169">
        <v>222</v>
      </c>
      <c r="CS18" s="169">
        <v>152</v>
      </c>
      <c r="CT18" s="169">
        <v>144</v>
      </c>
      <c r="CU18" s="169">
        <v>67</v>
      </c>
      <c r="CV18" s="170">
        <v>849</v>
      </c>
      <c r="CW18" s="171">
        <v>1119</v>
      </c>
      <c r="CX18" s="172">
        <v>284</v>
      </c>
      <c r="CY18" s="164">
        <v>386</v>
      </c>
      <c r="CZ18" s="165">
        <v>670</v>
      </c>
      <c r="DA18" s="439">
        <v>0</v>
      </c>
      <c r="DB18" s="164">
        <v>456</v>
      </c>
      <c r="DC18" s="164">
        <v>431</v>
      </c>
      <c r="DD18" s="164">
        <v>312</v>
      </c>
      <c r="DE18" s="164">
        <v>321</v>
      </c>
      <c r="DF18" s="164">
        <v>166</v>
      </c>
      <c r="DG18" s="166">
        <v>1686</v>
      </c>
      <c r="DH18" s="167">
        <v>2356</v>
      </c>
      <c r="DI18" s="168">
        <v>6</v>
      </c>
      <c r="DJ18" s="169">
        <v>7</v>
      </c>
      <c r="DK18" s="170">
        <v>13</v>
      </c>
      <c r="DL18" s="439">
        <v>0</v>
      </c>
      <c r="DM18" s="169">
        <v>8</v>
      </c>
      <c r="DN18" s="169">
        <v>11</v>
      </c>
      <c r="DO18" s="169">
        <v>4</v>
      </c>
      <c r="DP18" s="169">
        <v>1</v>
      </c>
      <c r="DQ18" s="169">
        <v>3</v>
      </c>
      <c r="DR18" s="170">
        <v>27</v>
      </c>
      <c r="DS18" s="171">
        <v>40</v>
      </c>
      <c r="DT18" s="168">
        <v>21</v>
      </c>
      <c r="DU18" s="169">
        <v>17</v>
      </c>
      <c r="DV18" s="170">
        <v>38</v>
      </c>
      <c r="DW18" s="439">
        <v>0</v>
      </c>
      <c r="DX18" s="169">
        <v>28</v>
      </c>
      <c r="DY18" s="169">
        <v>27</v>
      </c>
      <c r="DZ18" s="169">
        <v>21</v>
      </c>
      <c r="EA18" s="169">
        <v>10</v>
      </c>
      <c r="EB18" s="169">
        <v>10</v>
      </c>
      <c r="EC18" s="170">
        <v>96</v>
      </c>
      <c r="ED18" s="171">
        <v>134</v>
      </c>
      <c r="EE18" s="168">
        <v>59</v>
      </c>
      <c r="EF18" s="169">
        <v>56</v>
      </c>
      <c r="EG18" s="170">
        <v>115</v>
      </c>
      <c r="EH18" s="439">
        <v>0</v>
      </c>
      <c r="EI18" s="169">
        <v>48</v>
      </c>
      <c r="EJ18" s="169">
        <v>47</v>
      </c>
      <c r="EK18" s="169">
        <v>26</v>
      </c>
      <c r="EL18" s="169">
        <v>21</v>
      </c>
      <c r="EM18" s="169">
        <v>21</v>
      </c>
      <c r="EN18" s="170">
        <v>163</v>
      </c>
      <c r="EO18" s="171">
        <v>278</v>
      </c>
      <c r="EP18" s="168">
        <v>85</v>
      </c>
      <c r="EQ18" s="169">
        <v>124</v>
      </c>
      <c r="ER18" s="170">
        <v>209</v>
      </c>
      <c r="ES18" s="439">
        <v>0</v>
      </c>
      <c r="ET18" s="169">
        <v>108</v>
      </c>
      <c r="EU18" s="169">
        <v>94</v>
      </c>
      <c r="EV18" s="169">
        <v>58</v>
      </c>
      <c r="EW18" s="169">
        <v>46</v>
      </c>
      <c r="EX18" s="169">
        <v>32</v>
      </c>
      <c r="EY18" s="170">
        <v>338</v>
      </c>
      <c r="EZ18" s="171">
        <v>547</v>
      </c>
      <c r="FA18" s="168">
        <v>73</v>
      </c>
      <c r="FB18" s="169">
        <v>109</v>
      </c>
      <c r="FC18" s="170">
        <v>182</v>
      </c>
      <c r="FD18" s="439">
        <v>0</v>
      </c>
      <c r="FE18" s="169">
        <v>140</v>
      </c>
      <c r="FF18" s="169">
        <v>123</v>
      </c>
      <c r="FG18" s="169">
        <v>84</v>
      </c>
      <c r="FH18" s="169">
        <v>90</v>
      </c>
      <c r="FI18" s="169">
        <v>38</v>
      </c>
      <c r="FJ18" s="170">
        <v>475</v>
      </c>
      <c r="FK18" s="171">
        <v>657</v>
      </c>
      <c r="FL18" s="168">
        <v>40</v>
      </c>
      <c r="FM18" s="169">
        <v>73</v>
      </c>
      <c r="FN18" s="170">
        <v>113</v>
      </c>
      <c r="FO18" s="439">
        <v>0</v>
      </c>
      <c r="FP18" s="169">
        <v>124</v>
      </c>
      <c r="FQ18" s="169">
        <v>129</v>
      </c>
      <c r="FR18" s="169">
        <v>119</v>
      </c>
      <c r="FS18" s="169">
        <v>153</v>
      </c>
      <c r="FT18" s="169">
        <v>62</v>
      </c>
      <c r="FU18" s="170">
        <v>587</v>
      </c>
      <c r="FV18" s="171">
        <v>700</v>
      </c>
      <c r="FW18" s="168">
        <v>1</v>
      </c>
      <c r="FX18" s="169">
        <v>3</v>
      </c>
      <c r="FY18" s="170">
        <v>4</v>
      </c>
      <c r="FZ18" s="439">
        <v>0</v>
      </c>
      <c r="GA18" s="169">
        <v>4</v>
      </c>
      <c r="GB18" s="169">
        <v>8</v>
      </c>
      <c r="GC18" s="169">
        <v>1</v>
      </c>
      <c r="GD18" s="169">
        <v>1</v>
      </c>
      <c r="GE18" s="169">
        <v>5</v>
      </c>
      <c r="GF18" s="170">
        <v>19</v>
      </c>
      <c r="GG18" s="171">
        <v>23</v>
      </c>
      <c r="GH18" s="168">
        <v>285</v>
      </c>
      <c r="GI18" s="169">
        <v>389</v>
      </c>
      <c r="GJ18" s="170">
        <v>674</v>
      </c>
      <c r="GK18" s="439">
        <v>0</v>
      </c>
      <c r="GL18" s="169">
        <v>460</v>
      </c>
      <c r="GM18" s="169">
        <v>439</v>
      </c>
      <c r="GN18" s="169">
        <v>313</v>
      </c>
      <c r="GO18" s="169">
        <v>322</v>
      </c>
      <c r="GP18" s="169">
        <v>171</v>
      </c>
      <c r="GQ18" s="170">
        <v>1705</v>
      </c>
      <c r="GR18" s="171">
        <v>2379</v>
      </c>
      <c r="GS18" s="172">
        <v>405</v>
      </c>
      <c r="GT18" s="164">
        <v>530</v>
      </c>
      <c r="GU18" s="165">
        <v>935</v>
      </c>
      <c r="GV18" s="439">
        <v>0</v>
      </c>
      <c r="GW18" s="164">
        <v>714</v>
      </c>
      <c r="GX18" s="164">
        <v>646</v>
      </c>
      <c r="GY18" s="164">
        <v>461</v>
      </c>
      <c r="GZ18" s="164">
        <v>461</v>
      </c>
      <c r="HA18" s="164">
        <v>227</v>
      </c>
      <c r="HB18" s="166">
        <v>2509</v>
      </c>
      <c r="HC18" s="167">
        <v>3444</v>
      </c>
      <c r="HD18" s="168">
        <v>12</v>
      </c>
      <c r="HE18" s="169">
        <v>13</v>
      </c>
      <c r="HF18" s="170">
        <v>25</v>
      </c>
      <c r="HG18" s="439">
        <v>0</v>
      </c>
      <c r="HH18" s="169">
        <v>22</v>
      </c>
      <c r="HI18" s="169">
        <v>27</v>
      </c>
      <c r="HJ18" s="169">
        <v>11</v>
      </c>
      <c r="HK18" s="169">
        <v>4</v>
      </c>
      <c r="HL18" s="169">
        <v>7</v>
      </c>
      <c r="HM18" s="170">
        <v>71</v>
      </c>
      <c r="HN18" s="171">
        <v>96</v>
      </c>
      <c r="HO18" s="168">
        <v>37</v>
      </c>
      <c r="HP18" s="169">
        <v>34</v>
      </c>
      <c r="HQ18" s="170">
        <v>71</v>
      </c>
      <c r="HR18" s="439">
        <v>0</v>
      </c>
      <c r="HS18" s="169">
        <v>55</v>
      </c>
      <c r="HT18" s="169">
        <v>47</v>
      </c>
      <c r="HU18" s="169">
        <v>43</v>
      </c>
      <c r="HV18" s="169">
        <v>25</v>
      </c>
      <c r="HW18" s="169">
        <v>19</v>
      </c>
      <c r="HX18" s="170">
        <v>189</v>
      </c>
      <c r="HY18" s="171">
        <v>260</v>
      </c>
      <c r="HZ18" s="168">
        <v>81</v>
      </c>
      <c r="IA18" s="169">
        <v>78</v>
      </c>
      <c r="IB18" s="170">
        <v>159</v>
      </c>
      <c r="IC18" s="439">
        <v>0</v>
      </c>
      <c r="ID18" s="169">
        <v>79</v>
      </c>
      <c r="IE18" s="169">
        <v>95</v>
      </c>
      <c r="IF18" s="169">
        <v>49</v>
      </c>
      <c r="IG18" s="169">
        <v>50</v>
      </c>
      <c r="IH18" s="169">
        <v>36</v>
      </c>
      <c r="II18" s="170">
        <v>309</v>
      </c>
      <c r="IJ18" s="171">
        <v>468</v>
      </c>
      <c r="IK18" s="168">
        <v>121</v>
      </c>
      <c r="IL18" s="169">
        <v>159</v>
      </c>
      <c r="IM18" s="170">
        <v>280</v>
      </c>
      <c r="IN18" s="439">
        <v>0</v>
      </c>
      <c r="IO18" s="169">
        <v>181</v>
      </c>
      <c r="IP18" s="169">
        <v>140</v>
      </c>
      <c r="IQ18" s="169">
        <v>86</v>
      </c>
      <c r="IR18" s="169">
        <v>83</v>
      </c>
      <c r="IS18" s="169">
        <v>45</v>
      </c>
      <c r="IT18" s="170">
        <v>535</v>
      </c>
      <c r="IU18" s="171">
        <v>815</v>
      </c>
      <c r="IV18" s="168">
        <v>102</v>
      </c>
      <c r="IW18" s="169">
        <v>149</v>
      </c>
      <c r="IX18" s="170">
        <v>251</v>
      </c>
      <c r="IY18" s="439">
        <v>0</v>
      </c>
      <c r="IZ18" s="169">
        <v>208</v>
      </c>
      <c r="JA18" s="169">
        <v>169</v>
      </c>
      <c r="JB18" s="169">
        <v>120</v>
      </c>
      <c r="JC18" s="169">
        <v>119</v>
      </c>
      <c r="JD18" s="169">
        <v>54</v>
      </c>
      <c r="JE18" s="170">
        <v>670</v>
      </c>
      <c r="JF18" s="171">
        <v>921</v>
      </c>
      <c r="JG18" s="168">
        <v>52</v>
      </c>
      <c r="JH18" s="169">
        <v>97</v>
      </c>
      <c r="JI18" s="170">
        <v>149</v>
      </c>
      <c r="JJ18" s="439">
        <v>0</v>
      </c>
      <c r="JK18" s="169">
        <v>169</v>
      </c>
      <c r="JL18" s="169">
        <v>168</v>
      </c>
      <c r="JM18" s="169">
        <v>152</v>
      </c>
      <c r="JN18" s="169">
        <v>180</v>
      </c>
      <c r="JO18" s="169">
        <v>66</v>
      </c>
      <c r="JP18" s="170">
        <v>735</v>
      </c>
      <c r="JQ18" s="171">
        <v>884</v>
      </c>
      <c r="JR18" s="168">
        <v>2</v>
      </c>
      <c r="JS18" s="169">
        <v>7</v>
      </c>
      <c r="JT18" s="170">
        <v>9</v>
      </c>
      <c r="JU18" s="439">
        <v>0</v>
      </c>
      <c r="JV18" s="169">
        <v>10</v>
      </c>
      <c r="JW18" s="169">
        <v>15</v>
      </c>
      <c r="JX18" s="169">
        <v>4</v>
      </c>
      <c r="JY18" s="169">
        <v>5</v>
      </c>
      <c r="JZ18" s="169">
        <v>11</v>
      </c>
      <c r="KA18" s="170">
        <v>45</v>
      </c>
      <c r="KB18" s="171">
        <v>54</v>
      </c>
      <c r="KC18" s="168">
        <v>407</v>
      </c>
      <c r="KD18" s="169">
        <v>537</v>
      </c>
      <c r="KE18" s="170">
        <v>944</v>
      </c>
      <c r="KF18" s="439">
        <v>0</v>
      </c>
      <c r="KG18" s="169">
        <v>724</v>
      </c>
      <c r="KH18" s="169">
        <v>661</v>
      </c>
      <c r="KI18" s="169">
        <v>465</v>
      </c>
      <c r="KJ18" s="169">
        <v>466</v>
      </c>
      <c r="KK18" s="169">
        <v>238</v>
      </c>
      <c r="KL18" s="170">
        <v>2554</v>
      </c>
      <c r="KM18" s="171">
        <v>3498</v>
      </c>
    </row>
    <row r="19" spans="2:299" s="137" customFormat="1" ht="21" customHeight="1" x14ac:dyDescent="0.2">
      <c r="B19" s="173" t="s">
        <v>16</v>
      </c>
      <c r="C19" s="163">
        <v>250</v>
      </c>
      <c r="D19" s="164">
        <v>303</v>
      </c>
      <c r="E19" s="165">
        <v>553</v>
      </c>
      <c r="F19" s="439">
        <v>0</v>
      </c>
      <c r="G19" s="164">
        <v>479</v>
      </c>
      <c r="H19" s="164">
        <v>645</v>
      </c>
      <c r="I19" s="164">
        <v>412</v>
      </c>
      <c r="J19" s="164">
        <v>312</v>
      </c>
      <c r="K19" s="164">
        <v>204</v>
      </c>
      <c r="L19" s="166">
        <v>2052</v>
      </c>
      <c r="M19" s="167">
        <v>2605</v>
      </c>
      <c r="N19" s="168">
        <v>7</v>
      </c>
      <c r="O19" s="169">
        <v>10</v>
      </c>
      <c r="P19" s="170">
        <v>17</v>
      </c>
      <c r="Q19" s="439">
        <v>0</v>
      </c>
      <c r="R19" s="169">
        <v>15</v>
      </c>
      <c r="S19" s="169">
        <v>27</v>
      </c>
      <c r="T19" s="169">
        <v>22</v>
      </c>
      <c r="U19" s="169">
        <v>19</v>
      </c>
      <c r="V19" s="169">
        <v>18</v>
      </c>
      <c r="W19" s="170">
        <v>101</v>
      </c>
      <c r="X19" s="171">
        <v>118</v>
      </c>
      <c r="Y19" s="168">
        <v>27</v>
      </c>
      <c r="Z19" s="169">
        <v>49</v>
      </c>
      <c r="AA19" s="170">
        <v>76</v>
      </c>
      <c r="AB19" s="439">
        <v>0</v>
      </c>
      <c r="AC19" s="169">
        <v>54</v>
      </c>
      <c r="AD19" s="169">
        <v>79</v>
      </c>
      <c r="AE19" s="169">
        <v>43</v>
      </c>
      <c r="AF19" s="169">
        <v>36</v>
      </c>
      <c r="AG19" s="169">
        <v>30</v>
      </c>
      <c r="AH19" s="170">
        <v>242</v>
      </c>
      <c r="AI19" s="171">
        <v>318</v>
      </c>
      <c r="AJ19" s="168">
        <v>51</v>
      </c>
      <c r="AK19" s="169">
        <v>54</v>
      </c>
      <c r="AL19" s="170">
        <v>105</v>
      </c>
      <c r="AM19" s="439">
        <v>0</v>
      </c>
      <c r="AN19" s="169">
        <v>74</v>
      </c>
      <c r="AO19" s="169">
        <v>111</v>
      </c>
      <c r="AP19" s="169">
        <v>76</v>
      </c>
      <c r="AQ19" s="169">
        <v>59</v>
      </c>
      <c r="AR19" s="169">
        <v>40</v>
      </c>
      <c r="AS19" s="170">
        <v>360</v>
      </c>
      <c r="AT19" s="171">
        <v>465</v>
      </c>
      <c r="AU19" s="168">
        <v>83</v>
      </c>
      <c r="AV19" s="169">
        <v>66</v>
      </c>
      <c r="AW19" s="170">
        <v>149</v>
      </c>
      <c r="AX19" s="439">
        <v>0</v>
      </c>
      <c r="AY19" s="169">
        <v>134</v>
      </c>
      <c r="AZ19" s="169">
        <v>176</v>
      </c>
      <c r="BA19" s="169">
        <v>101</v>
      </c>
      <c r="BB19" s="169">
        <v>80</v>
      </c>
      <c r="BC19" s="169">
        <v>45</v>
      </c>
      <c r="BD19" s="170">
        <v>536</v>
      </c>
      <c r="BE19" s="171">
        <v>685</v>
      </c>
      <c r="BF19" s="168">
        <v>55</v>
      </c>
      <c r="BG19" s="169">
        <v>73</v>
      </c>
      <c r="BH19" s="170">
        <v>128</v>
      </c>
      <c r="BI19" s="439">
        <v>0</v>
      </c>
      <c r="BJ19" s="169">
        <v>135</v>
      </c>
      <c r="BK19" s="169">
        <v>149</v>
      </c>
      <c r="BL19" s="169">
        <v>94</v>
      </c>
      <c r="BM19" s="169">
        <v>61</v>
      </c>
      <c r="BN19" s="169">
        <v>39</v>
      </c>
      <c r="BO19" s="170">
        <v>478</v>
      </c>
      <c r="BP19" s="171">
        <v>606</v>
      </c>
      <c r="BQ19" s="168">
        <v>27</v>
      </c>
      <c r="BR19" s="169">
        <v>51</v>
      </c>
      <c r="BS19" s="170">
        <v>78</v>
      </c>
      <c r="BT19" s="439">
        <v>0</v>
      </c>
      <c r="BU19" s="169">
        <v>67</v>
      </c>
      <c r="BV19" s="169">
        <v>103</v>
      </c>
      <c r="BW19" s="169">
        <v>76</v>
      </c>
      <c r="BX19" s="169">
        <v>57</v>
      </c>
      <c r="BY19" s="169">
        <v>32</v>
      </c>
      <c r="BZ19" s="170">
        <v>335</v>
      </c>
      <c r="CA19" s="171">
        <v>413</v>
      </c>
      <c r="CB19" s="168">
        <v>9</v>
      </c>
      <c r="CC19" s="169">
        <v>14</v>
      </c>
      <c r="CD19" s="170">
        <v>23</v>
      </c>
      <c r="CE19" s="439">
        <v>0</v>
      </c>
      <c r="CF19" s="169">
        <v>12</v>
      </c>
      <c r="CG19" s="169">
        <v>27</v>
      </c>
      <c r="CH19" s="169">
        <v>20</v>
      </c>
      <c r="CI19" s="169">
        <v>16</v>
      </c>
      <c r="CJ19" s="169">
        <v>11</v>
      </c>
      <c r="CK19" s="170">
        <v>86</v>
      </c>
      <c r="CL19" s="171">
        <v>109</v>
      </c>
      <c r="CM19" s="168">
        <v>259</v>
      </c>
      <c r="CN19" s="169">
        <v>317</v>
      </c>
      <c r="CO19" s="170">
        <v>576</v>
      </c>
      <c r="CP19" s="439">
        <v>0</v>
      </c>
      <c r="CQ19" s="169">
        <v>491</v>
      </c>
      <c r="CR19" s="169">
        <v>672</v>
      </c>
      <c r="CS19" s="169">
        <v>432</v>
      </c>
      <c r="CT19" s="169">
        <v>328</v>
      </c>
      <c r="CU19" s="169">
        <v>215</v>
      </c>
      <c r="CV19" s="170">
        <v>2138</v>
      </c>
      <c r="CW19" s="171">
        <v>2714</v>
      </c>
      <c r="CX19" s="172">
        <v>417</v>
      </c>
      <c r="CY19" s="164">
        <v>650</v>
      </c>
      <c r="CZ19" s="165">
        <v>1067</v>
      </c>
      <c r="DA19" s="439">
        <v>0</v>
      </c>
      <c r="DB19" s="164">
        <v>829</v>
      </c>
      <c r="DC19" s="164">
        <v>995</v>
      </c>
      <c r="DD19" s="164">
        <v>763</v>
      </c>
      <c r="DE19" s="164">
        <v>808</v>
      </c>
      <c r="DF19" s="164">
        <v>449</v>
      </c>
      <c r="DG19" s="166">
        <v>3844</v>
      </c>
      <c r="DH19" s="167">
        <v>4911</v>
      </c>
      <c r="DI19" s="168">
        <v>11</v>
      </c>
      <c r="DJ19" s="169">
        <v>23</v>
      </c>
      <c r="DK19" s="170">
        <v>34</v>
      </c>
      <c r="DL19" s="439">
        <v>0</v>
      </c>
      <c r="DM19" s="169">
        <v>7</v>
      </c>
      <c r="DN19" s="169">
        <v>28</v>
      </c>
      <c r="DO19" s="169">
        <v>16</v>
      </c>
      <c r="DP19" s="169">
        <v>14</v>
      </c>
      <c r="DQ19" s="169">
        <v>11</v>
      </c>
      <c r="DR19" s="170">
        <v>76</v>
      </c>
      <c r="DS19" s="171">
        <v>110</v>
      </c>
      <c r="DT19" s="168">
        <v>28</v>
      </c>
      <c r="DU19" s="169">
        <v>58</v>
      </c>
      <c r="DV19" s="170">
        <v>86</v>
      </c>
      <c r="DW19" s="439">
        <v>0</v>
      </c>
      <c r="DX19" s="169">
        <v>47</v>
      </c>
      <c r="DY19" s="169">
        <v>76</v>
      </c>
      <c r="DZ19" s="169">
        <v>39</v>
      </c>
      <c r="EA19" s="169">
        <v>48</v>
      </c>
      <c r="EB19" s="169">
        <v>26</v>
      </c>
      <c r="EC19" s="170">
        <v>236</v>
      </c>
      <c r="ED19" s="171">
        <v>322</v>
      </c>
      <c r="EE19" s="168">
        <v>76</v>
      </c>
      <c r="EF19" s="169">
        <v>114</v>
      </c>
      <c r="EG19" s="170">
        <v>190</v>
      </c>
      <c r="EH19" s="439">
        <v>0</v>
      </c>
      <c r="EI19" s="169">
        <v>102</v>
      </c>
      <c r="EJ19" s="169">
        <v>120</v>
      </c>
      <c r="EK19" s="169">
        <v>75</v>
      </c>
      <c r="EL19" s="169">
        <v>77</v>
      </c>
      <c r="EM19" s="169">
        <v>50</v>
      </c>
      <c r="EN19" s="170">
        <v>424</v>
      </c>
      <c r="EO19" s="171">
        <v>614</v>
      </c>
      <c r="EP19" s="168">
        <v>130</v>
      </c>
      <c r="EQ19" s="169">
        <v>167</v>
      </c>
      <c r="ER19" s="170">
        <v>297</v>
      </c>
      <c r="ES19" s="439">
        <v>0</v>
      </c>
      <c r="ET19" s="169">
        <v>208</v>
      </c>
      <c r="EU19" s="169">
        <v>214</v>
      </c>
      <c r="EV19" s="169">
        <v>145</v>
      </c>
      <c r="EW19" s="169">
        <v>142</v>
      </c>
      <c r="EX19" s="169">
        <v>82</v>
      </c>
      <c r="EY19" s="170">
        <v>791</v>
      </c>
      <c r="EZ19" s="171">
        <v>1088</v>
      </c>
      <c r="FA19" s="168">
        <v>102</v>
      </c>
      <c r="FB19" s="169">
        <v>162</v>
      </c>
      <c r="FC19" s="170">
        <v>264</v>
      </c>
      <c r="FD19" s="439">
        <v>0</v>
      </c>
      <c r="FE19" s="169">
        <v>259</v>
      </c>
      <c r="FF19" s="169">
        <v>230</v>
      </c>
      <c r="FG19" s="169">
        <v>211</v>
      </c>
      <c r="FH19" s="169">
        <v>188</v>
      </c>
      <c r="FI19" s="169">
        <v>109</v>
      </c>
      <c r="FJ19" s="170">
        <v>997</v>
      </c>
      <c r="FK19" s="171">
        <v>1261</v>
      </c>
      <c r="FL19" s="168">
        <v>70</v>
      </c>
      <c r="FM19" s="169">
        <v>126</v>
      </c>
      <c r="FN19" s="170">
        <v>196</v>
      </c>
      <c r="FO19" s="439">
        <v>0</v>
      </c>
      <c r="FP19" s="169">
        <v>206</v>
      </c>
      <c r="FQ19" s="169">
        <v>327</v>
      </c>
      <c r="FR19" s="169">
        <v>277</v>
      </c>
      <c r="FS19" s="169">
        <v>339</v>
      </c>
      <c r="FT19" s="169">
        <v>171</v>
      </c>
      <c r="FU19" s="170">
        <v>1320</v>
      </c>
      <c r="FV19" s="171">
        <v>1516</v>
      </c>
      <c r="FW19" s="168">
        <v>12</v>
      </c>
      <c r="FX19" s="169">
        <v>16</v>
      </c>
      <c r="FY19" s="170">
        <v>28</v>
      </c>
      <c r="FZ19" s="439">
        <v>0</v>
      </c>
      <c r="GA19" s="169">
        <v>5</v>
      </c>
      <c r="GB19" s="169">
        <v>22</v>
      </c>
      <c r="GC19" s="169">
        <v>8</v>
      </c>
      <c r="GD19" s="169">
        <v>11</v>
      </c>
      <c r="GE19" s="169">
        <v>13</v>
      </c>
      <c r="GF19" s="170">
        <v>59</v>
      </c>
      <c r="GG19" s="171">
        <v>87</v>
      </c>
      <c r="GH19" s="168">
        <v>429</v>
      </c>
      <c r="GI19" s="169">
        <v>666</v>
      </c>
      <c r="GJ19" s="170">
        <v>1095</v>
      </c>
      <c r="GK19" s="439">
        <v>0</v>
      </c>
      <c r="GL19" s="169">
        <v>834</v>
      </c>
      <c r="GM19" s="169">
        <v>1017</v>
      </c>
      <c r="GN19" s="169">
        <v>771</v>
      </c>
      <c r="GO19" s="169">
        <v>819</v>
      </c>
      <c r="GP19" s="169">
        <v>462</v>
      </c>
      <c r="GQ19" s="170">
        <v>3903</v>
      </c>
      <c r="GR19" s="171">
        <v>4998</v>
      </c>
      <c r="GS19" s="172">
        <v>667</v>
      </c>
      <c r="GT19" s="164">
        <v>953</v>
      </c>
      <c r="GU19" s="165">
        <v>1620</v>
      </c>
      <c r="GV19" s="439">
        <v>0</v>
      </c>
      <c r="GW19" s="164">
        <v>1308</v>
      </c>
      <c r="GX19" s="164">
        <v>1640</v>
      </c>
      <c r="GY19" s="164">
        <v>1175</v>
      </c>
      <c r="GZ19" s="164">
        <v>1120</v>
      </c>
      <c r="HA19" s="164">
        <v>653</v>
      </c>
      <c r="HB19" s="166">
        <v>5896</v>
      </c>
      <c r="HC19" s="167">
        <v>7516</v>
      </c>
      <c r="HD19" s="168">
        <v>18</v>
      </c>
      <c r="HE19" s="169">
        <v>33</v>
      </c>
      <c r="HF19" s="170">
        <v>51</v>
      </c>
      <c r="HG19" s="439">
        <v>0</v>
      </c>
      <c r="HH19" s="169">
        <v>22</v>
      </c>
      <c r="HI19" s="169">
        <v>55</v>
      </c>
      <c r="HJ19" s="169">
        <v>38</v>
      </c>
      <c r="HK19" s="169">
        <v>33</v>
      </c>
      <c r="HL19" s="169">
        <v>29</v>
      </c>
      <c r="HM19" s="170">
        <v>177</v>
      </c>
      <c r="HN19" s="171">
        <v>228</v>
      </c>
      <c r="HO19" s="168">
        <v>55</v>
      </c>
      <c r="HP19" s="169">
        <v>107</v>
      </c>
      <c r="HQ19" s="170">
        <v>162</v>
      </c>
      <c r="HR19" s="439">
        <v>0</v>
      </c>
      <c r="HS19" s="169">
        <v>101</v>
      </c>
      <c r="HT19" s="169">
        <v>155</v>
      </c>
      <c r="HU19" s="169">
        <v>82</v>
      </c>
      <c r="HV19" s="169">
        <v>84</v>
      </c>
      <c r="HW19" s="169">
        <v>56</v>
      </c>
      <c r="HX19" s="170">
        <v>478</v>
      </c>
      <c r="HY19" s="171">
        <v>640</v>
      </c>
      <c r="HZ19" s="168">
        <v>127</v>
      </c>
      <c r="IA19" s="169">
        <v>168</v>
      </c>
      <c r="IB19" s="170">
        <v>295</v>
      </c>
      <c r="IC19" s="439">
        <v>0</v>
      </c>
      <c r="ID19" s="169">
        <v>176</v>
      </c>
      <c r="IE19" s="169">
        <v>231</v>
      </c>
      <c r="IF19" s="169">
        <v>151</v>
      </c>
      <c r="IG19" s="169">
        <v>136</v>
      </c>
      <c r="IH19" s="169">
        <v>90</v>
      </c>
      <c r="II19" s="170">
        <v>784</v>
      </c>
      <c r="IJ19" s="171">
        <v>1079</v>
      </c>
      <c r="IK19" s="168">
        <v>213</v>
      </c>
      <c r="IL19" s="169">
        <v>233</v>
      </c>
      <c r="IM19" s="170">
        <v>446</v>
      </c>
      <c r="IN19" s="439">
        <v>0</v>
      </c>
      <c r="IO19" s="169">
        <v>342</v>
      </c>
      <c r="IP19" s="169">
        <v>390</v>
      </c>
      <c r="IQ19" s="169">
        <v>246</v>
      </c>
      <c r="IR19" s="169">
        <v>222</v>
      </c>
      <c r="IS19" s="169">
        <v>127</v>
      </c>
      <c r="IT19" s="170">
        <v>1327</v>
      </c>
      <c r="IU19" s="171">
        <v>1773</v>
      </c>
      <c r="IV19" s="168">
        <v>157</v>
      </c>
      <c r="IW19" s="169">
        <v>235</v>
      </c>
      <c r="IX19" s="170">
        <v>392</v>
      </c>
      <c r="IY19" s="439">
        <v>0</v>
      </c>
      <c r="IZ19" s="169">
        <v>394</v>
      </c>
      <c r="JA19" s="169">
        <v>379</v>
      </c>
      <c r="JB19" s="169">
        <v>305</v>
      </c>
      <c r="JC19" s="169">
        <v>249</v>
      </c>
      <c r="JD19" s="169">
        <v>148</v>
      </c>
      <c r="JE19" s="170">
        <v>1475</v>
      </c>
      <c r="JF19" s="171">
        <v>1867</v>
      </c>
      <c r="JG19" s="168">
        <v>97</v>
      </c>
      <c r="JH19" s="169">
        <v>177</v>
      </c>
      <c r="JI19" s="170">
        <v>274</v>
      </c>
      <c r="JJ19" s="439">
        <v>0</v>
      </c>
      <c r="JK19" s="169">
        <v>273</v>
      </c>
      <c r="JL19" s="169">
        <v>430</v>
      </c>
      <c r="JM19" s="169">
        <v>353</v>
      </c>
      <c r="JN19" s="169">
        <v>396</v>
      </c>
      <c r="JO19" s="169">
        <v>203</v>
      </c>
      <c r="JP19" s="170">
        <v>1655</v>
      </c>
      <c r="JQ19" s="171">
        <v>1929</v>
      </c>
      <c r="JR19" s="168">
        <v>21</v>
      </c>
      <c r="JS19" s="169">
        <v>30</v>
      </c>
      <c r="JT19" s="170">
        <v>51</v>
      </c>
      <c r="JU19" s="439">
        <v>0</v>
      </c>
      <c r="JV19" s="169">
        <v>17</v>
      </c>
      <c r="JW19" s="169">
        <v>49</v>
      </c>
      <c r="JX19" s="169">
        <v>28</v>
      </c>
      <c r="JY19" s="169">
        <v>27</v>
      </c>
      <c r="JZ19" s="169">
        <v>24</v>
      </c>
      <c r="KA19" s="170">
        <v>145</v>
      </c>
      <c r="KB19" s="171">
        <v>196</v>
      </c>
      <c r="KC19" s="168">
        <v>688</v>
      </c>
      <c r="KD19" s="169">
        <v>983</v>
      </c>
      <c r="KE19" s="170">
        <v>1671</v>
      </c>
      <c r="KF19" s="439">
        <v>0</v>
      </c>
      <c r="KG19" s="169">
        <v>1325</v>
      </c>
      <c r="KH19" s="169">
        <v>1689</v>
      </c>
      <c r="KI19" s="169">
        <v>1203</v>
      </c>
      <c r="KJ19" s="169">
        <v>1147</v>
      </c>
      <c r="KK19" s="169">
        <v>677</v>
      </c>
      <c r="KL19" s="170">
        <v>6041</v>
      </c>
      <c r="KM19" s="171">
        <v>7712</v>
      </c>
    </row>
    <row r="20" spans="2:299" s="137" customFormat="1" ht="21" customHeight="1" x14ac:dyDescent="0.2">
      <c r="B20" s="173" t="s">
        <v>17</v>
      </c>
      <c r="C20" s="163">
        <v>307</v>
      </c>
      <c r="D20" s="164">
        <v>394</v>
      </c>
      <c r="E20" s="165">
        <v>701</v>
      </c>
      <c r="F20" s="439">
        <v>0</v>
      </c>
      <c r="G20" s="164">
        <v>550</v>
      </c>
      <c r="H20" s="164">
        <v>809</v>
      </c>
      <c r="I20" s="164">
        <v>561</v>
      </c>
      <c r="J20" s="164">
        <v>428</v>
      </c>
      <c r="K20" s="164">
        <v>249</v>
      </c>
      <c r="L20" s="166">
        <v>2597</v>
      </c>
      <c r="M20" s="167">
        <v>3298</v>
      </c>
      <c r="N20" s="168">
        <v>15</v>
      </c>
      <c r="O20" s="169">
        <v>18</v>
      </c>
      <c r="P20" s="170">
        <v>33</v>
      </c>
      <c r="Q20" s="439">
        <v>0</v>
      </c>
      <c r="R20" s="169">
        <v>15</v>
      </c>
      <c r="S20" s="169">
        <v>45</v>
      </c>
      <c r="T20" s="169">
        <v>31</v>
      </c>
      <c r="U20" s="169">
        <v>28</v>
      </c>
      <c r="V20" s="169">
        <v>20</v>
      </c>
      <c r="W20" s="170">
        <v>139</v>
      </c>
      <c r="X20" s="171">
        <v>172</v>
      </c>
      <c r="Y20" s="168">
        <v>16</v>
      </c>
      <c r="Z20" s="169">
        <v>52</v>
      </c>
      <c r="AA20" s="170">
        <v>68</v>
      </c>
      <c r="AB20" s="439">
        <v>0</v>
      </c>
      <c r="AC20" s="169">
        <v>54</v>
      </c>
      <c r="AD20" s="169">
        <v>91</v>
      </c>
      <c r="AE20" s="169">
        <v>68</v>
      </c>
      <c r="AF20" s="169">
        <v>55</v>
      </c>
      <c r="AG20" s="169">
        <v>35</v>
      </c>
      <c r="AH20" s="170">
        <v>303</v>
      </c>
      <c r="AI20" s="171">
        <v>371</v>
      </c>
      <c r="AJ20" s="168">
        <v>50</v>
      </c>
      <c r="AK20" s="169">
        <v>67</v>
      </c>
      <c r="AL20" s="170">
        <v>117</v>
      </c>
      <c r="AM20" s="439">
        <v>0</v>
      </c>
      <c r="AN20" s="169">
        <v>94</v>
      </c>
      <c r="AO20" s="169">
        <v>151</v>
      </c>
      <c r="AP20" s="169">
        <v>96</v>
      </c>
      <c r="AQ20" s="169">
        <v>67</v>
      </c>
      <c r="AR20" s="169">
        <v>54</v>
      </c>
      <c r="AS20" s="170">
        <v>462</v>
      </c>
      <c r="AT20" s="171">
        <v>579</v>
      </c>
      <c r="AU20" s="168">
        <v>97</v>
      </c>
      <c r="AV20" s="169">
        <v>101</v>
      </c>
      <c r="AW20" s="170">
        <v>198</v>
      </c>
      <c r="AX20" s="439">
        <v>0</v>
      </c>
      <c r="AY20" s="169">
        <v>165</v>
      </c>
      <c r="AZ20" s="169">
        <v>234</v>
      </c>
      <c r="BA20" s="169">
        <v>153</v>
      </c>
      <c r="BB20" s="169">
        <v>101</v>
      </c>
      <c r="BC20" s="169">
        <v>55</v>
      </c>
      <c r="BD20" s="170">
        <v>708</v>
      </c>
      <c r="BE20" s="171">
        <v>906</v>
      </c>
      <c r="BF20" s="168">
        <v>86</v>
      </c>
      <c r="BG20" s="169">
        <v>90</v>
      </c>
      <c r="BH20" s="170">
        <v>176</v>
      </c>
      <c r="BI20" s="439">
        <v>0</v>
      </c>
      <c r="BJ20" s="169">
        <v>130</v>
      </c>
      <c r="BK20" s="169">
        <v>166</v>
      </c>
      <c r="BL20" s="169">
        <v>128</v>
      </c>
      <c r="BM20" s="169">
        <v>106</v>
      </c>
      <c r="BN20" s="169">
        <v>45</v>
      </c>
      <c r="BO20" s="170">
        <v>575</v>
      </c>
      <c r="BP20" s="171">
        <v>751</v>
      </c>
      <c r="BQ20" s="168">
        <v>43</v>
      </c>
      <c r="BR20" s="169">
        <v>66</v>
      </c>
      <c r="BS20" s="170">
        <v>109</v>
      </c>
      <c r="BT20" s="439">
        <v>0</v>
      </c>
      <c r="BU20" s="169">
        <v>92</v>
      </c>
      <c r="BV20" s="169">
        <v>122</v>
      </c>
      <c r="BW20" s="169">
        <v>85</v>
      </c>
      <c r="BX20" s="169">
        <v>71</v>
      </c>
      <c r="BY20" s="169">
        <v>40</v>
      </c>
      <c r="BZ20" s="170">
        <v>410</v>
      </c>
      <c r="CA20" s="171">
        <v>519</v>
      </c>
      <c r="CB20" s="168">
        <v>6</v>
      </c>
      <c r="CC20" s="169">
        <v>22</v>
      </c>
      <c r="CD20" s="170">
        <v>28</v>
      </c>
      <c r="CE20" s="439">
        <v>0</v>
      </c>
      <c r="CF20" s="169">
        <v>23</v>
      </c>
      <c r="CG20" s="169">
        <v>45</v>
      </c>
      <c r="CH20" s="169">
        <v>25</v>
      </c>
      <c r="CI20" s="169">
        <v>11</v>
      </c>
      <c r="CJ20" s="169">
        <v>15</v>
      </c>
      <c r="CK20" s="170">
        <v>119</v>
      </c>
      <c r="CL20" s="171">
        <v>147</v>
      </c>
      <c r="CM20" s="168">
        <v>313</v>
      </c>
      <c r="CN20" s="169">
        <v>416</v>
      </c>
      <c r="CO20" s="170">
        <v>729</v>
      </c>
      <c r="CP20" s="439">
        <v>0</v>
      </c>
      <c r="CQ20" s="169">
        <v>573</v>
      </c>
      <c r="CR20" s="169">
        <v>854</v>
      </c>
      <c r="CS20" s="169">
        <v>586</v>
      </c>
      <c r="CT20" s="169">
        <v>439</v>
      </c>
      <c r="CU20" s="169">
        <v>264</v>
      </c>
      <c r="CV20" s="170">
        <v>2716</v>
      </c>
      <c r="CW20" s="171">
        <v>3445</v>
      </c>
      <c r="CX20" s="172">
        <v>640</v>
      </c>
      <c r="CY20" s="164">
        <v>914</v>
      </c>
      <c r="CZ20" s="165">
        <v>1554</v>
      </c>
      <c r="DA20" s="439">
        <v>0</v>
      </c>
      <c r="DB20" s="164">
        <v>929</v>
      </c>
      <c r="DC20" s="164">
        <v>1321</v>
      </c>
      <c r="DD20" s="164">
        <v>972</v>
      </c>
      <c r="DE20" s="164">
        <v>917</v>
      </c>
      <c r="DF20" s="164">
        <v>601</v>
      </c>
      <c r="DG20" s="166">
        <v>4740</v>
      </c>
      <c r="DH20" s="167">
        <v>6294</v>
      </c>
      <c r="DI20" s="168">
        <v>16</v>
      </c>
      <c r="DJ20" s="169">
        <v>33</v>
      </c>
      <c r="DK20" s="170">
        <v>49</v>
      </c>
      <c r="DL20" s="439">
        <v>0</v>
      </c>
      <c r="DM20" s="169">
        <v>11</v>
      </c>
      <c r="DN20" s="169">
        <v>32</v>
      </c>
      <c r="DO20" s="169">
        <v>28</v>
      </c>
      <c r="DP20" s="169">
        <v>20</v>
      </c>
      <c r="DQ20" s="169">
        <v>19</v>
      </c>
      <c r="DR20" s="170">
        <v>110</v>
      </c>
      <c r="DS20" s="171">
        <v>159</v>
      </c>
      <c r="DT20" s="168">
        <v>42</v>
      </c>
      <c r="DU20" s="169">
        <v>72</v>
      </c>
      <c r="DV20" s="170">
        <v>114</v>
      </c>
      <c r="DW20" s="439">
        <v>0</v>
      </c>
      <c r="DX20" s="169">
        <v>67</v>
      </c>
      <c r="DY20" s="169">
        <v>76</v>
      </c>
      <c r="DZ20" s="169">
        <v>62</v>
      </c>
      <c r="EA20" s="169">
        <v>54</v>
      </c>
      <c r="EB20" s="169">
        <v>23</v>
      </c>
      <c r="EC20" s="170">
        <v>282</v>
      </c>
      <c r="ED20" s="171">
        <v>396</v>
      </c>
      <c r="EE20" s="168">
        <v>114</v>
      </c>
      <c r="EF20" s="169">
        <v>149</v>
      </c>
      <c r="EG20" s="170">
        <v>263</v>
      </c>
      <c r="EH20" s="439">
        <v>0</v>
      </c>
      <c r="EI20" s="169">
        <v>121</v>
      </c>
      <c r="EJ20" s="169">
        <v>169</v>
      </c>
      <c r="EK20" s="169">
        <v>116</v>
      </c>
      <c r="EL20" s="169">
        <v>91</v>
      </c>
      <c r="EM20" s="169">
        <v>67</v>
      </c>
      <c r="EN20" s="170">
        <v>564</v>
      </c>
      <c r="EO20" s="171">
        <v>827</v>
      </c>
      <c r="EP20" s="168">
        <v>219</v>
      </c>
      <c r="EQ20" s="169">
        <v>265</v>
      </c>
      <c r="ER20" s="170">
        <v>484</v>
      </c>
      <c r="ES20" s="439">
        <v>0</v>
      </c>
      <c r="ET20" s="169">
        <v>237</v>
      </c>
      <c r="EU20" s="169">
        <v>338</v>
      </c>
      <c r="EV20" s="169">
        <v>220</v>
      </c>
      <c r="EW20" s="169">
        <v>182</v>
      </c>
      <c r="EX20" s="169">
        <v>122</v>
      </c>
      <c r="EY20" s="170">
        <v>1099</v>
      </c>
      <c r="EZ20" s="171">
        <v>1583</v>
      </c>
      <c r="FA20" s="168">
        <v>164</v>
      </c>
      <c r="FB20" s="169">
        <v>243</v>
      </c>
      <c r="FC20" s="170">
        <v>407</v>
      </c>
      <c r="FD20" s="439">
        <v>0</v>
      </c>
      <c r="FE20" s="169">
        <v>276</v>
      </c>
      <c r="FF20" s="169">
        <v>358</v>
      </c>
      <c r="FG20" s="169">
        <v>251</v>
      </c>
      <c r="FH20" s="169">
        <v>229</v>
      </c>
      <c r="FI20" s="169">
        <v>170</v>
      </c>
      <c r="FJ20" s="170">
        <v>1284</v>
      </c>
      <c r="FK20" s="171">
        <v>1691</v>
      </c>
      <c r="FL20" s="168">
        <v>85</v>
      </c>
      <c r="FM20" s="169">
        <v>152</v>
      </c>
      <c r="FN20" s="170">
        <v>237</v>
      </c>
      <c r="FO20" s="439">
        <v>0</v>
      </c>
      <c r="FP20" s="169">
        <v>217</v>
      </c>
      <c r="FQ20" s="169">
        <v>348</v>
      </c>
      <c r="FR20" s="169">
        <v>295</v>
      </c>
      <c r="FS20" s="169">
        <v>341</v>
      </c>
      <c r="FT20" s="169">
        <v>200</v>
      </c>
      <c r="FU20" s="170">
        <v>1401</v>
      </c>
      <c r="FV20" s="171">
        <v>1638</v>
      </c>
      <c r="FW20" s="168">
        <v>5</v>
      </c>
      <c r="FX20" s="169">
        <v>16</v>
      </c>
      <c r="FY20" s="170">
        <v>21</v>
      </c>
      <c r="FZ20" s="439">
        <v>0</v>
      </c>
      <c r="GA20" s="169">
        <v>8</v>
      </c>
      <c r="GB20" s="169">
        <v>34</v>
      </c>
      <c r="GC20" s="169">
        <v>15</v>
      </c>
      <c r="GD20" s="169">
        <v>15</v>
      </c>
      <c r="GE20" s="169">
        <v>21</v>
      </c>
      <c r="GF20" s="170">
        <v>93</v>
      </c>
      <c r="GG20" s="171">
        <v>114</v>
      </c>
      <c r="GH20" s="168">
        <v>645</v>
      </c>
      <c r="GI20" s="169">
        <v>930</v>
      </c>
      <c r="GJ20" s="170">
        <v>1575</v>
      </c>
      <c r="GK20" s="439">
        <v>0</v>
      </c>
      <c r="GL20" s="169">
        <v>937</v>
      </c>
      <c r="GM20" s="169">
        <v>1355</v>
      </c>
      <c r="GN20" s="169">
        <v>987</v>
      </c>
      <c r="GO20" s="169">
        <v>932</v>
      </c>
      <c r="GP20" s="169">
        <v>622</v>
      </c>
      <c r="GQ20" s="170">
        <v>4833</v>
      </c>
      <c r="GR20" s="171">
        <v>6408</v>
      </c>
      <c r="GS20" s="172">
        <v>947</v>
      </c>
      <c r="GT20" s="164">
        <v>1308</v>
      </c>
      <c r="GU20" s="165">
        <v>2255</v>
      </c>
      <c r="GV20" s="439">
        <v>0</v>
      </c>
      <c r="GW20" s="164">
        <v>1479</v>
      </c>
      <c r="GX20" s="164">
        <v>2130</v>
      </c>
      <c r="GY20" s="164">
        <v>1533</v>
      </c>
      <c r="GZ20" s="164">
        <v>1345</v>
      </c>
      <c r="HA20" s="164">
        <v>850</v>
      </c>
      <c r="HB20" s="166">
        <v>7337</v>
      </c>
      <c r="HC20" s="167">
        <v>9592</v>
      </c>
      <c r="HD20" s="168">
        <v>31</v>
      </c>
      <c r="HE20" s="169">
        <v>51</v>
      </c>
      <c r="HF20" s="170">
        <v>82</v>
      </c>
      <c r="HG20" s="439">
        <v>0</v>
      </c>
      <c r="HH20" s="169">
        <v>26</v>
      </c>
      <c r="HI20" s="169">
        <v>77</v>
      </c>
      <c r="HJ20" s="169">
        <v>59</v>
      </c>
      <c r="HK20" s="169">
        <v>48</v>
      </c>
      <c r="HL20" s="169">
        <v>39</v>
      </c>
      <c r="HM20" s="170">
        <v>249</v>
      </c>
      <c r="HN20" s="171">
        <v>331</v>
      </c>
      <c r="HO20" s="168">
        <v>58</v>
      </c>
      <c r="HP20" s="169">
        <v>124</v>
      </c>
      <c r="HQ20" s="170">
        <v>182</v>
      </c>
      <c r="HR20" s="439">
        <v>0</v>
      </c>
      <c r="HS20" s="169">
        <v>121</v>
      </c>
      <c r="HT20" s="169">
        <v>167</v>
      </c>
      <c r="HU20" s="169">
        <v>130</v>
      </c>
      <c r="HV20" s="169">
        <v>109</v>
      </c>
      <c r="HW20" s="169">
        <v>58</v>
      </c>
      <c r="HX20" s="170">
        <v>585</v>
      </c>
      <c r="HY20" s="171">
        <v>767</v>
      </c>
      <c r="HZ20" s="168">
        <v>164</v>
      </c>
      <c r="IA20" s="169">
        <v>216</v>
      </c>
      <c r="IB20" s="170">
        <v>380</v>
      </c>
      <c r="IC20" s="439">
        <v>0</v>
      </c>
      <c r="ID20" s="169">
        <v>215</v>
      </c>
      <c r="IE20" s="169">
        <v>320</v>
      </c>
      <c r="IF20" s="169">
        <v>212</v>
      </c>
      <c r="IG20" s="169">
        <v>158</v>
      </c>
      <c r="IH20" s="169">
        <v>121</v>
      </c>
      <c r="II20" s="170">
        <v>1026</v>
      </c>
      <c r="IJ20" s="171">
        <v>1406</v>
      </c>
      <c r="IK20" s="168">
        <v>316</v>
      </c>
      <c r="IL20" s="169">
        <v>366</v>
      </c>
      <c r="IM20" s="170">
        <v>682</v>
      </c>
      <c r="IN20" s="439">
        <v>0</v>
      </c>
      <c r="IO20" s="169">
        <v>402</v>
      </c>
      <c r="IP20" s="169">
        <v>572</v>
      </c>
      <c r="IQ20" s="169">
        <v>373</v>
      </c>
      <c r="IR20" s="169">
        <v>283</v>
      </c>
      <c r="IS20" s="169">
        <v>177</v>
      </c>
      <c r="IT20" s="170">
        <v>1807</v>
      </c>
      <c r="IU20" s="171">
        <v>2489</v>
      </c>
      <c r="IV20" s="168">
        <v>250</v>
      </c>
      <c r="IW20" s="169">
        <v>333</v>
      </c>
      <c r="IX20" s="170">
        <v>583</v>
      </c>
      <c r="IY20" s="439">
        <v>0</v>
      </c>
      <c r="IZ20" s="169">
        <v>406</v>
      </c>
      <c r="JA20" s="169">
        <v>524</v>
      </c>
      <c r="JB20" s="169">
        <v>379</v>
      </c>
      <c r="JC20" s="169">
        <v>335</v>
      </c>
      <c r="JD20" s="169">
        <v>215</v>
      </c>
      <c r="JE20" s="170">
        <v>1859</v>
      </c>
      <c r="JF20" s="171">
        <v>2442</v>
      </c>
      <c r="JG20" s="168">
        <v>128</v>
      </c>
      <c r="JH20" s="169">
        <v>218</v>
      </c>
      <c r="JI20" s="170">
        <v>346</v>
      </c>
      <c r="JJ20" s="439">
        <v>0</v>
      </c>
      <c r="JK20" s="169">
        <v>309</v>
      </c>
      <c r="JL20" s="169">
        <v>470</v>
      </c>
      <c r="JM20" s="169">
        <v>380</v>
      </c>
      <c r="JN20" s="169">
        <v>412</v>
      </c>
      <c r="JO20" s="169">
        <v>240</v>
      </c>
      <c r="JP20" s="170">
        <v>1811</v>
      </c>
      <c r="JQ20" s="171">
        <v>2157</v>
      </c>
      <c r="JR20" s="168">
        <v>11</v>
      </c>
      <c r="JS20" s="169">
        <v>38</v>
      </c>
      <c r="JT20" s="170">
        <v>49</v>
      </c>
      <c r="JU20" s="439">
        <v>0</v>
      </c>
      <c r="JV20" s="169">
        <v>31</v>
      </c>
      <c r="JW20" s="169">
        <v>79</v>
      </c>
      <c r="JX20" s="169">
        <v>40</v>
      </c>
      <c r="JY20" s="169">
        <v>26</v>
      </c>
      <c r="JZ20" s="169">
        <v>36</v>
      </c>
      <c r="KA20" s="170">
        <v>212</v>
      </c>
      <c r="KB20" s="171">
        <v>261</v>
      </c>
      <c r="KC20" s="168">
        <v>958</v>
      </c>
      <c r="KD20" s="169">
        <v>1346</v>
      </c>
      <c r="KE20" s="170">
        <v>2304</v>
      </c>
      <c r="KF20" s="439">
        <v>0</v>
      </c>
      <c r="KG20" s="169">
        <v>1510</v>
      </c>
      <c r="KH20" s="169">
        <v>2209</v>
      </c>
      <c r="KI20" s="169">
        <v>1573</v>
      </c>
      <c r="KJ20" s="169">
        <v>1371</v>
      </c>
      <c r="KK20" s="169">
        <v>886</v>
      </c>
      <c r="KL20" s="170">
        <v>7549</v>
      </c>
      <c r="KM20" s="171">
        <v>9853</v>
      </c>
    </row>
    <row r="21" spans="2:299" s="137" customFormat="1" ht="21" customHeight="1" x14ac:dyDescent="0.2">
      <c r="B21" s="173" t="s">
        <v>18</v>
      </c>
      <c r="C21" s="163">
        <v>465</v>
      </c>
      <c r="D21" s="164">
        <v>466</v>
      </c>
      <c r="E21" s="165">
        <v>931</v>
      </c>
      <c r="F21" s="439">
        <v>0</v>
      </c>
      <c r="G21" s="164">
        <v>981</v>
      </c>
      <c r="H21" s="164">
        <v>813</v>
      </c>
      <c r="I21" s="164">
        <v>534</v>
      </c>
      <c r="J21" s="164">
        <v>435</v>
      </c>
      <c r="K21" s="164">
        <v>271</v>
      </c>
      <c r="L21" s="166">
        <v>3034</v>
      </c>
      <c r="M21" s="167">
        <v>3965</v>
      </c>
      <c r="N21" s="168">
        <v>26</v>
      </c>
      <c r="O21" s="169">
        <v>19</v>
      </c>
      <c r="P21" s="170">
        <v>45</v>
      </c>
      <c r="Q21" s="439">
        <v>0</v>
      </c>
      <c r="R21" s="169">
        <v>52</v>
      </c>
      <c r="S21" s="169">
        <v>46</v>
      </c>
      <c r="T21" s="169">
        <v>34</v>
      </c>
      <c r="U21" s="169">
        <v>28</v>
      </c>
      <c r="V21" s="169">
        <v>24</v>
      </c>
      <c r="W21" s="170">
        <v>184</v>
      </c>
      <c r="X21" s="171">
        <v>229</v>
      </c>
      <c r="Y21" s="168">
        <v>48</v>
      </c>
      <c r="Z21" s="169">
        <v>53</v>
      </c>
      <c r="AA21" s="170">
        <v>101</v>
      </c>
      <c r="AB21" s="439">
        <v>0</v>
      </c>
      <c r="AC21" s="169">
        <v>109</v>
      </c>
      <c r="AD21" s="169">
        <v>82</v>
      </c>
      <c r="AE21" s="169">
        <v>63</v>
      </c>
      <c r="AF21" s="169">
        <v>53</v>
      </c>
      <c r="AG21" s="169">
        <v>31</v>
      </c>
      <c r="AH21" s="170">
        <v>338</v>
      </c>
      <c r="AI21" s="171">
        <v>439</v>
      </c>
      <c r="AJ21" s="168">
        <v>79</v>
      </c>
      <c r="AK21" s="169">
        <v>85</v>
      </c>
      <c r="AL21" s="170">
        <v>164</v>
      </c>
      <c r="AM21" s="439">
        <v>0</v>
      </c>
      <c r="AN21" s="169">
        <v>153</v>
      </c>
      <c r="AO21" s="169">
        <v>125</v>
      </c>
      <c r="AP21" s="169">
        <v>85</v>
      </c>
      <c r="AQ21" s="169">
        <v>64</v>
      </c>
      <c r="AR21" s="169">
        <v>51</v>
      </c>
      <c r="AS21" s="170">
        <v>478</v>
      </c>
      <c r="AT21" s="171">
        <v>642</v>
      </c>
      <c r="AU21" s="168">
        <v>134</v>
      </c>
      <c r="AV21" s="169">
        <v>124</v>
      </c>
      <c r="AW21" s="170">
        <v>258</v>
      </c>
      <c r="AX21" s="439">
        <v>0</v>
      </c>
      <c r="AY21" s="169">
        <v>274</v>
      </c>
      <c r="AZ21" s="169">
        <v>234</v>
      </c>
      <c r="BA21" s="169">
        <v>130</v>
      </c>
      <c r="BB21" s="169">
        <v>103</v>
      </c>
      <c r="BC21" s="169">
        <v>85</v>
      </c>
      <c r="BD21" s="170">
        <v>826</v>
      </c>
      <c r="BE21" s="171">
        <v>1084</v>
      </c>
      <c r="BF21" s="168">
        <v>114</v>
      </c>
      <c r="BG21" s="169">
        <v>125</v>
      </c>
      <c r="BH21" s="170">
        <v>239</v>
      </c>
      <c r="BI21" s="439">
        <v>0</v>
      </c>
      <c r="BJ21" s="169">
        <v>249</v>
      </c>
      <c r="BK21" s="169">
        <v>202</v>
      </c>
      <c r="BL21" s="169">
        <v>137</v>
      </c>
      <c r="BM21" s="169">
        <v>104</v>
      </c>
      <c r="BN21" s="169">
        <v>46</v>
      </c>
      <c r="BO21" s="170">
        <v>738</v>
      </c>
      <c r="BP21" s="171">
        <v>977</v>
      </c>
      <c r="BQ21" s="168">
        <v>64</v>
      </c>
      <c r="BR21" s="169">
        <v>60</v>
      </c>
      <c r="BS21" s="170">
        <v>124</v>
      </c>
      <c r="BT21" s="439">
        <v>0</v>
      </c>
      <c r="BU21" s="169">
        <v>144</v>
      </c>
      <c r="BV21" s="169">
        <v>124</v>
      </c>
      <c r="BW21" s="169">
        <v>85</v>
      </c>
      <c r="BX21" s="169">
        <v>83</v>
      </c>
      <c r="BY21" s="169">
        <v>34</v>
      </c>
      <c r="BZ21" s="170">
        <v>470</v>
      </c>
      <c r="CA21" s="171">
        <v>594</v>
      </c>
      <c r="CB21" s="168">
        <v>12</v>
      </c>
      <c r="CC21" s="169">
        <v>27</v>
      </c>
      <c r="CD21" s="170">
        <v>39</v>
      </c>
      <c r="CE21" s="439">
        <v>0</v>
      </c>
      <c r="CF21" s="169">
        <v>30</v>
      </c>
      <c r="CG21" s="169">
        <v>38</v>
      </c>
      <c r="CH21" s="169">
        <v>26</v>
      </c>
      <c r="CI21" s="169">
        <v>29</v>
      </c>
      <c r="CJ21" s="169">
        <v>27</v>
      </c>
      <c r="CK21" s="170">
        <v>150</v>
      </c>
      <c r="CL21" s="171">
        <v>189</v>
      </c>
      <c r="CM21" s="168">
        <v>477</v>
      </c>
      <c r="CN21" s="169">
        <v>493</v>
      </c>
      <c r="CO21" s="170">
        <v>970</v>
      </c>
      <c r="CP21" s="439">
        <v>0</v>
      </c>
      <c r="CQ21" s="169">
        <v>1011</v>
      </c>
      <c r="CR21" s="169">
        <v>851</v>
      </c>
      <c r="CS21" s="169">
        <v>560</v>
      </c>
      <c r="CT21" s="169">
        <v>464</v>
      </c>
      <c r="CU21" s="169">
        <v>298</v>
      </c>
      <c r="CV21" s="170">
        <v>3184</v>
      </c>
      <c r="CW21" s="171">
        <v>4154</v>
      </c>
      <c r="CX21" s="172">
        <v>820</v>
      </c>
      <c r="CY21" s="164">
        <v>1173</v>
      </c>
      <c r="CZ21" s="165">
        <v>1993</v>
      </c>
      <c r="DA21" s="439">
        <v>0</v>
      </c>
      <c r="DB21" s="164">
        <v>1470</v>
      </c>
      <c r="DC21" s="164">
        <v>1257</v>
      </c>
      <c r="DD21" s="164">
        <v>984</v>
      </c>
      <c r="DE21" s="164">
        <v>984</v>
      </c>
      <c r="DF21" s="164">
        <v>634</v>
      </c>
      <c r="DG21" s="166">
        <v>5329</v>
      </c>
      <c r="DH21" s="167">
        <v>7322</v>
      </c>
      <c r="DI21" s="168">
        <v>18</v>
      </c>
      <c r="DJ21" s="169">
        <v>33</v>
      </c>
      <c r="DK21" s="170">
        <v>51</v>
      </c>
      <c r="DL21" s="439">
        <v>0</v>
      </c>
      <c r="DM21" s="169">
        <v>38</v>
      </c>
      <c r="DN21" s="169">
        <v>23</v>
      </c>
      <c r="DO21" s="169">
        <v>12</v>
      </c>
      <c r="DP21" s="169">
        <v>25</v>
      </c>
      <c r="DQ21" s="169">
        <v>13</v>
      </c>
      <c r="DR21" s="170">
        <v>111</v>
      </c>
      <c r="DS21" s="171">
        <v>162</v>
      </c>
      <c r="DT21" s="168">
        <v>76</v>
      </c>
      <c r="DU21" s="169">
        <v>87</v>
      </c>
      <c r="DV21" s="170">
        <v>163</v>
      </c>
      <c r="DW21" s="439">
        <v>0</v>
      </c>
      <c r="DX21" s="169">
        <v>87</v>
      </c>
      <c r="DY21" s="169">
        <v>73</v>
      </c>
      <c r="DZ21" s="169">
        <v>39</v>
      </c>
      <c r="EA21" s="169">
        <v>51</v>
      </c>
      <c r="EB21" s="169">
        <v>37</v>
      </c>
      <c r="EC21" s="170">
        <v>287</v>
      </c>
      <c r="ED21" s="171">
        <v>450</v>
      </c>
      <c r="EE21" s="168">
        <v>151</v>
      </c>
      <c r="EF21" s="169">
        <v>185</v>
      </c>
      <c r="EG21" s="170">
        <v>336</v>
      </c>
      <c r="EH21" s="439">
        <v>0</v>
      </c>
      <c r="EI21" s="169">
        <v>206</v>
      </c>
      <c r="EJ21" s="169">
        <v>147</v>
      </c>
      <c r="EK21" s="169">
        <v>105</v>
      </c>
      <c r="EL21" s="169">
        <v>97</v>
      </c>
      <c r="EM21" s="169">
        <v>68</v>
      </c>
      <c r="EN21" s="170">
        <v>623</v>
      </c>
      <c r="EO21" s="171">
        <v>959</v>
      </c>
      <c r="EP21" s="168">
        <v>279</v>
      </c>
      <c r="EQ21" s="169">
        <v>364</v>
      </c>
      <c r="ER21" s="170">
        <v>643</v>
      </c>
      <c r="ES21" s="439">
        <v>0</v>
      </c>
      <c r="ET21" s="169">
        <v>393</v>
      </c>
      <c r="EU21" s="169">
        <v>295</v>
      </c>
      <c r="EV21" s="169">
        <v>227</v>
      </c>
      <c r="EW21" s="169">
        <v>196</v>
      </c>
      <c r="EX21" s="169">
        <v>133</v>
      </c>
      <c r="EY21" s="170">
        <v>1244</v>
      </c>
      <c r="EZ21" s="171">
        <v>1887</v>
      </c>
      <c r="FA21" s="168">
        <v>195</v>
      </c>
      <c r="FB21" s="169">
        <v>321</v>
      </c>
      <c r="FC21" s="170">
        <v>516</v>
      </c>
      <c r="FD21" s="439">
        <v>0</v>
      </c>
      <c r="FE21" s="169">
        <v>414</v>
      </c>
      <c r="FF21" s="169">
        <v>387</v>
      </c>
      <c r="FG21" s="169">
        <v>283</v>
      </c>
      <c r="FH21" s="169">
        <v>246</v>
      </c>
      <c r="FI21" s="169">
        <v>172</v>
      </c>
      <c r="FJ21" s="170">
        <v>1502</v>
      </c>
      <c r="FK21" s="171">
        <v>2018</v>
      </c>
      <c r="FL21" s="168">
        <v>101</v>
      </c>
      <c r="FM21" s="169">
        <v>183</v>
      </c>
      <c r="FN21" s="170">
        <v>284</v>
      </c>
      <c r="FO21" s="439">
        <v>0</v>
      </c>
      <c r="FP21" s="169">
        <v>332</v>
      </c>
      <c r="FQ21" s="169">
        <v>332</v>
      </c>
      <c r="FR21" s="169">
        <v>318</v>
      </c>
      <c r="FS21" s="169">
        <v>369</v>
      </c>
      <c r="FT21" s="169">
        <v>211</v>
      </c>
      <c r="FU21" s="170">
        <v>1562</v>
      </c>
      <c r="FV21" s="171">
        <v>1846</v>
      </c>
      <c r="FW21" s="168">
        <v>18</v>
      </c>
      <c r="FX21" s="169">
        <v>8</v>
      </c>
      <c r="FY21" s="170">
        <v>26</v>
      </c>
      <c r="FZ21" s="439">
        <v>0</v>
      </c>
      <c r="GA21" s="169">
        <v>25</v>
      </c>
      <c r="GB21" s="169">
        <v>33</v>
      </c>
      <c r="GC21" s="169">
        <v>11</v>
      </c>
      <c r="GD21" s="169">
        <v>15</v>
      </c>
      <c r="GE21" s="169">
        <v>16</v>
      </c>
      <c r="GF21" s="170">
        <v>100</v>
      </c>
      <c r="GG21" s="171">
        <v>126</v>
      </c>
      <c r="GH21" s="168">
        <v>838</v>
      </c>
      <c r="GI21" s="169">
        <v>1181</v>
      </c>
      <c r="GJ21" s="170">
        <v>2019</v>
      </c>
      <c r="GK21" s="439">
        <v>0</v>
      </c>
      <c r="GL21" s="169">
        <v>1495</v>
      </c>
      <c r="GM21" s="169">
        <v>1290</v>
      </c>
      <c r="GN21" s="169">
        <v>995</v>
      </c>
      <c r="GO21" s="169">
        <v>999</v>
      </c>
      <c r="GP21" s="169">
        <v>650</v>
      </c>
      <c r="GQ21" s="170">
        <v>5429</v>
      </c>
      <c r="GR21" s="171">
        <v>7448</v>
      </c>
      <c r="GS21" s="172">
        <v>1285</v>
      </c>
      <c r="GT21" s="164">
        <v>1639</v>
      </c>
      <c r="GU21" s="165">
        <v>2924</v>
      </c>
      <c r="GV21" s="439">
        <v>0</v>
      </c>
      <c r="GW21" s="164">
        <v>2451</v>
      </c>
      <c r="GX21" s="164">
        <v>2070</v>
      </c>
      <c r="GY21" s="164">
        <v>1518</v>
      </c>
      <c r="GZ21" s="164">
        <v>1419</v>
      </c>
      <c r="HA21" s="164">
        <v>905</v>
      </c>
      <c r="HB21" s="166">
        <v>8363</v>
      </c>
      <c r="HC21" s="167">
        <v>11287</v>
      </c>
      <c r="HD21" s="168">
        <v>44</v>
      </c>
      <c r="HE21" s="169">
        <v>52</v>
      </c>
      <c r="HF21" s="170">
        <v>96</v>
      </c>
      <c r="HG21" s="439">
        <v>0</v>
      </c>
      <c r="HH21" s="169">
        <v>90</v>
      </c>
      <c r="HI21" s="169">
        <v>69</v>
      </c>
      <c r="HJ21" s="169">
        <v>46</v>
      </c>
      <c r="HK21" s="169">
        <v>53</v>
      </c>
      <c r="HL21" s="169">
        <v>37</v>
      </c>
      <c r="HM21" s="170">
        <v>295</v>
      </c>
      <c r="HN21" s="171">
        <v>391</v>
      </c>
      <c r="HO21" s="168">
        <v>124</v>
      </c>
      <c r="HP21" s="169">
        <v>140</v>
      </c>
      <c r="HQ21" s="170">
        <v>264</v>
      </c>
      <c r="HR21" s="439">
        <v>0</v>
      </c>
      <c r="HS21" s="169">
        <v>196</v>
      </c>
      <c r="HT21" s="169">
        <v>155</v>
      </c>
      <c r="HU21" s="169">
        <v>102</v>
      </c>
      <c r="HV21" s="169">
        <v>104</v>
      </c>
      <c r="HW21" s="169">
        <v>68</v>
      </c>
      <c r="HX21" s="170">
        <v>625</v>
      </c>
      <c r="HY21" s="171">
        <v>889</v>
      </c>
      <c r="HZ21" s="168">
        <v>230</v>
      </c>
      <c r="IA21" s="169">
        <v>270</v>
      </c>
      <c r="IB21" s="170">
        <v>500</v>
      </c>
      <c r="IC21" s="439">
        <v>0</v>
      </c>
      <c r="ID21" s="169">
        <v>359</v>
      </c>
      <c r="IE21" s="169">
        <v>272</v>
      </c>
      <c r="IF21" s="169">
        <v>190</v>
      </c>
      <c r="IG21" s="169">
        <v>161</v>
      </c>
      <c r="IH21" s="169">
        <v>119</v>
      </c>
      <c r="II21" s="170">
        <v>1101</v>
      </c>
      <c r="IJ21" s="171">
        <v>1601</v>
      </c>
      <c r="IK21" s="168">
        <v>413</v>
      </c>
      <c r="IL21" s="169">
        <v>488</v>
      </c>
      <c r="IM21" s="170">
        <v>901</v>
      </c>
      <c r="IN21" s="439">
        <v>0</v>
      </c>
      <c r="IO21" s="169">
        <v>667</v>
      </c>
      <c r="IP21" s="169">
        <v>529</v>
      </c>
      <c r="IQ21" s="169">
        <v>357</v>
      </c>
      <c r="IR21" s="169">
        <v>299</v>
      </c>
      <c r="IS21" s="169">
        <v>218</v>
      </c>
      <c r="IT21" s="170">
        <v>2070</v>
      </c>
      <c r="IU21" s="171">
        <v>2971</v>
      </c>
      <c r="IV21" s="168">
        <v>309</v>
      </c>
      <c r="IW21" s="169">
        <v>446</v>
      </c>
      <c r="IX21" s="170">
        <v>755</v>
      </c>
      <c r="IY21" s="439">
        <v>0</v>
      </c>
      <c r="IZ21" s="169">
        <v>663</v>
      </c>
      <c r="JA21" s="169">
        <v>589</v>
      </c>
      <c r="JB21" s="169">
        <v>420</v>
      </c>
      <c r="JC21" s="169">
        <v>350</v>
      </c>
      <c r="JD21" s="169">
        <v>218</v>
      </c>
      <c r="JE21" s="170">
        <v>2240</v>
      </c>
      <c r="JF21" s="171">
        <v>2995</v>
      </c>
      <c r="JG21" s="168">
        <v>165</v>
      </c>
      <c r="JH21" s="169">
        <v>243</v>
      </c>
      <c r="JI21" s="170">
        <v>408</v>
      </c>
      <c r="JJ21" s="439">
        <v>0</v>
      </c>
      <c r="JK21" s="169">
        <v>476</v>
      </c>
      <c r="JL21" s="169">
        <v>456</v>
      </c>
      <c r="JM21" s="169">
        <v>403</v>
      </c>
      <c r="JN21" s="169">
        <v>452</v>
      </c>
      <c r="JO21" s="169">
        <v>245</v>
      </c>
      <c r="JP21" s="170">
        <v>2032</v>
      </c>
      <c r="JQ21" s="171">
        <v>2440</v>
      </c>
      <c r="JR21" s="168">
        <v>30</v>
      </c>
      <c r="JS21" s="169">
        <v>35</v>
      </c>
      <c r="JT21" s="170">
        <v>65</v>
      </c>
      <c r="JU21" s="439">
        <v>0</v>
      </c>
      <c r="JV21" s="169">
        <v>55</v>
      </c>
      <c r="JW21" s="169">
        <v>71</v>
      </c>
      <c r="JX21" s="169">
        <v>37</v>
      </c>
      <c r="JY21" s="169">
        <v>44</v>
      </c>
      <c r="JZ21" s="169">
        <v>43</v>
      </c>
      <c r="KA21" s="170">
        <v>250</v>
      </c>
      <c r="KB21" s="171">
        <v>315</v>
      </c>
      <c r="KC21" s="168">
        <v>1315</v>
      </c>
      <c r="KD21" s="169">
        <v>1674</v>
      </c>
      <c r="KE21" s="170">
        <v>2989</v>
      </c>
      <c r="KF21" s="439">
        <v>0</v>
      </c>
      <c r="KG21" s="169">
        <v>2506</v>
      </c>
      <c r="KH21" s="169">
        <v>2141</v>
      </c>
      <c r="KI21" s="169">
        <v>1555</v>
      </c>
      <c r="KJ21" s="169">
        <v>1463</v>
      </c>
      <c r="KK21" s="169">
        <v>948</v>
      </c>
      <c r="KL21" s="170">
        <v>8613</v>
      </c>
      <c r="KM21" s="171">
        <v>11602</v>
      </c>
    </row>
    <row r="22" spans="2:299" s="137" customFormat="1" ht="21" customHeight="1" x14ac:dyDescent="0.2">
      <c r="B22" s="173" t="s">
        <v>19</v>
      </c>
      <c r="C22" s="163">
        <v>218</v>
      </c>
      <c r="D22" s="164">
        <v>178</v>
      </c>
      <c r="E22" s="165">
        <v>396</v>
      </c>
      <c r="F22" s="439">
        <v>0</v>
      </c>
      <c r="G22" s="164">
        <v>402</v>
      </c>
      <c r="H22" s="164">
        <v>322</v>
      </c>
      <c r="I22" s="164">
        <v>220</v>
      </c>
      <c r="J22" s="164">
        <v>141</v>
      </c>
      <c r="K22" s="164">
        <v>108</v>
      </c>
      <c r="L22" s="166">
        <v>1193</v>
      </c>
      <c r="M22" s="167">
        <v>1589</v>
      </c>
      <c r="N22" s="174">
        <v>6</v>
      </c>
      <c r="O22" s="169">
        <v>12</v>
      </c>
      <c r="P22" s="170">
        <v>18</v>
      </c>
      <c r="Q22" s="439">
        <v>0</v>
      </c>
      <c r="R22" s="169">
        <v>19</v>
      </c>
      <c r="S22" s="169">
        <v>12</v>
      </c>
      <c r="T22" s="169">
        <v>12</v>
      </c>
      <c r="U22" s="169">
        <v>6</v>
      </c>
      <c r="V22" s="169">
        <v>7</v>
      </c>
      <c r="W22" s="170">
        <v>56</v>
      </c>
      <c r="X22" s="171">
        <v>74</v>
      </c>
      <c r="Y22" s="168">
        <v>21</v>
      </c>
      <c r="Z22" s="169">
        <v>22</v>
      </c>
      <c r="AA22" s="170">
        <v>43</v>
      </c>
      <c r="AB22" s="439">
        <v>0</v>
      </c>
      <c r="AC22" s="169">
        <v>41</v>
      </c>
      <c r="AD22" s="169">
        <v>34</v>
      </c>
      <c r="AE22" s="169">
        <v>20</v>
      </c>
      <c r="AF22" s="169">
        <v>13</v>
      </c>
      <c r="AG22" s="169">
        <v>12</v>
      </c>
      <c r="AH22" s="170">
        <v>120</v>
      </c>
      <c r="AI22" s="171">
        <v>163</v>
      </c>
      <c r="AJ22" s="174">
        <v>32</v>
      </c>
      <c r="AK22" s="169">
        <v>26</v>
      </c>
      <c r="AL22" s="170">
        <v>58</v>
      </c>
      <c r="AM22" s="439">
        <v>0</v>
      </c>
      <c r="AN22" s="169">
        <v>66</v>
      </c>
      <c r="AO22" s="169">
        <v>63</v>
      </c>
      <c r="AP22" s="169">
        <v>36</v>
      </c>
      <c r="AQ22" s="169">
        <v>32</v>
      </c>
      <c r="AR22" s="169">
        <v>14</v>
      </c>
      <c r="AS22" s="170">
        <v>211</v>
      </c>
      <c r="AT22" s="171">
        <v>269</v>
      </c>
      <c r="AU22" s="168">
        <v>62</v>
      </c>
      <c r="AV22" s="169">
        <v>37</v>
      </c>
      <c r="AW22" s="170">
        <v>99</v>
      </c>
      <c r="AX22" s="439">
        <v>0</v>
      </c>
      <c r="AY22" s="169">
        <v>102</v>
      </c>
      <c r="AZ22" s="169">
        <v>78</v>
      </c>
      <c r="BA22" s="169">
        <v>60</v>
      </c>
      <c r="BB22" s="169">
        <v>36</v>
      </c>
      <c r="BC22" s="169">
        <v>26</v>
      </c>
      <c r="BD22" s="170">
        <v>302</v>
      </c>
      <c r="BE22" s="171">
        <v>401</v>
      </c>
      <c r="BF22" s="174">
        <v>62</v>
      </c>
      <c r="BG22" s="169">
        <v>37</v>
      </c>
      <c r="BH22" s="170">
        <v>99</v>
      </c>
      <c r="BI22" s="439">
        <v>0</v>
      </c>
      <c r="BJ22" s="169">
        <v>105</v>
      </c>
      <c r="BK22" s="169">
        <v>79</v>
      </c>
      <c r="BL22" s="169">
        <v>52</v>
      </c>
      <c r="BM22" s="169">
        <v>38</v>
      </c>
      <c r="BN22" s="169">
        <v>31</v>
      </c>
      <c r="BO22" s="170">
        <v>305</v>
      </c>
      <c r="BP22" s="171">
        <v>404</v>
      </c>
      <c r="BQ22" s="168">
        <v>35</v>
      </c>
      <c r="BR22" s="169">
        <v>44</v>
      </c>
      <c r="BS22" s="170">
        <v>79</v>
      </c>
      <c r="BT22" s="439">
        <v>0</v>
      </c>
      <c r="BU22" s="169">
        <v>69</v>
      </c>
      <c r="BV22" s="169">
        <v>56</v>
      </c>
      <c r="BW22" s="169">
        <v>40</v>
      </c>
      <c r="BX22" s="169">
        <v>16</v>
      </c>
      <c r="BY22" s="169">
        <v>18</v>
      </c>
      <c r="BZ22" s="170">
        <v>199</v>
      </c>
      <c r="CA22" s="171">
        <v>278</v>
      </c>
      <c r="CB22" s="168">
        <v>6</v>
      </c>
      <c r="CC22" s="169">
        <v>10</v>
      </c>
      <c r="CD22" s="170">
        <v>16</v>
      </c>
      <c r="CE22" s="439">
        <v>0</v>
      </c>
      <c r="CF22" s="169">
        <v>19</v>
      </c>
      <c r="CG22" s="169">
        <v>8</v>
      </c>
      <c r="CH22" s="169">
        <v>10</v>
      </c>
      <c r="CI22" s="169">
        <v>6</v>
      </c>
      <c r="CJ22" s="169">
        <v>4</v>
      </c>
      <c r="CK22" s="170">
        <v>47</v>
      </c>
      <c r="CL22" s="171">
        <v>63</v>
      </c>
      <c r="CM22" s="168">
        <v>224</v>
      </c>
      <c r="CN22" s="169">
        <v>188</v>
      </c>
      <c r="CO22" s="170">
        <v>412</v>
      </c>
      <c r="CP22" s="439">
        <v>0</v>
      </c>
      <c r="CQ22" s="169">
        <v>421</v>
      </c>
      <c r="CR22" s="169">
        <v>330</v>
      </c>
      <c r="CS22" s="169">
        <v>230</v>
      </c>
      <c r="CT22" s="169">
        <v>147</v>
      </c>
      <c r="CU22" s="169">
        <v>112</v>
      </c>
      <c r="CV22" s="170">
        <v>1240</v>
      </c>
      <c r="CW22" s="171">
        <v>1652</v>
      </c>
      <c r="CX22" s="172">
        <v>391</v>
      </c>
      <c r="CY22" s="164">
        <v>414</v>
      </c>
      <c r="CZ22" s="165">
        <v>805</v>
      </c>
      <c r="DA22" s="439">
        <v>0</v>
      </c>
      <c r="DB22" s="164">
        <v>682</v>
      </c>
      <c r="DC22" s="164">
        <v>494</v>
      </c>
      <c r="DD22" s="164">
        <v>424</v>
      </c>
      <c r="DE22" s="164">
        <v>335</v>
      </c>
      <c r="DF22" s="164">
        <v>246</v>
      </c>
      <c r="DG22" s="166">
        <v>2181</v>
      </c>
      <c r="DH22" s="167">
        <v>2986</v>
      </c>
      <c r="DI22" s="174">
        <v>8</v>
      </c>
      <c r="DJ22" s="169">
        <v>8</v>
      </c>
      <c r="DK22" s="170">
        <v>16</v>
      </c>
      <c r="DL22" s="439">
        <v>0</v>
      </c>
      <c r="DM22" s="169">
        <v>12</v>
      </c>
      <c r="DN22" s="169">
        <v>17</v>
      </c>
      <c r="DO22" s="169">
        <v>8</v>
      </c>
      <c r="DP22" s="169">
        <v>3</v>
      </c>
      <c r="DQ22" s="169">
        <v>1</v>
      </c>
      <c r="DR22" s="170">
        <v>41</v>
      </c>
      <c r="DS22" s="171">
        <v>57</v>
      </c>
      <c r="DT22" s="168">
        <v>27</v>
      </c>
      <c r="DU22" s="169">
        <v>34</v>
      </c>
      <c r="DV22" s="170">
        <v>61</v>
      </c>
      <c r="DW22" s="439">
        <v>0</v>
      </c>
      <c r="DX22" s="169">
        <v>39</v>
      </c>
      <c r="DY22" s="169">
        <v>22</v>
      </c>
      <c r="DZ22" s="169">
        <v>15</v>
      </c>
      <c r="EA22" s="169">
        <v>13</v>
      </c>
      <c r="EB22" s="169">
        <v>17</v>
      </c>
      <c r="EC22" s="170">
        <v>106</v>
      </c>
      <c r="ED22" s="171">
        <v>167</v>
      </c>
      <c r="EE22" s="174">
        <v>61</v>
      </c>
      <c r="EF22" s="169">
        <v>67</v>
      </c>
      <c r="EG22" s="170">
        <v>128</v>
      </c>
      <c r="EH22" s="439">
        <v>0</v>
      </c>
      <c r="EI22" s="169">
        <v>82</v>
      </c>
      <c r="EJ22" s="169">
        <v>54</v>
      </c>
      <c r="EK22" s="169">
        <v>42</v>
      </c>
      <c r="EL22" s="169">
        <v>34</v>
      </c>
      <c r="EM22" s="169">
        <v>22</v>
      </c>
      <c r="EN22" s="170">
        <v>234</v>
      </c>
      <c r="EO22" s="171">
        <v>362</v>
      </c>
      <c r="EP22" s="168">
        <v>119</v>
      </c>
      <c r="EQ22" s="169">
        <v>106</v>
      </c>
      <c r="ER22" s="170">
        <v>225</v>
      </c>
      <c r="ES22" s="439">
        <v>0</v>
      </c>
      <c r="ET22" s="169">
        <v>183</v>
      </c>
      <c r="EU22" s="169">
        <v>124</v>
      </c>
      <c r="EV22" s="169">
        <v>83</v>
      </c>
      <c r="EW22" s="169">
        <v>74</v>
      </c>
      <c r="EX22" s="169">
        <v>48</v>
      </c>
      <c r="EY22" s="170">
        <v>512</v>
      </c>
      <c r="EZ22" s="171">
        <v>737</v>
      </c>
      <c r="FA22" s="174">
        <v>123</v>
      </c>
      <c r="FB22" s="169">
        <v>114</v>
      </c>
      <c r="FC22" s="170">
        <v>237</v>
      </c>
      <c r="FD22" s="439">
        <v>0</v>
      </c>
      <c r="FE22" s="169">
        <v>198</v>
      </c>
      <c r="FF22" s="169">
        <v>143</v>
      </c>
      <c r="FG22" s="169">
        <v>119</v>
      </c>
      <c r="FH22" s="169">
        <v>79</v>
      </c>
      <c r="FI22" s="169">
        <v>58</v>
      </c>
      <c r="FJ22" s="170">
        <v>597</v>
      </c>
      <c r="FK22" s="171">
        <v>834</v>
      </c>
      <c r="FL22" s="168">
        <v>53</v>
      </c>
      <c r="FM22" s="169">
        <v>85</v>
      </c>
      <c r="FN22" s="170">
        <v>138</v>
      </c>
      <c r="FO22" s="439">
        <v>0</v>
      </c>
      <c r="FP22" s="169">
        <v>168</v>
      </c>
      <c r="FQ22" s="169">
        <v>134</v>
      </c>
      <c r="FR22" s="169">
        <v>157</v>
      </c>
      <c r="FS22" s="169">
        <v>132</v>
      </c>
      <c r="FT22" s="169">
        <v>100</v>
      </c>
      <c r="FU22" s="170">
        <v>691</v>
      </c>
      <c r="FV22" s="171">
        <v>829</v>
      </c>
      <c r="FW22" s="168">
        <v>4</v>
      </c>
      <c r="FX22" s="169">
        <v>6</v>
      </c>
      <c r="FY22" s="170">
        <v>10</v>
      </c>
      <c r="FZ22" s="439">
        <v>0</v>
      </c>
      <c r="GA22" s="169">
        <v>5</v>
      </c>
      <c r="GB22" s="169">
        <v>12</v>
      </c>
      <c r="GC22" s="169">
        <v>5</v>
      </c>
      <c r="GD22" s="169">
        <v>4</v>
      </c>
      <c r="GE22" s="169">
        <v>4</v>
      </c>
      <c r="GF22" s="170">
        <v>30</v>
      </c>
      <c r="GG22" s="171">
        <v>40</v>
      </c>
      <c r="GH22" s="168">
        <v>395</v>
      </c>
      <c r="GI22" s="169">
        <v>420</v>
      </c>
      <c r="GJ22" s="170">
        <v>815</v>
      </c>
      <c r="GK22" s="439">
        <v>0</v>
      </c>
      <c r="GL22" s="169">
        <v>687</v>
      </c>
      <c r="GM22" s="169">
        <v>506</v>
      </c>
      <c r="GN22" s="169">
        <v>429</v>
      </c>
      <c r="GO22" s="169">
        <v>339</v>
      </c>
      <c r="GP22" s="169">
        <v>250</v>
      </c>
      <c r="GQ22" s="170">
        <v>2211</v>
      </c>
      <c r="GR22" s="171">
        <v>3026</v>
      </c>
      <c r="GS22" s="172">
        <v>609</v>
      </c>
      <c r="GT22" s="164">
        <v>592</v>
      </c>
      <c r="GU22" s="165">
        <v>1201</v>
      </c>
      <c r="GV22" s="439">
        <v>0</v>
      </c>
      <c r="GW22" s="164">
        <v>1084</v>
      </c>
      <c r="GX22" s="164">
        <v>816</v>
      </c>
      <c r="GY22" s="164">
        <v>644</v>
      </c>
      <c r="GZ22" s="164">
        <v>476</v>
      </c>
      <c r="HA22" s="164">
        <v>354</v>
      </c>
      <c r="HB22" s="166">
        <v>3374</v>
      </c>
      <c r="HC22" s="167">
        <v>4575</v>
      </c>
      <c r="HD22" s="174">
        <v>14</v>
      </c>
      <c r="HE22" s="169">
        <v>20</v>
      </c>
      <c r="HF22" s="170">
        <v>34</v>
      </c>
      <c r="HG22" s="439">
        <v>0</v>
      </c>
      <c r="HH22" s="169">
        <v>31</v>
      </c>
      <c r="HI22" s="169">
        <v>29</v>
      </c>
      <c r="HJ22" s="169">
        <v>20</v>
      </c>
      <c r="HK22" s="169">
        <v>9</v>
      </c>
      <c r="HL22" s="169">
        <v>8</v>
      </c>
      <c r="HM22" s="170">
        <v>97</v>
      </c>
      <c r="HN22" s="171">
        <v>131</v>
      </c>
      <c r="HO22" s="168">
        <v>48</v>
      </c>
      <c r="HP22" s="169">
        <v>56</v>
      </c>
      <c r="HQ22" s="170">
        <v>104</v>
      </c>
      <c r="HR22" s="439">
        <v>0</v>
      </c>
      <c r="HS22" s="169">
        <v>80</v>
      </c>
      <c r="HT22" s="169">
        <v>56</v>
      </c>
      <c r="HU22" s="169">
        <v>35</v>
      </c>
      <c r="HV22" s="169">
        <v>26</v>
      </c>
      <c r="HW22" s="169">
        <v>29</v>
      </c>
      <c r="HX22" s="170">
        <v>226</v>
      </c>
      <c r="HY22" s="171">
        <v>330</v>
      </c>
      <c r="HZ22" s="174">
        <v>93</v>
      </c>
      <c r="IA22" s="169">
        <v>93</v>
      </c>
      <c r="IB22" s="170">
        <v>186</v>
      </c>
      <c r="IC22" s="439">
        <v>0</v>
      </c>
      <c r="ID22" s="169">
        <v>148</v>
      </c>
      <c r="IE22" s="169">
        <v>117</v>
      </c>
      <c r="IF22" s="169">
        <v>78</v>
      </c>
      <c r="IG22" s="169">
        <v>66</v>
      </c>
      <c r="IH22" s="169">
        <v>36</v>
      </c>
      <c r="II22" s="170">
        <v>445</v>
      </c>
      <c r="IJ22" s="171">
        <v>631</v>
      </c>
      <c r="IK22" s="168">
        <v>181</v>
      </c>
      <c r="IL22" s="169">
        <v>143</v>
      </c>
      <c r="IM22" s="170">
        <v>324</v>
      </c>
      <c r="IN22" s="439">
        <v>0</v>
      </c>
      <c r="IO22" s="169">
        <v>285</v>
      </c>
      <c r="IP22" s="169">
        <v>202</v>
      </c>
      <c r="IQ22" s="169">
        <v>143</v>
      </c>
      <c r="IR22" s="169">
        <v>110</v>
      </c>
      <c r="IS22" s="169">
        <v>74</v>
      </c>
      <c r="IT22" s="170">
        <v>814</v>
      </c>
      <c r="IU22" s="171">
        <v>1138</v>
      </c>
      <c r="IV22" s="174">
        <v>185</v>
      </c>
      <c r="IW22" s="169">
        <v>151</v>
      </c>
      <c r="IX22" s="170">
        <v>336</v>
      </c>
      <c r="IY22" s="439">
        <v>0</v>
      </c>
      <c r="IZ22" s="169">
        <v>303</v>
      </c>
      <c r="JA22" s="169">
        <v>222</v>
      </c>
      <c r="JB22" s="169">
        <v>171</v>
      </c>
      <c r="JC22" s="169">
        <v>117</v>
      </c>
      <c r="JD22" s="169">
        <v>89</v>
      </c>
      <c r="JE22" s="170">
        <v>902</v>
      </c>
      <c r="JF22" s="171">
        <v>1238</v>
      </c>
      <c r="JG22" s="168">
        <v>88</v>
      </c>
      <c r="JH22" s="169">
        <v>129</v>
      </c>
      <c r="JI22" s="170">
        <v>217</v>
      </c>
      <c r="JJ22" s="439">
        <v>0</v>
      </c>
      <c r="JK22" s="169">
        <v>237</v>
      </c>
      <c r="JL22" s="169">
        <v>190</v>
      </c>
      <c r="JM22" s="169">
        <v>197</v>
      </c>
      <c r="JN22" s="169">
        <v>148</v>
      </c>
      <c r="JO22" s="169">
        <v>118</v>
      </c>
      <c r="JP22" s="170">
        <v>890</v>
      </c>
      <c r="JQ22" s="171">
        <v>1107</v>
      </c>
      <c r="JR22" s="168">
        <v>10</v>
      </c>
      <c r="JS22" s="169">
        <v>16</v>
      </c>
      <c r="JT22" s="170">
        <v>26</v>
      </c>
      <c r="JU22" s="439">
        <v>0</v>
      </c>
      <c r="JV22" s="169">
        <v>24</v>
      </c>
      <c r="JW22" s="169">
        <v>20</v>
      </c>
      <c r="JX22" s="169">
        <v>15</v>
      </c>
      <c r="JY22" s="169">
        <v>10</v>
      </c>
      <c r="JZ22" s="169">
        <v>8</v>
      </c>
      <c r="KA22" s="170">
        <v>77</v>
      </c>
      <c r="KB22" s="171">
        <v>103</v>
      </c>
      <c r="KC22" s="168">
        <v>619</v>
      </c>
      <c r="KD22" s="169">
        <v>608</v>
      </c>
      <c r="KE22" s="170">
        <v>1227</v>
      </c>
      <c r="KF22" s="439">
        <v>0</v>
      </c>
      <c r="KG22" s="169">
        <v>1108</v>
      </c>
      <c r="KH22" s="169">
        <v>836</v>
      </c>
      <c r="KI22" s="169">
        <v>659</v>
      </c>
      <c r="KJ22" s="169">
        <v>486</v>
      </c>
      <c r="KK22" s="169">
        <v>362</v>
      </c>
      <c r="KL22" s="170">
        <v>3451</v>
      </c>
      <c r="KM22" s="171">
        <v>4678</v>
      </c>
    </row>
    <row r="23" spans="2:299" s="137" customFormat="1" ht="21" customHeight="1" x14ac:dyDescent="0.2">
      <c r="B23" s="173" t="s">
        <v>20</v>
      </c>
      <c r="C23" s="163">
        <v>287</v>
      </c>
      <c r="D23" s="164">
        <v>306</v>
      </c>
      <c r="E23" s="165">
        <v>593</v>
      </c>
      <c r="F23" s="439">
        <v>0</v>
      </c>
      <c r="G23" s="164">
        <v>657</v>
      </c>
      <c r="H23" s="164">
        <v>382</v>
      </c>
      <c r="I23" s="164">
        <v>284</v>
      </c>
      <c r="J23" s="164">
        <v>224</v>
      </c>
      <c r="K23" s="164">
        <v>109</v>
      </c>
      <c r="L23" s="166">
        <v>1656</v>
      </c>
      <c r="M23" s="167">
        <v>2249</v>
      </c>
      <c r="N23" s="168">
        <v>7</v>
      </c>
      <c r="O23" s="169">
        <v>5</v>
      </c>
      <c r="P23" s="170">
        <v>12</v>
      </c>
      <c r="Q23" s="439">
        <v>0</v>
      </c>
      <c r="R23" s="169">
        <v>35</v>
      </c>
      <c r="S23" s="169">
        <v>22</v>
      </c>
      <c r="T23" s="169">
        <v>16</v>
      </c>
      <c r="U23" s="169">
        <v>13</v>
      </c>
      <c r="V23" s="169">
        <v>7</v>
      </c>
      <c r="W23" s="170">
        <v>93</v>
      </c>
      <c r="X23" s="171">
        <v>105</v>
      </c>
      <c r="Y23" s="168">
        <v>28</v>
      </c>
      <c r="Z23" s="169">
        <v>20</v>
      </c>
      <c r="AA23" s="170">
        <v>48</v>
      </c>
      <c r="AB23" s="439">
        <v>0</v>
      </c>
      <c r="AC23" s="169">
        <v>63</v>
      </c>
      <c r="AD23" s="169">
        <v>38</v>
      </c>
      <c r="AE23" s="169">
        <v>29</v>
      </c>
      <c r="AF23" s="169">
        <v>32</v>
      </c>
      <c r="AG23" s="169">
        <v>11</v>
      </c>
      <c r="AH23" s="170">
        <v>173</v>
      </c>
      <c r="AI23" s="171">
        <v>221</v>
      </c>
      <c r="AJ23" s="168">
        <v>48</v>
      </c>
      <c r="AK23" s="169">
        <v>55</v>
      </c>
      <c r="AL23" s="170">
        <v>103</v>
      </c>
      <c r="AM23" s="439">
        <v>0</v>
      </c>
      <c r="AN23" s="169">
        <v>107</v>
      </c>
      <c r="AO23" s="169">
        <v>63</v>
      </c>
      <c r="AP23" s="169">
        <v>48</v>
      </c>
      <c r="AQ23" s="169">
        <v>37</v>
      </c>
      <c r="AR23" s="169">
        <v>24</v>
      </c>
      <c r="AS23" s="170">
        <v>279</v>
      </c>
      <c r="AT23" s="171">
        <v>382</v>
      </c>
      <c r="AU23" s="168">
        <v>91</v>
      </c>
      <c r="AV23" s="169">
        <v>89</v>
      </c>
      <c r="AW23" s="170">
        <v>180</v>
      </c>
      <c r="AX23" s="439">
        <v>0</v>
      </c>
      <c r="AY23" s="169">
        <v>198</v>
      </c>
      <c r="AZ23" s="169">
        <v>98</v>
      </c>
      <c r="BA23" s="169">
        <v>81</v>
      </c>
      <c r="BB23" s="169">
        <v>60</v>
      </c>
      <c r="BC23" s="169">
        <v>24</v>
      </c>
      <c r="BD23" s="170">
        <v>461</v>
      </c>
      <c r="BE23" s="171">
        <v>641</v>
      </c>
      <c r="BF23" s="168">
        <v>75</v>
      </c>
      <c r="BG23" s="169">
        <v>93</v>
      </c>
      <c r="BH23" s="170">
        <v>168</v>
      </c>
      <c r="BI23" s="439">
        <v>0</v>
      </c>
      <c r="BJ23" s="169">
        <v>165</v>
      </c>
      <c r="BK23" s="169">
        <v>93</v>
      </c>
      <c r="BL23" s="169">
        <v>78</v>
      </c>
      <c r="BM23" s="169">
        <v>50</v>
      </c>
      <c r="BN23" s="169">
        <v>31</v>
      </c>
      <c r="BO23" s="170">
        <v>417</v>
      </c>
      <c r="BP23" s="171">
        <v>585</v>
      </c>
      <c r="BQ23" s="168">
        <v>38</v>
      </c>
      <c r="BR23" s="169">
        <v>44</v>
      </c>
      <c r="BS23" s="170">
        <v>82</v>
      </c>
      <c r="BT23" s="439">
        <v>0</v>
      </c>
      <c r="BU23" s="169">
        <v>89</v>
      </c>
      <c r="BV23" s="169">
        <v>68</v>
      </c>
      <c r="BW23" s="169">
        <v>32</v>
      </c>
      <c r="BX23" s="169">
        <v>32</v>
      </c>
      <c r="BY23" s="169">
        <v>12</v>
      </c>
      <c r="BZ23" s="170">
        <v>233</v>
      </c>
      <c r="CA23" s="171">
        <v>315</v>
      </c>
      <c r="CB23" s="168">
        <v>8</v>
      </c>
      <c r="CC23" s="169">
        <v>8</v>
      </c>
      <c r="CD23" s="170">
        <v>16</v>
      </c>
      <c r="CE23" s="439">
        <v>0</v>
      </c>
      <c r="CF23" s="169">
        <v>15</v>
      </c>
      <c r="CG23" s="169">
        <v>16</v>
      </c>
      <c r="CH23" s="169">
        <v>17</v>
      </c>
      <c r="CI23" s="169">
        <v>8</v>
      </c>
      <c r="CJ23" s="169">
        <v>8</v>
      </c>
      <c r="CK23" s="170">
        <v>64</v>
      </c>
      <c r="CL23" s="171">
        <v>80</v>
      </c>
      <c r="CM23" s="168">
        <v>295</v>
      </c>
      <c r="CN23" s="169">
        <v>314</v>
      </c>
      <c r="CO23" s="170">
        <v>609</v>
      </c>
      <c r="CP23" s="439">
        <v>0</v>
      </c>
      <c r="CQ23" s="169">
        <v>672</v>
      </c>
      <c r="CR23" s="169">
        <v>398</v>
      </c>
      <c r="CS23" s="169">
        <v>301</v>
      </c>
      <c r="CT23" s="169">
        <v>232</v>
      </c>
      <c r="CU23" s="169">
        <v>117</v>
      </c>
      <c r="CV23" s="170">
        <v>1720</v>
      </c>
      <c r="CW23" s="171">
        <v>2329</v>
      </c>
      <c r="CX23" s="172">
        <v>496</v>
      </c>
      <c r="CY23" s="164">
        <v>643</v>
      </c>
      <c r="CZ23" s="165">
        <v>1139</v>
      </c>
      <c r="DA23" s="439">
        <v>0</v>
      </c>
      <c r="DB23" s="164">
        <v>918</v>
      </c>
      <c r="DC23" s="164">
        <v>592</v>
      </c>
      <c r="DD23" s="164">
        <v>490</v>
      </c>
      <c r="DE23" s="164">
        <v>439</v>
      </c>
      <c r="DF23" s="164">
        <v>283</v>
      </c>
      <c r="DG23" s="166">
        <v>2722</v>
      </c>
      <c r="DH23" s="167">
        <v>3861</v>
      </c>
      <c r="DI23" s="168">
        <v>10</v>
      </c>
      <c r="DJ23" s="169">
        <v>12</v>
      </c>
      <c r="DK23" s="170">
        <v>22</v>
      </c>
      <c r="DL23" s="439">
        <v>0</v>
      </c>
      <c r="DM23" s="169">
        <v>24</v>
      </c>
      <c r="DN23" s="169">
        <v>16</v>
      </c>
      <c r="DO23" s="169">
        <v>7</v>
      </c>
      <c r="DP23" s="169">
        <v>11</v>
      </c>
      <c r="DQ23" s="169">
        <v>6</v>
      </c>
      <c r="DR23" s="170">
        <v>64</v>
      </c>
      <c r="DS23" s="171">
        <v>86</v>
      </c>
      <c r="DT23" s="168">
        <v>36</v>
      </c>
      <c r="DU23" s="169">
        <v>42</v>
      </c>
      <c r="DV23" s="170">
        <v>78</v>
      </c>
      <c r="DW23" s="439">
        <v>0</v>
      </c>
      <c r="DX23" s="169">
        <v>55</v>
      </c>
      <c r="DY23" s="169">
        <v>33</v>
      </c>
      <c r="DZ23" s="169">
        <v>20</v>
      </c>
      <c r="EA23" s="169">
        <v>22</v>
      </c>
      <c r="EB23" s="169">
        <v>21</v>
      </c>
      <c r="EC23" s="170">
        <v>151</v>
      </c>
      <c r="ED23" s="171">
        <v>229</v>
      </c>
      <c r="EE23" s="168">
        <v>77</v>
      </c>
      <c r="EF23" s="169">
        <v>98</v>
      </c>
      <c r="EG23" s="170">
        <v>175</v>
      </c>
      <c r="EH23" s="439">
        <v>0</v>
      </c>
      <c r="EI23" s="169">
        <v>156</v>
      </c>
      <c r="EJ23" s="169">
        <v>71</v>
      </c>
      <c r="EK23" s="169">
        <v>50</v>
      </c>
      <c r="EL23" s="169">
        <v>43</v>
      </c>
      <c r="EM23" s="169">
        <v>33</v>
      </c>
      <c r="EN23" s="170">
        <v>353</v>
      </c>
      <c r="EO23" s="171">
        <v>528</v>
      </c>
      <c r="EP23" s="168">
        <v>175</v>
      </c>
      <c r="EQ23" s="169">
        <v>192</v>
      </c>
      <c r="ER23" s="170">
        <v>367</v>
      </c>
      <c r="ES23" s="439">
        <v>0</v>
      </c>
      <c r="ET23" s="169">
        <v>225</v>
      </c>
      <c r="EU23" s="169">
        <v>147</v>
      </c>
      <c r="EV23" s="169">
        <v>109</v>
      </c>
      <c r="EW23" s="169">
        <v>76</v>
      </c>
      <c r="EX23" s="169">
        <v>58</v>
      </c>
      <c r="EY23" s="170">
        <v>615</v>
      </c>
      <c r="EZ23" s="171">
        <v>982</v>
      </c>
      <c r="FA23" s="168">
        <v>137</v>
      </c>
      <c r="FB23" s="169">
        <v>180</v>
      </c>
      <c r="FC23" s="170">
        <v>317</v>
      </c>
      <c r="FD23" s="439">
        <v>0</v>
      </c>
      <c r="FE23" s="169">
        <v>260</v>
      </c>
      <c r="FF23" s="169">
        <v>152</v>
      </c>
      <c r="FG23" s="169">
        <v>126</v>
      </c>
      <c r="FH23" s="169">
        <v>116</v>
      </c>
      <c r="FI23" s="169">
        <v>73</v>
      </c>
      <c r="FJ23" s="170">
        <v>727</v>
      </c>
      <c r="FK23" s="171">
        <v>1044</v>
      </c>
      <c r="FL23" s="168">
        <v>61</v>
      </c>
      <c r="FM23" s="169">
        <v>119</v>
      </c>
      <c r="FN23" s="170">
        <v>180</v>
      </c>
      <c r="FO23" s="439">
        <v>0</v>
      </c>
      <c r="FP23" s="169">
        <v>198</v>
      </c>
      <c r="FQ23" s="169">
        <v>173</v>
      </c>
      <c r="FR23" s="169">
        <v>178</v>
      </c>
      <c r="FS23" s="169">
        <v>171</v>
      </c>
      <c r="FT23" s="169">
        <v>92</v>
      </c>
      <c r="FU23" s="170">
        <v>812</v>
      </c>
      <c r="FV23" s="171">
        <v>992</v>
      </c>
      <c r="FW23" s="168">
        <v>5</v>
      </c>
      <c r="FX23" s="169">
        <v>15</v>
      </c>
      <c r="FY23" s="170">
        <v>20</v>
      </c>
      <c r="FZ23" s="439">
        <v>0</v>
      </c>
      <c r="GA23" s="169">
        <v>18</v>
      </c>
      <c r="GB23" s="169">
        <v>9</v>
      </c>
      <c r="GC23" s="169">
        <v>7</v>
      </c>
      <c r="GD23" s="169">
        <v>10</v>
      </c>
      <c r="GE23" s="169">
        <v>7</v>
      </c>
      <c r="GF23" s="170">
        <v>51</v>
      </c>
      <c r="GG23" s="171">
        <v>71</v>
      </c>
      <c r="GH23" s="168">
        <v>501</v>
      </c>
      <c r="GI23" s="169">
        <v>658</v>
      </c>
      <c r="GJ23" s="170">
        <v>1159</v>
      </c>
      <c r="GK23" s="439">
        <v>0</v>
      </c>
      <c r="GL23" s="169">
        <v>936</v>
      </c>
      <c r="GM23" s="169">
        <v>601</v>
      </c>
      <c r="GN23" s="169">
        <v>497</v>
      </c>
      <c r="GO23" s="169">
        <v>449</v>
      </c>
      <c r="GP23" s="169">
        <v>290</v>
      </c>
      <c r="GQ23" s="170">
        <v>2773</v>
      </c>
      <c r="GR23" s="171">
        <v>3932</v>
      </c>
      <c r="GS23" s="172">
        <v>783</v>
      </c>
      <c r="GT23" s="164">
        <v>949</v>
      </c>
      <c r="GU23" s="165">
        <v>1732</v>
      </c>
      <c r="GV23" s="439">
        <v>0</v>
      </c>
      <c r="GW23" s="164">
        <v>1575</v>
      </c>
      <c r="GX23" s="164">
        <v>974</v>
      </c>
      <c r="GY23" s="164">
        <v>774</v>
      </c>
      <c r="GZ23" s="164">
        <v>663</v>
      </c>
      <c r="HA23" s="164">
        <v>392</v>
      </c>
      <c r="HB23" s="166">
        <v>4378</v>
      </c>
      <c r="HC23" s="167">
        <v>6110</v>
      </c>
      <c r="HD23" s="168">
        <v>17</v>
      </c>
      <c r="HE23" s="169">
        <v>17</v>
      </c>
      <c r="HF23" s="170">
        <v>34</v>
      </c>
      <c r="HG23" s="439">
        <v>0</v>
      </c>
      <c r="HH23" s="169">
        <v>59</v>
      </c>
      <c r="HI23" s="169">
        <v>38</v>
      </c>
      <c r="HJ23" s="169">
        <v>23</v>
      </c>
      <c r="HK23" s="169">
        <v>24</v>
      </c>
      <c r="HL23" s="169">
        <v>13</v>
      </c>
      <c r="HM23" s="170">
        <v>157</v>
      </c>
      <c r="HN23" s="171">
        <v>191</v>
      </c>
      <c r="HO23" s="168">
        <v>64</v>
      </c>
      <c r="HP23" s="169">
        <v>62</v>
      </c>
      <c r="HQ23" s="170">
        <v>126</v>
      </c>
      <c r="HR23" s="439">
        <v>0</v>
      </c>
      <c r="HS23" s="169">
        <v>118</v>
      </c>
      <c r="HT23" s="169">
        <v>71</v>
      </c>
      <c r="HU23" s="169">
        <v>49</v>
      </c>
      <c r="HV23" s="169">
        <v>54</v>
      </c>
      <c r="HW23" s="169">
        <v>32</v>
      </c>
      <c r="HX23" s="170">
        <v>324</v>
      </c>
      <c r="HY23" s="171">
        <v>450</v>
      </c>
      <c r="HZ23" s="168">
        <v>125</v>
      </c>
      <c r="IA23" s="169">
        <v>153</v>
      </c>
      <c r="IB23" s="170">
        <v>278</v>
      </c>
      <c r="IC23" s="439">
        <v>0</v>
      </c>
      <c r="ID23" s="169">
        <v>263</v>
      </c>
      <c r="IE23" s="169">
        <v>134</v>
      </c>
      <c r="IF23" s="169">
        <v>98</v>
      </c>
      <c r="IG23" s="169">
        <v>80</v>
      </c>
      <c r="IH23" s="169">
        <v>57</v>
      </c>
      <c r="II23" s="170">
        <v>632</v>
      </c>
      <c r="IJ23" s="171">
        <v>910</v>
      </c>
      <c r="IK23" s="168">
        <v>266</v>
      </c>
      <c r="IL23" s="169">
        <v>281</v>
      </c>
      <c r="IM23" s="170">
        <v>547</v>
      </c>
      <c r="IN23" s="439">
        <v>0</v>
      </c>
      <c r="IO23" s="169">
        <v>423</v>
      </c>
      <c r="IP23" s="169">
        <v>245</v>
      </c>
      <c r="IQ23" s="169">
        <v>190</v>
      </c>
      <c r="IR23" s="169">
        <v>136</v>
      </c>
      <c r="IS23" s="169">
        <v>82</v>
      </c>
      <c r="IT23" s="170">
        <v>1076</v>
      </c>
      <c r="IU23" s="171">
        <v>1623</v>
      </c>
      <c r="IV23" s="168">
        <v>212</v>
      </c>
      <c r="IW23" s="169">
        <v>273</v>
      </c>
      <c r="IX23" s="170">
        <v>485</v>
      </c>
      <c r="IY23" s="439">
        <v>0</v>
      </c>
      <c r="IZ23" s="169">
        <v>425</v>
      </c>
      <c r="JA23" s="169">
        <v>245</v>
      </c>
      <c r="JB23" s="169">
        <v>204</v>
      </c>
      <c r="JC23" s="169">
        <v>166</v>
      </c>
      <c r="JD23" s="169">
        <v>104</v>
      </c>
      <c r="JE23" s="170">
        <v>1144</v>
      </c>
      <c r="JF23" s="171">
        <v>1629</v>
      </c>
      <c r="JG23" s="168">
        <v>99</v>
      </c>
      <c r="JH23" s="169">
        <v>163</v>
      </c>
      <c r="JI23" s="170">
        <v>262</v>
      </c>
      <c r="JJ23" s="439">
        <v>0</v>
      </c>
      <c r="JK23" s="169">
        <v>287</v>
      </c>
      <c r="JL23" s="169">
        <v>241</v>
      </c>
      <c r="JM23" s="169">
        <v>210</v>
      </c>
      <c r="JN23" s="169">
        <v>203</v>
      </c>
      <c r="JO23" s="169">
        <v>104</v>
      </c>
      <c r="JP23" s="170">
        <v>1045</v>
      </c>
      <c r="JQ23" s="171">
        <v>1307</v>
      </c>
      <c r="JR23" s="168">
        <v>13</v>
      </c>
      <c r="JS23" s="169">
        <v>23</v>
      </c>
      <c r="JT23" s="170">
        <v>36</v>
      </c>
      <c r="JU23" s="439">
        <v>0</v>
      </c>
      <c r="JV23" s="169">
        <v>33</v>
      </c>
      <c r="JW23" s="169">
        <v>25</v>
      </c>
      <c r="JX23" s="169">
        <v>24</v>
      </c>
      <c r="JY23" s="169">
        <v>18</v>
      </c>
      <c r="JZ23" s="169">
        <v>15</v>
      </c>
      <c r="KA23" s="170">
        <v>115</v>
      </c>
      <c r="KB23" s="171">
        <v>151</v>
      </c>
      <c r="KC23" s="168">
        <v>796</v>
      </c>
      <c r="KD23" s="169">
        <v>972</v>
      </c>
      <c r="KE23" s="170">
        <v>1768</v>
      </c>
      <c r="KF23" s="439">
        <v>0</v>
      </c>
      <c r="KG23" s="169">
        <v>1608</v>
      </c>
      <c r="KH23" s="169">
        <v>999</v>
      </c>
      <c r="KI23" s="169">
        <v>798</v>
      </c>
      <c r="KJ23" s="169">
        <v>681</v>
      </c>
      <c r="KK23" s="169">
        <v>407</v>
      </c>
      <c r="KL23" s="170">
        <v>4493</v>
      </c>
      <c r="KM23" s="171">
        <v>6261</v>
      </c>
    </row>
    <row r="24" spans="2:299" s="137" customFormat="1" ht="21" customHeight="1" x14ac:dyDescent="0.2">
      <c r="B24" s="173" t="s">
        <v>21</v>
      </c>
      <c r="C24" s="163">
        <v>314</v>
      </c>
      <c r="D24" s="164">
        <v>251</v>
      </c>
      <c r="E24" s="165">
        <v>565</v>
      </c>
      <c r="F24" s="439">
        <v>0</v>
      </c>
      <c r="G24" s="164">
        <v>465</v>
      </c>
      <c r="H24" s="164">
        <v>425</v>
      </c>
      <c r="I24" s="164">
        <v>283</v>
      </c>
      <c r="J24" s="164">
        <v>227</v>
      </c>
      <c r="K24" s="164">
        <v>140</v>
      </c>
      <c r="L24" s="166">
        <v>1540</v>
      </c>
      <c r="M24" s="167">
        <v>2105</v>
      </c>
      <c r="N24" s="168">
        <v>15</v>
      </c>
      <c r="O24" s="169">
        <v>14</v>
      </c>
      <c r="P24" s="170">
        <v>29</v>
      </c>
      <c r="Q24" s="439">
        <v>0</v>
      </c>
      <c r="R24" s="169">
        <v>22</v>
      </c>
      <c r="S24" s="169">
        <v>17</v>
      </c>
      <c r="T24" s="169">
        <v>17</v>
      </c>
      <c r="U24" s="169">
        <v>11</v>
      </c>
      <c r="V24" s="169">
        <v>16</v>
      </c>
      <c r="W24" s="170">
        <v>83</v>
      </c>
      <c r="X24" s="171">
        <v>112</v>
      </c>
      <c r="Y24" s="168">
        <v>26</v>
      </c>
      <c r="Z24" s="169">
        <v>23</v>
      </c>
      <c r="AA24" s="170">
        <v>49</v>
      </c>
      <c r="AB24" s="439">
        <v>0</v>
      </c>
      <c r="AC24" s="169">
        <v>37</v>
      </c>
      <c r="AD24" s="169">
        <v>52</v>
      </c>
      <c r="AE24" s="169">
        <v>28</v>
      </c>
      <c r="AF24" s="169">
        <v>27</v>
      </c>
      <c r="AG24" s="169">
        <v>22</v>
      </c>
      <c r="AH24" s="170">
        <v>166</v>
      </c>
      <c r="AI24" s="171">
        <v>215</v>
      </c>
      <c r="AJ24" s="168">
        <v>61</v>
      </c>
      <c r="AK24" s="169">
        <v>45</v>
      </c>
      <c r="AL24" s="170">
        <v>106</v>
      </c>
      <c r="AM24" s="439">
        <v>0</v>
      </c>
      <c r="AN24" s="169">
        <v>78</v>
      </c>
      <c r="AO24" s="169">
        <v>65</v>
      </c>
      <c r="AP24" s="169">
        <v>52</v>
      </c>
      <c r="AQ24" s="169">
        <v>49</v>
      </c>
      <c r="AR24" s="169">
        <v>22</v>
      </c>
      <c r="AS24" s="170">
        <v>266</v>
      </c>
      <c r="AT24" s="171">
        <v>372</v>
      </c>
      <c r="AU24" s="168">
        <v>88</v>
      </c>
      <c r="AV24" s="169">
        <v>65</v>
      </c>
      <c r="AW24" s="170">
        <v>153</v>
      </c>
      <c r="AX24" s="439">
        <v>0</v>
      </c>
      <c r="AY24" s="169">
        <v>138</v>
      </c>
      <c r="AZ24" s="169">
        <v>126</v>
      </c>
      <c r="BA24" s="169">
        <v>72</v>
      </c>
      <c r="BB24" s="169">
        <v>64</v>
      </c>
      <c r="BC24" s="169">
        <v>28</v>
      </c>
      <c r="BD24" s="170">
        <v>428</v>
      </c>
      <c r="BE24" s="171">
        <v>581</v>
      </c>
      <c r="BF24" s="168">
        <v>90</v>
      </c>
      <c r="BG24" s="169">
        <v>67</v>
      </c>
      <c r="BH24" s="170">
        <v>157</v>
      </c>
      <c r="BI24" s="439">
        <v>0</v>
      </c>
      <c r="BJ24" s="169">
        <v>134</v>
      </c>
      <c r="BK24" s="169">
        <v>99</v>
      </c>
      <c r="BL24" s="169">
        <v>57</v>
      </c>
      <c r="BM24" s="169">
        <v>44</v>
      </c>
      <c r="BN24" s="169">
        <v>30</v>
      </c>
      <c r="BO24" s="170">
        <v>364</v>
      </c>
      <c r="BP24" s="171">
        <v>521</v>
      </c>
      <c r="BQ24" s="168">
        <v>34</v>
      </c>
      <c r="BR24" s="169">
        <v>37</v>
      </c>
      <c r="BS24" s="170">
        <v>71</v>
      </c>
      <c r="BT24" s="439">
        <v>0</v>
      </c>
      <c r="BU24" s="169">
        <v>56</v>
      </c>
      <c r="BV24" s="169">
        <v>66</v>
      </c>
      <c r="BW24" s="169">
        <v>57</v>
      </c>
      <c r="BX24" s="169">
        <v>32</v>
      </c>
      <c r="BY24" s="169">
        <v>22</v>
      </c>
      <c r="BZ24" s="170">
        <v>233</v>
      </c>
      <c r="CA24" s="171">
        <v>304</v>
      </c>
      <c r="CB24" s="168">
        <v>15</v>
      </c>
      <c r="CC24" s="169">
        <v>12</v>
      </c>
      <c r="CD24" s="170">
        <v>27</v>
      </c>
      <c r="CE24" s="439">
        <v>0</v>
      </c>
      <c r="CF24" s="169">
        <v>10</v>
      </c>
      <c r="CG24" s="169">
        <v>21</v>
      </c>
      <c r="CH24" s="169">
        <v>11</v>
      </c>
      <c r="CI24" s="169">
        <v>11</v>
      </c>
      <c r="CJ24" s="169">
        <v>11</v>
      </c>
      <c r="CK24" s="170">
        <v>64</v>
      </c>
      <c r="CL24" s="171">
        <v>91</v>
      </c>
      <c r="CM24" s="168">
        <v>329</v>
      </c>
      <c r="CN24" s="169">
        <v>263</v>
      </c>
      <c r="CO24" s="170">
        <v>592</v>
      </c>
      <c r="CP24" s="439">
        <v>0</v>
      </c>
      <c r="CQ24" s="169">
        <v>475</v>
      </c>
      <c r="CR24" s="169">
        <v>446</v>
      </c>
      <c r="CS24" s="169">
        <v>294</v>
      </c>
      <c r="CT24" s="169">
        <v>238</v>
      </c>
      <c r="CU24" s="169">
        <v>151</v>
      </c>
      <c r="CV24" s="170">
        <v>1604</v>
      </c>
      <c r="CW24" s="171">
        <v>2196</v>
      </c>
      <c r="CX24" s="172">
        <v>603</v>
      </c>
      <c r="CY24" s="164">
        <v>603</v>
      </c>
      <c r="CZ24" s="165">
        <v>1206</v>
      </c>
      <c r="DA24" s="439">
        <v>0</v>
      </c>
      <c r="DB24" s="164">
        <v>800</v>
      </c>
      <c r="DC24" s="164">
        <v>722</v>
      </c>
      <c r="DD24" s="164">
        <v>588</v>
      </c>
      <c r="DE24" s="164">
        <v>464</v>
      </c>
      <c r="DF24" s="164">
        <v>330</v>
      </c>
      <c r="DG24" s="166">
        <v>2904</v>
      </c>
      <c r="DH24" s="167">
        <v>4110</v>
      </c>
      <c r="DI24" s="168">
        <v>13</v>
      </c>
      <c r="DJ24" s="169">
        <v>19</v>
      </c>
      <c r="DK24" s="170">
        <v>32</v>
      </c>
      <c r="DL24" s="439">
        <v>0</v>
      </c>
      <c r="DM24" s="169">
        <v>17</v>
      </c>
      <c r="DN24" s="169">
        <v>21</v>
      </c>
      <c r="DO24" s="169">
        <v>11</v>
      </c>
      <c r="DP24" s="169">
        <v>6</v>
      </c>
      <c r="DQ24" s="169">
        <v>15</v>
      </c>
      <c r="DR24" s="170">
        <v>70</v>
      </c>
      <c r="DS24" s="171">
        <v>102</v>
      </c>
      <c r="DT24" s="168">
        <v>40</v>
      </c>
      <c r="DU24" s="169">
        <v>36</v>
      </c>
      <c r="DV24" s="170">
        <v>76</v>
      </c>
      <c r="DW24" s="439">
        <v>0</v>
      </c>
      <c r="DX24" s="169">
        <v>44</v>
      </c>
      <c r="DY24" s="169">
        <v>36</v>
      </c>
      <c r="DZ24" s="169">
        <v>26</v>
      </c>
      <c r="EA24" s="169">
        <v>21</v>
      </c>
      <c r="EB24" s="169">
        <v>28</v>
      </c>
      <c r="EC24" s="170">
        <v>155</v>
      </c>
      <c r="ED24" s="171">
        <v>231</v>
      </c>
      <c r="EE24" s="168">
        <v>89</v>
      </c>
      <c r="EF24" s="169">
        <v>101</v>
      </c>
      <c r="EG24" s="170">
        <v>190</v>
      </c>
      <c r="EH24" s="439">
        <v>0</v>
      </c>
      <c r="EI24" s="169">
        <v>100</v>
      </c>
      <c r="EJ24" s="169">
        <v>76</v>
      </c>
      <c r="EK24" s="169">
        <v>64</v>
      </c>
      <c r="EL24" s="169">
        <v>44</v>
      </c>
      <c r="EM24" s="169">
        <v>31</v>
      </c>
      <c r="EN24" s="170">
        <v>315</v>
      </c>
      <c r="EO24" s="171">
        <v>505</v>
      </c>
      <c r="EP24" s="168">
        <v>201</v>
      </c>
      <c r="EQ24" s="169">
        <v>182</v>
      </c>
      <c r="ER24" s="170">
        <v>383</v>
      </c>
      <c r="ES24" s="439">
        <v>0</v>
      </c>
      <c r="ET24" s="169">
        <v>222</v>
      </c>
      <c r="EU24" s="169">
        <v>159</v>
      </c>
      <c r="EV24" s="169">
        <v>126</v>
      </c>
      <c r="EW24" s="169">
        <v>104</v>
      </c>
      <c r="EX24" s="169">
        <v>73</v>
      </c>
      <c r="EY24" s="170">
        <v>684</v>
      </c>
      <c r="EZ24" s="171">
        <v>1067</v>
      </c>
      <c r="FA24" s="168">
        <v>165</v>
      </c>
      <c r="FB24" s="169">
        <v>181</v>
      </c>
      <c r="FC24" s="170">
        <v>346</v>
      </c>
      <c r="FD24" s="439">
        <v>0</v>
      </c>
      <c r="FE24" s="169">
        <v>225</v>
      </c>
      <c r="FF24" s="169">
        <v>224</v>
      </c>
      <c r="FG24" s="169">
        <v>167</v>
      </c>
      <c r="FH24" s="169">
        <v>109</v>
      </c>
      <c r="FI24" s="169">
        <v>91</v>
      </c>
      <c r="FJ24" s="170">
        <v>816</v>
      </c>
      <c r="FK24" s="171">
        <v>1162</v>
      </c>
      <c r="FL24" s="168">
        <v>95</v>
      </c>
      <c r="FM24" s="169">
        <v>84</v>
      </c>
      <c r="FN24" s="170">
        <v>179</v>
      </c>
      <c r="FO24" s="439">
        <v>0</v>
      </c>
      <c r="FP24" s="169">
        <v>192</v>
      </c>
      <c r="FQ24" s="169">
        <v>206</v>
      </c>
      <c r="FR24" s="169">
        <v>194</v>
      </c>
      <c r="FS24" s="169">
        <v>180</v>
      </c>
      <c r="FT24" s="169">
        <v>92</v>
      </c>
      <c r="FU24" s="170">
        <v>864</v>
      </c>
      <c r="FV24" s="171">
        <v>1043</v>
      </c>
      <c r="FW24" s="168">
        <v>5</v>
      </c>
      <c r="FX24" s="169">
        <v>12</v>
      </c>
      <c r="FY24" s="170">
        <v>17</v>
      </c>
      <c r="FZ24" s="439">
        <v>0</v>
      </c>
      <c r="GA24" s="169">
        <v>4</v>
      </c>
      <c r="GB24" s="169">
        <v>19</v>
      </c>
      <c r="GC24" s="169">
        <v>16</v>
      </c>
      <c r="GD24" s="169">
        <v>8</v>
      </c>
      <c r="GE24" s="169">
        <v>10</v>
      </c>
      <c r="GF24" s="170">
        <v>57</v>
      </c>
      <c r="GG24" s="171">
        <v>74</v>
      </c>
      <c r="GH24" s="168">
        <v>608</v>
      </c>
      <c r="GI24" s="169">
        <v>615</v>
      </c>
      <c r="GJ24" s="170">
        <v>1223</v>
      </c>
      <c r="GK24" s="439">
        <v>0</v>
      </c>
      <c r="GL24" s="169">
        <v>804</v>
      </c>
      <c r="GM24" s="169">
        <v>741</v>
      </c>
      <c r="GN24" s="169">
        <v>604</v>
      </c>
      <c r="GO24" s="169">
        <v>472</v>
      </c>
      <c r="GP24" s="169">
        <v>340</v>
      </c>
      <c r="GQ24" s="170">
        <v>2961</v>
      </c>
      <c r="GR24" s="171">
        <v>4184</v>
      </c>
      <c r="GS24" s="172">
        <v>917</v>
      </c>
      <c r="GT24" s="164">
        <v>854</v>
      </c>
      <c r="GU24" s="165">
        <v>1771</v>
      </c>
      <c r="GV24" s="439">
        <v>0</v>
      </c>
      <c r="GW24" s="164">
        <v>1265</v>
      </c>
      <c r="GX24" s="164">
        <v>1147</v>
      </c>
      <c r="GY24" s="164">
        <v>871</v>
      </c>
      <c r="GZ24" s="164">
        <v>691</v>
      </c>
      <c r="HA24" s="164">
        <v>470</v>
      </c>
      <c r="HB24" s="166">
        <v>4444</v>
      </c>
      <c r="HC24" s="167">
        <v>6215</v>
      </c>
      <c r="HD24" s="168">
        <v>28</v>
      </c>
      <c r="HE24" s="169">
        <v>33</v>
      </c>
      <c r="HF24" s="170">
        <v>61</v>
      </c>
      <c r="HG24" s="439">
        <v>0</v>
      </c>
      <c r="HH24" s="169">
        <v>39</v>
      </c>
      <c r="HI24" s="169">
        <v>38</v>
      </c>
      <c r="HJ24" s="169">
        <v>28</v>
      </c>
      <c r="HK24" s="169">
        <v>17</v>
      </c>
      <c r="HL24" s="169">
        <v>31</v>
      </c>
      <c r="HM24" s="170">
        <v>153</v>
      </c>
      <c r="HN24" s="171">
        <v>214</v>
      </c>
      <c r="HO24" s="168">
        <v>66</v>
      </c>
      <c r="HP24" s="169">
        <v>59</v>
      </c>
      <c r="HQ24" s="170">
        <v>125</v>
      </c>
      <c r="HR24" s="439">
        <v>0</v>
      </c>
      <c r="HS24" s="169">
        <v>81</v>
      </c>
      <c r="HT24" s="169">
        <v>88</v>
      </c>
      <c r="HU24" s="169">
        <v>54</v>
      </c>
      <c r="HV24" s="169">
        <v>48</v>
      </c>
      <c r="HW24" s="169">
        <v>50</v>
      </c>
      <c r="HX24" s="170">
        <v>321</v>
      </c>
      <c r="HY24" s="171">
        <v>446</v>
      </c>
      <c r="HZ24" s="168">
        <v>150</v>
      </c>
      <c r="IA24" s="169">
        <v>146</v>
      </c>
      <c r="IB24" s="170">
        <v>296</v>
      </c>
      <c r="IC24" s="439">
        <v>0</v>
      </c>
      <c r="ID24" s="169">
        <v>178</v>
      </c>
      <c r="IE24" s="169">
        <v>141</v>
      </c>
      <c r="IF24" s="169">
        <v>116</v>
      </c>
      <c r="IG24" s="169">
        <v>93</v>
      </c>
      <c r="IH24" s="169">
        <v>53</v>
      </c>
      <c r="II24" s="170">
        <v>581</v>
      </c>
      <c r="IJ24" s="171">
        <v>877</v>
      </c>
      <c r="IK24" s="168">
        <v>289</v>
      </c>
      <c r="IL24" s="169">
        <v>247</v>
      </c>
      <c r="IM24" s="170">
        <v>536</v>
      </c>
      <c r="IN24" s="439">
        <v>0</v>
      </c>
      <c r="IO24" s="169">
        <v>360</v>
      </c>
      <c r="IP24" s="169">
        <v>285</v>
      </c>
      <c r="IQ24" s="169">
        <v>198</v>
      </c>
      <c r="IR24" s="169">
        <v>168</v>
      </c>
      <c r="IS24" s="169">
        <v>101</v>
      </c>
      <c r="IT24" s="170">
        <v>1112</v>
      </c>
      <c r="IU24" s="171">
        <v>1648</v>
      </c>
      <c r="IV24" s="168">
        <v>255</v>
      </c>
      <c r="IW24" s="169">
        <v>248</v>
      </c>
      <c r="IX24" s="170">
        <v>503</v>
      </c>
      <c r="IY24" s="439">
        <v>0</v>
      </c>
      <c r="IZ24" s="169">
        <v>359</v>
      </c>
      <c r="JA24" s="169">
        <v>323</v>
      </c>
      <c r="JB24" s="169">
        <v>224</v>
      </c>
      <c r="JC24" s="169">
        <v>153</v>
      </c>
      <c r="JD24" s="169">
        <v>121</v>
      </c>
      <c r="JE24" s="170">
        <v>1180</v>
      </c>
      <c r="JF24" s="171">
        <v>1683</v>
      </c>
      <c r="JG24" s="168">
        <v>129</v>
      </c>
      <c r="JH24" s="169">
        <v>121</v>
      </c>
      <c r="JI24" s="170">
        <v>250</v>
      </c>
      <c r="JJ24" s="439">
        <v>0</v>
      </c>
      <c r="JK24" s="169">
        <v>248</v>
      </c>
      <c r="JL24" s="169">
        <v>272</v>
      </c>
      <c r="JM24" s="169">
        <v>251</v>
      </c>
      <c r="JN24" s="169">
        <v>212</v>
      </c>
      <c r="JO24" s="169">
        <v>114</v>
      </c>
      <c r="JP24" s="170">
        <v>1097</v>
      </c>
      <c r="JQ24" s="171">
        <v>1347</v>
      </c>
      <c r="JR24" s="168">
        <v>20</v>
      </c>
      <c r="JS24" s="169">
        <v>24</v>
      </c>
      <c r="JT24" s="170">
        <v>44</v>
      </c>
      <c r="JU24" s="439">
        <v>0</v>
      </c>
      <c r="JV24" s="169">
        <v>14</v>
      </c>
      <c r="JW24" s="169">
        <v>40</v>
      </c>
      <c r="JX24" s="169">
        <v>27</v>
      </c>
      <c r="JY24" s="169">
        <v>19</v>
      </c>
      <c r="JZ24" s="169">
        <v>21</v>
      </c>
      <c r="KA24" s="170">
        <v>121</v>
      </c>
      <c r="KB24" s="171">
        <v>165</v>
      </c>
      <c r="KC24" s="168">
        <v>937</v>
      </c>
      <c r="KD24" s="169">
        <v>878</v>
      </c>
      <c r="KE24" s="170">
        <v>1815</v>
      </c>
      <c r="KF24" s="439">
        <v>0</v>
      </c>
      <c r="KG24" s="169">
        <v>1279</v>
      </c>
      <c r="KH24" s="169">
        <v>1187</v>
      </c>
      <c r="KI24" s="169">
        <v>898</v>
      </c>
      <c r="KJ24" s="169">
        <v>710</v>
      </c>
      <c r="KK24" s="169">
        <v>491</v>
      </c>
      <c r="KL24" s="170">
        <v>4565</v>
      </c>
      <c r="KM24" s="171">
        <v>6380</v>
      </c>
    </row>
    <row r="25" spans="2:299" s="137" customFormat="1" ht="21" customHeight="1" x14ac:dyDescent="0.2">
      <c r="B25" s="173" t="s">
        <v>22</v>
      </c>
      <c r="C25" s="163">
        <v>83</v>
      </c>
      <c r="D25" s="164">
        <v>83</v>
      </c>
      <c r="E25" s="165">
        <v>166</v>
      </c>
      <c r="F25" s="439">
        <v>0</v>
      </c>
      <c r="G25" s="164">
        <v>194</v>
      </c>
      <c r="H25" s="164">
        <v>168</v>
      </c>
      <c r="I25" s="164">
        <v>104</v>
      </c>
      <c r="J25" s="164">
        <v>90</v>
      </c>
      <c r="K25" s="164">
        <v>49</v>
      </c>
      <c r="L25" s="166">
        <v>605</v>
      </c>
      <c r="M25" s="167">
        <v>771</v>
      </c>
      <c r="N25" s="168">
        <v>4</v>
      </c>
      <c r="O25" s="169">
        <v>5</v>
      </c>
      <c r="P25" s="170">
        <v>9</v>
      </c>
      <c r="Q25" s="439">
        <v>0</v>
      </c>
      <c r="R25" s="169">
        <v>5</v>
      </c>
      <c r="S25" s="169">
        <v>5</v>
      </c>
      <c r="T25" s="169">
        <v>4</v>
      </c>
      <c r="U25" s="169">
        <v>1</v>
      </c>
      <c r="V25" s="169">
        <v>4</v>
      </c>
      <c r="W25" s="170">
        <v>19</v>
      </c>
      <c r="X25" s="171">
        <v>28</v>
      </c>
      <c r="Y25" s="168">
        <v>3</v>
      </c>
      <c r="Z25" s="169">
        <v>5</v>
      </c>
      <c r="AA25" s="170">
        <v>8</v>
      </c>
      <c r="AB25" s="439">
        <v>0</v>
      </c>
      <c r="AC25" s="169">
        <v>8</v>
      </c>
      <c r="AD25" s="169">
        <v>12</v>
      </c>
      <c r="AE25" s="169">
        <v>7</v>
      </c>
      <c r="AF25" s="169">
        <v>7</v>
      </c>
      <c r="AG25" s="169">
        <v>8</v>
      </c>
      <c r="AH25" s="170">
        <v>42</v>
      </c>
      <c r="AI25" s="171">
        <v>50</v>
      </c>
      <c r="AJ25" s="168">
        <v>10</v>
      </c>
      <c r="AK25" s="169">
        <v>15</v>
      </c>
      <c r="AL25" s="170">
        <v>25</v>
      </c>
      <c r="AM25" s="439">
        <v>0</v>
      </c>
      <c r="AN25" s="169">
        <v>37</v>
      </c>
      <c r="AO25" s="169">
        <v>21</v>
      </c>
      <c r="AP25" s="169">
        <v>18</v>
      </c>
      <c r="AQ25" s="169">
        <v>18</v>
      </c>
      <c r="AR25" s="169">
        <v>7</v>
      </c>
      <c r="AS25" s="170">
        <v>101</v>
      </c>
      <c r="AT25" s="171">
        <v>126</v>
      </c>
      <c r="AU25" s="168">
        <v>25</v>
      </c>
      <c r="AV25" s="169">
        <v>25</v>
      </c>
      <c r="AW25" s="170">
        <v>50</v>
      </c>
      <c r="AX25" s="439">
        <v>0</v>
      </c>
      <c r="AY25" s="169">
        <v>45</v>
      </c>
      <c r="AZ25" s="169">
        <v>47</v>
      </c>
      <c r="BA25" s="169">
        <v>27</v>
      </c>
      <c r="BB25" s="169">
        <v>22</v>
      </c>
      <c r="BC25" s="169">
        <v>11</v>
      </c>
      <c r="BD25" s="170">
        <v>152</v>
      </c>
      <c r="BE25" s="171">
        <v>202</v>
      </c>
      <c r="BF25" s="168">
        <v>27</v>
      </c>
      <c r="BG25" s="169">
        <v>20</v>
      </c>
      <c r="BH25" s="170">
        <v>47</v>
      </c>
      <c r="BI25" s="439">
        <v>0</v>
      </c>
      <c r="BJ25" s="169">
        <v>49</v>
      </c>
      <c r="BK25" s="169">
        <v>43</v>
      </c>
      <c r="BL25" s="169">
        <v>24</v>
      </c>
      <c r="BM25" s="169">
        <v>23</v>
      </c>
      <c r="BN25" s="169">
        <v>11</v>
      </c>
      <c r="BO25" s="170">
        <v>150</v>
      </c>
      <c r="BP25" s="171">
        <v>197</v>
      </c>
      <c r="BQ25" s="168">
        <v>14</v>
      </c>
      <c r="BR25" s="169">
        <v>13</v>
      </c>
      <c r="BS25" s="170">
        <v>27</v>
      </c>
      <c r="BT25" s="439">
        <v>0</v>
      </c>
      <c r="BU25" s="169">
        <v>50</v>
      </c>
      <c r="BV25" s="169">
        <v>40</v>
      </c>
      <c r="BW25" s="169">
        <v>24</v>
      </c>
      <c r="BX25" s="169">
        <v>19</v>
      </c>
      <c r="BY25" s="169">
        <v>8</v>
      </c>
      <c r="BZ25" s="170">
        <v>141</v>
      </c>
      <c r="CA25" s="171">
        <v>168</v>
      </c>
      <c r="CB25" s="168">
        <v>3</v>
      </c>
      <c r="CC25" s="169">
        <v>4</v>
      </c>
      <c r="CD25" s="170">
        <v>7</v>
      </c>
      <c r="CE25" s="439">
        <v>0</v>
      </c>
      <c r="CF25" s="169">
        <v>11</v>
      </c>
      <c r="CG25" s="169">
        <v>4</v>
      </c>
      <c r="CH25" s="169">
        <v>2</v>
      </c>
      <c r="CI25" s="169">
        <v>1</v>
      </c>
      <c r="CJ25" s="169">
        <v>5</v>
      </c>
      <c r="CK25" s="170">
        <v>23</v>
      </c>
      <c r="CL25" s="171">
        <v>30</v>
      </c>
      <c r="CM25" s="168">
        <v>86</v>
      </c>
      <c r="CN25" s="169">
        <v>87</v>
      </c>
      <c r="CO25" s="170">
        <v>173</v>
      </c>
      <c r="CP25" s="439">
        <v>0</v>
      </c>
      <c r="CQ25" s="169">
        <v>205</v>
      </c>
      <c r="CR25" s="169">
        <v>172</v>
      </c>
      <c r="CS25" s="169">
        <v>106</v>
      </c>
      <c r="CT25" s="169">
        <v>91</v>
      </c>
      <c r="CU25" s="169">
        <v>54</v>
      </c>
      <c r="CV25" s="170">
        <v>628</v>
      </c>
      <c r="CW25" s="171">
        <v>801</v>
      </c>
      <c r="CX25" s="172">
        <v>141</v>
      </c>
      <c r="CY25" s="164">
        <v>260</v>
      </c>
      <c r="CZ25" s="165">
        <v>401</v>
      </c>
      <c r="DA25" s="439">
        <v>0</v>
      </c>
      <c r="DB25" s="164">
        <v>333</v>
      </c>
      <c r="DC25" s="164">
        <v>317</v>
      </c>
      <c r="DD25" s="164">
        <v>209</v>
      </c>
      <c r="DE25" s="164">
        <v>218</v>
      </c>
      <c r="DF25" s="164">
        <v>112</v>
      </c>
      <c r="DG25" s="166">
        <v>1189</v>
      </c>
      <c r="DH25" s="167">
        <v>1590</v>
      </c>
      <c r="DI25" s="168">
        <v>4</v>
      </c>
      <c r="DJ25" s="169">
        <v>6</v>
      </c>
      <c r="DK25" s="170">
        <v>10</v>
      </c>
      <c r="DL25" s="439">
        <v>0</v>
      </c>
      <c r="DM25" s="169">
        <v>6</v>
      </c>
      <c r="DN25" s="169">
        <v>6</v>
      </c>
      <c r="DO25" s="169">
        <v>6</v>
      </c>
      <c r="DP25" s="169">
        <v>2</v>
      </c>
      <c r="DQ25" s="169">
        <v>4</v>
      </c>
      <c r="DR25" s="170">
        <v>24</v>
      </c>
      <c r="DS25" s="171">
        <v>34</v>
      </c>
      <c r="DT25" s="168">
        <v>10</v>
      </c>
      <c r="DU25" s="169">
        <v>13</v>
      </c>
      <c r="DV25" s="170">
        <v>23</v>
      </c>
      <c r="DW25" s="439">
        <v>0</v>
      </c>
      <c r="DX25" s="169">
        <v>12</v>
      </c>
      <c r="DY25" s="169">
        <v>14</v>
      </c>
      <c r="DZ25" s="169">
        <v>5</v>
      </c>
      <c r="EA25" s="169">
        <v>5</v>
      </c>
      <c r="EB25" s="169">
        <v>2</v>
      </c>
      <c r="EC25" s="170">
        <v>38</v>
      </c>
      <c r="ED25" s="171">
        <v>61</v>
      </c>
      <c r="EE25" s="168">
        <v>26</v>
      </c>
      <c r="EF25" s="169">
        <v>42</v>
      </c>
      <c r="EG25" s="170">
        <v>68</v>
      </c>
      <c r="EH25" s="439">
        <v>0</v>
      </c>
      <c r="EI25" s="169">
        <v>35</v>
      </c>
      <c r="EJ25" s="169">
        <v>38</v>
      </c>
      <c r="EK25" s="169">
        <v>19</v>
      </c>
      <c r="EL25" s="169">
        <v>14</v>
      </c>
      <c r="EM25" s="169">
        <v>17</v>
      </c>
      <c r="EN25" s="170">
        <v>123</v>
      </c>
      <c r="EO25" s="171">
        <v>191</v>
      </c>
      <c r="EP25" s="168">
        <v>43</v>
      </c>
      <c r="EQ25" s="169">
        <v>75</v>
      </c>
      <c r="ER25" s="170">
        <v>118</v>
      </c>
      <c r="ES25" s="439">
        <v>0</v>
      </c>
      <c r="ET25" s="169">
        <v>72</v>
      </c>
      <c r="EU25" s="169">
        <v>59</v>
      </c>
      <c r="EV25" s="169">
        <v>41</v>
      </c>
      <c r="EW25" s="169">
        <v>41</v>
      </c>
      <c r="EX25" s="169">
        <v>18</v>
      </c>
      <c r="EY25" s="170">
        <v>231</v>
      </c>
      <c r="EZ25" s="171">
        <v>349</v>
      </c>
      <c r="FA25" s="168">
        <v>40</v>
      </c>
      <c r="FB25" s="169">
        <v>74</v>
      </c>
      <c r="FC25" s="170">
        <v>114</v>
      </c>
      <c r="FD25" s="439">
        <v>0</v>
      </c>
      <c r="FE25" s="169">
        <v>111</v>
      </c>
      <c r="FF25" s="169">
        <v>95</v>
      </c>
      <c r="FG25" s="169">
        <v>56</v>
      </c>
      <c r="FH25" s="169">
        <v>56</v>
      </c>
      <c r="FI25" s="169">
        <v>30</v>
      </c>
      <c r="FJ25" s="170">
        <v>348</v>
      </c>
      <c r="FK25" s="171">
        <v>462</v>
      </c>
      <c r="FL25" s="168">
        <v>18</v>
      </c>
      <c r="FM25" s="169">
        <v>50</v>
      </c>
      <c r="FN25" s="170">
        <v>68</v>
      </c>
      <c r="FO25" s="439">
        <v>0</v>
      </c>
      <c r="FP25" s="169">
        <v>97</v>
      </c>
      <c r="FQ25" s="169">
        <v>105</v>
      </c>
      <c r="FR25" s="169">
        <v>82</v>
      </c>
      <c r="FS25" s="169">
        <v>100</v>
      </c>
      <c r="FT25" s="169">
        <v>41</v>
      </c>
      <c r="FU25" s="170">
        <v>425</v>
      </c>
      <c r="FV25" s="171">
        <v>493</v>
      </c>
      <c r="FW25" s="168">
        <v>1</v>
      </c>
      <c r="FX25" s="169">
        <v>3</v>
      </c>
      <c r="FY25" s="170">
        <v>4</v>
      </c>
      <c r="FZ25" s="439">
        <v>0</v>
      </c>
      <c r="GA25" s="169">
        <v>3</v>
      </c>
      <c r="GB25" s="169">
        <v>7</v>
      </c>
      <c r="GC25" s="169">
        <v>2</v>
      </c>
      <c r="GD25" s="169">
        <v>1</v>
      </c>
      <c r="GE25" s="169">
        <v>2</v>
      </c>
      <c r="GF25" s="170">
        <v>15</v>
      </c>
      <c r="GG25" s="171">
        <v>19</v>
      </c>
      <c r="GH25" s="168">
        <v>142</v>
      </c>
      <c r="GI25" s="169">
        <v>263</v>
      </c>
      <c r="GJ25" s="170">
        <v>405</v>
      </c>
      <c r="GK25" s="439">
        <v>0</v>
      </c>
      <c r="GL25" s="169">
        <v>336</v>
      </c>
      <c r="GM25" s="169">
        <v>324</v>
      </c>
      <c r="GN25" s="169">
        <v>211</v>
      </c>
      <c r="GO25" s="169">
        <v>219</v>
      </c>
      <c r="GP25" s="169">
        <v>114</v>
      </c>
      <c r="GQ25" s="170">
        <v>1204</v>
      </c>
      <c r="GR25" s="171">
        <v>1609</v>
      </c>
      <c r="GS25" s="172">
        <v>224</v>
      </c>
      <c r="GT25" s="164">
        <v>343</v>
      </c>
      <c r="GU25" s="165">
        <v>567</v>
      </c>
      <c r="GV25" s="439">
        <v>0</v>
      </c>
      <c r="GW25" s="164">
        <v>527</v>
      </c>
      <c r="GX25" s="164">
        <v>485</v>
      </c>
      <c r="GY25" s="164">
        <v>313</v>
      </c>
      <c r="GZ25" s="164">
        <v>308</v>
      </c>
      <c r="HA25" s="164">
        <v>161</v>
      </c>
      <c r="HB25" s="166">
        <v>1794</v>
      </c>
      <c r="HC25" s="167">
        <v>2361</v>
      </c>
      <c r="HD25" s="168">
        <v>8</v>
      </c>
      <c r="HE25" s="169">
        <v>11</v>
      </c>
      <c r="HF25" s="170">
        <v>19</v>
      </c>
      <c r="HG25" s="439">
        <v>0</v>
      </c>
      <c r="HH25" s="169">
        <v>11</v>
      </c>
      <c r="HI25" s="169">
        <v>11</v>
      </c>
      <c r="HJ25" s="169">
        <v>10</v>
      </c>
      <c r="HK25" s="169">
        <v>3</v>
      </c>
      <c r="HL25" s="169">
        <v>8</v>
      </c>
      <c r="HM25" s="170">
        <v>43</v>
      </c>
      <c r="HN25" s="171">
        <v>62</v>
      </c>
      <c r="HO25" s="168">
        <v>13</v>
      </c>
      <c r="HP25" s="169">
        <v>18</v>
      </c>
      <c r="HQ25" s="170">
        <v>31</v>
      </c>
      <c r="HR25" s="439">
        <v>0</v>
      </c>
      <c r="HS25" s="169">
        <v>20</v>
      </c>
      <c r="HT25" s="169">
        <v>26</v>
      </c>
      <c r="HU25" s="169">
        <v>12</v>
      </c>
      <c r="HV25" s="169">
        <v>12</v>
      </c>
      <c r="HW25" s="169">
        <v>10</v>
      </c>
      <c r="HX25" s="170">
        <v>80</v>
      </c>
      <c r="HY25" s="171">
        <v>111</v>
      </c>
      <c r="HZ25" s="168">
        <v>36</v>
      </c>
      <c r="IA25" s="169">
        <v>57</v>
      </c>
      <c r="IB25" s="170">
        <v>93</v>
      </c>
      <c r="IC25" s="439">
        <v>0</v>
      </c>
      <c r="ID25" s="169">
        <v>72</v>
      </c>
      <c r="IE25" s="169">
        <v>59</v>
      </c>
      <c r="IF25" s="169">
        <v>37</v>
      </c>
      <c r="IG25" s="169">
        <v>32</v>
      </c>
      <c r="IH25" s="169">
        <v>24</v>
      </c>
      <c r="II25" s="170">
        <v>224</v>
      </c>
      <c r="IJ25" s="171">
        <v>317</v>
      </c>
      <c r="IK25" s="168">
        <v>68</v>
      </c>
      <c r="IL25" s="169">
        <v>100</v>
      </c>
      <c r="IM25" s="170">
        <v>168</v>
      </c>
      <c r="IN25" s="439">
        <v>0</v>
      </c>
      <c r="IO25" s="169">
        <v>117</v>
      </c>
      <c r="IP25" s="169">
        <v>106</v>
      </c>
      <c r="IQ25" s="169">
        <v>68</v>
      </c>
      <c r="IR25" s="169">
        <v>63</v>
      </c>
      <c r="IS25" s="169">
        <v>29</v>
      </c>
      <c r="IT25" s="170">
        <v>383</v>
      </c>
      <c r="IU25" s="171">
        <v>551</v>
      </c>
      <c r="IV25" s="168">
        <v>67</v>
      </c>
      <c r="IW25" s="169">
        <v>94</v>
      </c>
      <c r="IX25" s="170">
        <v>161</v>
      </c>
      <c r="IY25" s="439">
        <v>0</v>
      </c>
      <c r="IZ25" s="169">
        <v>160</v>
      </c>
      <c r="JA25" s="169">
        <v>138</v>
      </c>
      <c r="JB25" s="169">
        <v>80</v>
      </c>
      <c r="JC25" s="169">
        <v>79</v>
      </c>
      <c r="JD25" s="169">
        <v>41</v>
      </c>
      <c r="JE25" s="170">
        <v>498</v>
      </c>
      <c r="JF25" s="171">
        <v>659</v>
      </c>
      <c r="JG25" s="168">
        <v>32</v>
      </c>
      <c r="JH25" s="169">
        <v>63</v>
      </c>
      <c r="JI25" s="170">
        <v>95</v>
      </c>
      <c r="JJ25" s="439">
        <v>0</v>
      </c>
      <c r="JK25" s="169">
        <v>147</v>
      </c>
      <c r="JL25" s="169">
        <v>145</v>
      </c>
      <c r="JM25" s="169">
        <v>106</v>
      </c>
      <c r="JN25" s="169">
        <v>119</v>
      </c>
      <c r="JO25" s="169">
        <v>49</v>
      </c>
      <c r="JP25" s="170">
        <v>566</v>
      </c>
      <c r="JQ25" s="171">
        <v>661</v>
      </c>
      <c r="JR25" s="168">
        <v>4</v>
      </c>
      <c r="JS25" s="169">
        <v>7</v>
      </c>
      <c r="JT25" s="170">
        <v>11</v>
      </c>
      <c r="JU25" s="439">
        <v>0</v>
      </c>
      <c r="JV25" s="169">
        <v>14</v>
      </c>
      <c r="JW25" s="169">
        <v>11</v>
      </c>
      <c r="JX25" s="169">
        <v>4</v>
      </c>
      <c r="JY25" s="169">
        <v>2</v>
      </c>
      <c r="JZ25" s="169">
        <v>7</v>
      </c>
      <c r="KA25" s="170">
        <v>38</v>
      </c>
      <c r="KB25" s="171">
        <v>49</v>
      </c>
      <c r="KC25" s="168">
        <v>228</v>
      </c>
      <c r="KD25" s="169">
        <v>350</v>
      </c>
      <c r="KE25" s="170">
        <v>578</v>
      </c>
      <c r="KF25" s="439">
        <v>0</v>
      </c>
      <c r="KG25" s="169">
        <v>541</v>
      </c>
      <c r="KH25" s="169">
        <v>496</v>
      </c>
      <c r="KI25" s="169">
        <v>317</v>
      </c>
      <c r="KJ25" s="169">
        <v>310</v>
      </c>
      <c r="KK25" s="169">
        <v>168</v>
      </c>
      <c r="KL25" s="170">
        <v>1832</v>
      </c>
      <c r="KM25" s="171">
        <v>2410</v>
      </c>
    </row>
    <row r="26" spans="2:299" s="137" customFormat="1" ht="21" customHeight="1" x14ac:dyDescent="0.2">
      <c r="B26" s="173" t="s">
        <v>23</v>
      </c>
      <c r="C26" s="163">
        <v>212</v>
      </c>
      <c r="D26" s="164">
        <v>205</v>
      </c>
      <c r="E26" s="165">
        <v>417</v>
      </c>
      <c r="F26" s="439">
        <v>0</v>
      </c>
      <c r="G26" s="164">
        <v>318</v>
      </c>
      <c r="H26" s="164">
        <v>265</v>
      </c>
      <c r="I26" s="164">
        <v>194</v>
      </c>
      <c r="J26" s="164">
        <v>138</v>
      </c>
      <c r="K26" s="164">
        <v>91</v>
      </c>
      <c r="L26" s="166">
        <v>1006</v>
      </c>
      <c r="M26" s="167">
        <v>1423</v>
      </c>
      <c r="N26" s="168">
        <v>4</v>
      </c>
      <c r="O26" s="169">
        <v>10</v>
      </c>
      <c r="P26" s="170">
        <v>14</v>
      </c>
      <c r="Q26" s="439">
        <v>0</v>
      </c>
      <c r="R26" s="169">
        <v>8</v>
      </c>
      <c r="S26" s="169">
        <v>13</v>
      </c>
      <c r="T26" s="169">
        <v>2</v>
      </c>
      <c r="U26" s="169">
        <v>6</v>
      </c>
      <c r="V26" s="169">
        <v>4</v>
      </c>
      <c r="W26" s="170">
        <v>33</v>
      </c>
      <c r="X26" s="171">
        <v>47</v>
      </c>
      <c r="Y26" s="168">
        <v>17</v>
      </c>
      <c r="Z26" s="169">
        <v>25</v>
      </c>
      <c r="AA26" s="170">
        <v>42</v>
      </c>
      <c r="AB26" s="439">
        <v>0</v>
      </c>
      <c r="AC26" s="169">
        <v>20</v>
      </c>
      <c r="AD26" s="169">
        <v>32</v>
      </c>
      <c r="AE26" s="169">
        <v>21</v>
      </c>
      <c r="AF26" s="169">
        <v>18</v>
      </c>
      <c r="AG26" s="169">
        <v>11</v>
      </c>
      <c r="AH26" s="170">
        <v>102</v>
      </c>
      <c r="AI26" s="171">
        <v>144</v>
      </c>
      <c r="AJ26" s="168">
        <v>42</v>
      </c>
      <c r="AK26" s="169">
        <v>31</v>
      </c>
      <c r="AL26" s="170">
        <v>73</v>
      </c>
      <c r="AM26" s="439">
        <v>0</v>
      </c>
      <c r="AN26" s="169">
        <v>56</v>
      </c>
      <c r="AO26" s="169">
        <v>33</v>
      </c>
      <c r="AP26" s="169">
        <v>27</v>
      </c>
      <c r="AQ26" s="169">
        <v>18</v>
      </c>
      <c r="AR26" s="169">
        <v>19</v>
      </c>
      <c r="AS26" s="170">
        <v>153</v>
      </c>
      <c r="AT26" s="171">
        <v>226</v>
      </c>
      <c r="AU26" s="168">
        <v>58</v>
      </c>
      <c r="AV26" s="169">
        <v>61</v>
      </c>
      <c r="AW26" s="170">
        <v>119</v>
      </c>
      <c r="AX26" s="439">
        <v>0</v>
      </c>
      <c r="AY26" s="169">
        <v>98</v>
      </c>
      <c r="AZ26" s="169">
        <v>73</v>
      </c>
      <c r="BA26" s="169">
        <v>56</v>
      </c>
      <c r="BB26" s="169">
        <v>41</v>
      </c>
      <c r="BC26" s="169">
        <v>22</v>
      </c>
      <c r="BD26" s="170">
        <v>290</v>
      </c>
      <c r="BE26" s="171">
        <v>409</v>
      </c>
      <c r="BF26" s="168">
        <v>69</v>
      </c>
      <c r="BG26" s="169">
        <v>58</v>
      </c>
      <c r="BH26" s="170">
        <v>127</v>
      </c>
      <c r="BI26" s="439">
        <v>0</v>
      </c>
      <c r="BJ26" s="169">
        <v>103</v>
      </c>
      <c r="BK26" s="169">
        <v>69</v>
      </c>
      <c r="BL26" s="169">
        <v>59</v>
      </c>
      <c r="BM26" s="169">
        <v>30</v>
      </c>
      <c r="BN26" s="169">
        <v>25</v>
      </c>
      <c r="BO26" s="170">
        <v>286</v>
      </c>
      <c r="BP26" s="171">
        <v>413</v>
      </c>
      <c r="BQ26" s="168">
        <v>22</v>
      </c>
      <c r="BR26" s="169">
        <v>20</v>
      </c>
      <c r="BS26" s="170">
        <v>42</v>
      </c>
      <c r="BT26" s="439">
        <v>0</v>
      </c>
      <c r="BU26" s="169">
        <v>33</v>
      </c>
      <c r="BV26" s="169">
        <v>45</v>
      </c>
      <c r="BW26" s="169">
        <v>29</v>
      </c>
      <c r="BX26" s="169">
        <v>25</v>
      </c>
      <c r="BY26" s="169">
        <v>10</v>
      </c>
      <c r="BZ26" s="170">
        <v>142</v>
      </c>
      <c r="CA26" s="171">
        <v>184</v>
      </c>
      <c r="CB26" s="168">
        <v>7</v>
      </c>
      <c r="CC26" s="169">
        <v>9</v>
      </c>
      <c r="CD26" s="170">
        <v>16</v>
      </c>
      <c r="CE26" s="439">
        <v>0</v>
      </c>
      <c r="CF26" s="169">
        <v>5</v>
      </c>
      <c r="CG26" s="169">
        <v>13</v>
      </c>
      <c r="CH26" s="169">
        <v>9</v>
      </c>
      <c r="CI26" s="169">
        <v>10</v>
      </c>
      <c r="CJ26" s="169">
        <v>2</v>
      </c>
      <c r="CK26" s="170">
        <v>39</v>
      </c>
      <c r="CL26" s="171">
        <v>55</v>
      </c>
      <c r="CM26" s="168">
        <v>219</v>
      </c>
      <c r="CN26" s="169">
        <v>214</v>
      </c>
      <c r="CO26" s="170">
        <v>433</v>
      </c>
      <c r="CP26" s="439">
        <v>0</v>
      </c>
      <c r="CQ26" s="169">
        <v>323</v>
      </c>
      <c r="CR26" s="169">
        <v>278</v>
      </c>
      <c r="CS26" s="169">
        <v>203</v>
      </c>
      <c r="CT26" s="169">
        <v>148</v>
      </c>
      <c r="CU26" s="169">
        <v>93</v>
      </c>
      <c r="CV26" s="170">
        <v>1045</v>
      </c>
      <c r="CW26" s="171">
        <v>1478</v>
      </c>
      <c r="CX26" s="172">
        <v>340</v>
      </c>
      <c r="CY26" s="164">
        <v>455</v>
      </c>
      <c r="CZ26" s="165">
        <v>795</v>
      </c>
      <c r="DA26" s="439">
        <v>0</v>
      </c>
      <c r="DB26" s="164">
        <v>550</v>
      </c>
      <c r="DC26" s="164">
        <v>447</v>
      </c>
      <c r="DD26" s="164">
        <v>316</v>
      </c>
      <c r="DE26" s="164">
        <v>368</v>
      </c>
      <c r="DF26" s="164">
        <v>217</v>
      </c>
      <c r="DG26" s="166">
        <v>1898</v>
      </c>
      <c r="DH26" s="167">
        <v>2693</v>
      </c>
      <c r="DI26" s="168">
        <v>11</v>
      </c>
      <c r="DJ26" s="169">
        <v>16</v>
      </c>
      <c r="DK26" s="170">
        <v>27</v>
      </c>
      <c r="DL26" s="439">
        <v>0</v>
      </c>
      <c r="DM26" s="169">
        <v>11</v>
      </c>
      <c r="DN26" s="169">
        <v>8</v>
      </c>
      <c r="DO26" s="169">
        <v>6</v>
      </c>
      <c r="DP26" s="169">
        <v>5</v>
      </c>
      <c r="DQ26" s="169">
        <v>5</v>
      </c>
      <c r="DR26" s="170">
        <v>35</v>
      </c>
      <c r="DS26" s="171">
        <v>62</v>
      </c>
      <c r="DT26" s="168">
        <v>26</v>
      </c>
      <c r="DU26" s="169">
        <v>35</v>
      </c>
      <c r="DV26" s="170">
        <v>61</v>
      </c>
      <c r="DW26" s="439">
        <v>0</v>
      </c>
      <c r="DX26" s="169">
        <v>24</v>
      </c>
      <c r="DY26" s="169">
        <v>25</v>
      </c>
      <c r="DZ26" s="169">
        <v>19</v>
      </c>
      <c r="EA26" s="169">
        <v>22</v>
      </c>
      <c r="EB26" s="169">
        <v>9</v>
      </c>
      <c r="EC26" s="170">
        <v>99</v>
      </c>
      <c r="ED26" s="171">
        <v>160</v>
      </c>
      <c r="EE26" s="168">
        <v>68</v>
      </c>
      <c r="EF26" s="169">
        <v>79</v>
      </c>
      <c r="EG26" s="170">
        <v>147</v>
      </c>
      <c r="EH26" s="439">
        <v>0</v>
      </c>
      <c r="EI26" s="169">
        <v>81</v>
      </c>
      <c r="EJ26" s="169">
        <v>54</v>
      </c>
      <c r="EK26" s="169">
        <v>37</v>
      </c>
      <c r="EL26" s="169">
        <v>50</v>
      </c>
      <c r="EM26" s="169">
        <v>25</v>
      </c>
      <c r="EN26" s="170">
        <v>247</v>
      </c>
      <c r="EO26" s="171">
        <v>394</v>
      </c>
      <c r="EP26" s="168">
        <v>137</v>
      </c>
      <c r="EQ26" s="169">
        <v>145</v>
      </c>
      <c r="ER26" s="170">
        <v>282</v>
      </c>
      <c r="ES26" s="439">
        <v>0</v>
      </c>
      <c r="ET26" s="169">
        <v>145</v>
      </c>
      <c r="EU26" s="169">
        <v>115</v>
      </c>
      <c r="EV26" s="169">
        <v>72</v>
      </c>
      <c r="EW26" s="169">
        <v>70</v>
      </c>
      <c r="EX26" s="169">
        <v>55</v>
      </c>
      <c r="EY26" s="170">
        <v>457</v>
      </c>
      <c r="EZ26" s="171">
        <v>739</v>
      </c>
      <c r="FA26" s="168">
        <v>66</v>
      </c>
      <c r="FB26" s="169">
        <v>121</v>
      </c>
      <c r="FC26" s="170">
        <v>187</v>
      </c>
      <c r="FD26" s="439">
        <v>0</v>
      </c>
      <c r="FE26" s="169">
        <v>174</v>
      </c>
      <c r="FF26" s="169">
        <v>117</v>
      </c>
      <c r="FG26" s="169">
        <v>102</v>
      </c>
      <c r="FH26" s="169">
        <v>98</v>
      </c>
      <c r="FI26" s="169">
        <v>56</v>
      </c>
      <c r="FJ26" s="170">
        <v>547</v>
      </c>
      <c r="FK26" s="171">
        <v>734</v>
      </c>
      <c r="FL26" s="168">
        <v>32</v>
      </c>
      <c r="FM26" s="169">
        <v>59</v>
      </c>
      <c r="FN26" s="170">
        <v>91</v>
      </c>
      <c r="FO26" s="439">
        <v>0</v>
      </c>
      <c r="FP26" s="169">
        <v>115</v>
      </c>
      <c r="FQ26" s="169">
        <v>128</v>
      </c>
      <c r="FR26" s="169">
        <v>80</v>
      </c>
      <c r="FS26" s="169">
        <v>123</v>
      </c>
      <c r="FT26" s="169">
        <v>67</v>
      </c>
      <c r="FU26" s="170">
        <v>513</v>
      </c>
      <c r="FV26" s="171">
        <v>604</v>
      </c>
      <c r="FW26" s="168">
        <v>6</v>
      </c>
      <c r="FX26" s="169">
        <v>7</v>
      </c>
      <c r="FY26" s="170">
        <v>13</v>
      </c>
      <c r="FZ26" s="439">
        <v>0</v>
      </c>
      <c r="GA26" s="169">
        <v>7</v>
      </c>
      <c r="GB26" s="169">
        <v>8</v>
      </c>
      <c r="GC26" s="169">
        <v>5</v>
      </c>
      <c r="GD26" s="169">
        <v>2</v>
      </c>
      <c r="GE26" s="169">
        <v>4</v>
      </c>
      <c r="GF26" s="170">
        <v>26</v>
      </c>
      <c r="GG26" s="171">
        <v>39</v>
      </c>
      <c r="GH26" s="168">
        <v>346</v>
      </c>
      <c r="GI26" s="169">
        <v>462</v>
      </c>
      <c r="GJ26" s="170">
        <v>808</v>
      </c>
      <c r="GK26" s="439">
        <v>0</v>
      </c>
      <c r="GL26" s="169">
        <v>557</v>
      </c>
      <c r="GM26" s="169">
        <v>455</v>
      </c>
      <c r="GN26" s="169">
        <v>321</v>
      </c>
      <c r="GO26" s="169">
        <v>370</v>
      </c>
      <c r="GP26" s="169">
        <v>221</v>
      </c>
      <c r="GQ26" s="170">
        <v>1924</v>
      </c>
      <c r="GR26" s="171">
        <v>2732</v>
      </c>
      <c r="GS26" s="172">
        <v>552</v>
      </c>
      <c r="GT26" s="164">
        <v>660</v>
      </c>
      <c r="GU26" s="165">
        <v>1212</v>
      </c>
      <c r="GV26" s="439">
        <v>0</v>
      </c>
      <c r="GW26" s="164">
        <v>868</v>
      </c>
      <c r="GX26" s="164">
        <v>712</v>
      </c>
      <c r="GY26" s="164">
        <v>510</v>
      </c>
      <c r="GZ26" s="164">
        <v>506</v>
      </c>
      <c r="HA26" s="164">
        <v>308</v>
      </c>
      <c r="HB26" s="166">
        <v>2904</v>
      </c>
      <c r="HC26" s="167">
        <v>4116</v>
      </c>
      <c r="HD26" s="168">
        <v>15</v>
      </c>
      <c r="HE26" s="169">
        <v>26</v>
      </c>
      <c r="HF26" s="170">
        <v>41</v>
      </c>
      <c r="HG26" s="439">
        <v>0</v>
      </c>
      <c r="HH26" s="169">
        <v>19</v>
      </c>
      <c r="HI26" s="169">
        <v>21</v>
      </c>
      <c r="HJ26" s="169">
        <v>8</v>
      </c>
      <c r="HK26" s="169">
        <v>11</v>
      </c>
      <c r="HL26" s="169">
        <v>9</v>
      </c>
      <c r="HM26" s="170">
        <v>68</v>
      </c>
      <c r="HN26" s="171">
        <v>109</v>
      </c>
      <c r="HO26" s="168">
        <v>43</v>
      </c>
      <c r="HP26" s="169">
        <v>60</v>
      </c>
      <c r="HQ26" s="170">
        <v>103</v>
      </c>
      <c r="HR26" s="439">
        <v>0</v>
      </c>
      <c r="HS26" s="169">
        <v>44</v>
      </c>
      <c r="HT26" s="169">
        <v>57</v>
      </c>
      <c r="HU26" s="169">
        <v>40</v>
      </c>
      <c r="HV26" s="169">
        <v>40</v>
      </c>
      <c r="HW26" s="169">
        <v>20</v>
      </c>
      <c r="HX26" s="170">
        <v>201</v>
      </c>
      <c r="HY26" s="171">
        <v>304</v>
      </c>
      <c r="HZ26" s="168">
        <v>110</v>
      </c>
      <c r="IA26" s="169">
        <v>110</v>
      </c>
      <c r="IB26" s="170">
        <v>220</v>
      </c>
      <c r="IC26" s="439">
        <v>0</v>
      </c>
      <c r="ID26" s="169">
        <v>137</v>
      </c>
      <c r="IE26" s="169">
        <v>87</v>
      </c>
      <c r="IF26" s="169">
        <v>64</v>
      </c>
      <c r="IG26" s="169">
        <v>68</v>
      </c>
      <c r="IH26" s="169">
        <v>44</v>
      </c>
      <c r="II26" s="170">
        <v>400</v>
      </c>
      <c r="IJ26" s="171">
        <v>620</v>
      </c>
      <c r="IK26" s="168">
        <v>195</v>
      </c>
      <c r="IL26" s="169">
        <v>206</v>
      </c>
      <c r="IM26" s="170">
        <v>401</v>
      </c>
      <c r="IN26" s="439">
        <v>0</v>
      </c>
      <c r="IO26" s="169">
        <v>243</v>
      </c>
      <c r="IP26" s="169">
        <v>188</v>
      </c>
      <c r="IQ26" s="169">
        <v>128</v>
      </c>
      <c r="IR26" s="169">
        <v>111</v>
      </c>
      <c r="IS26" s="169">
        <v>77</v>
      </c>
      <c r="IT26" s="170">
        <v>747</v>
      </c>
      <c r="IU26" s="171">
        <v>1148</v>
      </c>
      <c r="IV26" s="168">
        <v>135</v>
      </c>
      <c r="IW26" s="169">
        <v>179</v>
      </c>
      <c r="IX26" s="170">
        <v>314</v>
      </c>
      <c r="IY26" s="439">
        <v>0</v>
      </c>
      <c r="IZ26" s="169">
        <v>277</v>
      </c>
      <c r="JA26" s="169">
        <v>186</v>
      </c>
      <c r="JB26" s="169">
        <v>161</v>
      </c>
      <c r="JC26" s="169">
        <v>128</v>
      </c>
      <c r="JD26" s="169">
        <v>81</v>
      </c>
      <c r="JE26" s="170">
        <v>833</v>
      </c>
      <c r="JF26" s="171">
        <v>1147</v>
      </c>
      <c r="JG26" s="168">
        <v>54</v>
      </c>
      <c r="JH26" s="169">
        <v>79</v>
      </c>
      <c r="JI26" s="170">
        <v>133</v>
      </c>
      <c r="JJ26" s="439">
        <v>0</v>
      </c>
      <c r="JK26" s="169">
        <v>148</v>
      </c>
      <c r="JL26" s="169">
        <v>173</v>
      </c>
      <c r="JM26" s="169">
        <v>109</v>
      </c>
      <c r="JN26" s="169">
        <v>148</v>
      </c>
      <c r="JO26" s="169">
        <v>77</v>
      </c>
      <c r="JP26" s="170">
        <v>655</v>
      </c>
      <c r="JQ26" s="171">
        <v>788</v>
      </c>
      <c r="JR26" s="168">
        <v>13</v>
      </c>
      <c r="JS26" s="169">
        <v>16</v>
      </c>
      <c r="JT26" s="170">
        <v>29</v>
      </c>
      <c r="JU26" s="439">
        <v>0</v>
      </c>
      <c r="JV26" s="169">
        <v>12</v>
      </c>
      <c r="JW26" s="169">
        <v>21</v>
      </c>
      <c r="JX26" s="169">
        <v>14</v>
      </c>
      <c r="JY26" s="169">
        <v>12</v>
      </c>
      <c r="JZ26" s="169">
        <v>6</v>
      </c>
      <c r="KA26" s="170">
        <v>65</v>
      </c>
      <c r="KB26" s="171">
        <v>94</v>
      </c>
      <c r="KC26" s="168">
        <v>565</v>
      </c>
      <c r="KD26" s="169">
        <v>676</v>
      </c>
      <c r="KE26" s="170">
        <v>1241</v>
      </c>
      <c r="KF26" s="439">
        <v>0</v>
      </c>
      <c r="KG26" s="169">
        <v>880</v>
      </c>
      <c r="KH26" s="169">
        <v>733</v>
      </c>
      <c r="KI26" s="169">
        <v>524</v>
      </c>
      <c r="KJ26" s="169">
        <v>518</v>
      </c>
      <c r="KK26" s="169">
        <v>314</v>
      </c>
      <c r="KL26" s="170">
        <v>2969</v>
      </c>
      <c r="KM26" s="171">
        <v>4210</v>
      </c>
    </row>
    <row r="27" spans="2:299" s="137" customFormat="1" ht="21" customHeight="1" x14ac:dyDescent="0.2">
      <c r="B27" s="173" t="s">
        <v>24</v>
      </c>
      <c r="C27" s="163">
        <v>108</v>
      </c>
      <c r="D27" s="164">
        <v>90</v>
      </c>
      <c r="E27" s="165">
        <v>198</v>
      </c>
      <c r="F27" s="439">
        <v>0</v>
      </c>
      <c r="G27" s="164">
        <v>156</v>
      </c>
      <c r="H27" s="164">
        <v>105</v>
      </c>
      <c r="I27" s="164">
        <v>79</v>
      </c>
      <c r="J27" s="164">
        <v>60</v>
      </c>
      <c r="K27" s="164">
        <v>45</v>
      </c>
      <c r="L27" s="166">
        <v>445</v>
      </c>
      <c r="M27" s="167">
        <v>643</v>
      </c>
      <c r="N27" s="168">
        <v>3</v>
      </c>
      <c r="O27" s="169">
        <v>2</v>
      </c>
      <c r="P27" s="170">
        <v>5</v>
      </c>
      <c r="Q27" s="439">
        <v>0</v>
      </c>
      <c r="R27" s="169">
        <v>4</v>
      </c>
      <c r="S27" s="169">
        <v>2</v>
      </c>
      <c r="T27" s="169">
        <v>2</v>
      </c>
      <c r="U27" s="169">
        <v>0</v>
      </c>
      <c r="V27" s="169">
        <v>4</v>
      </c>
      <c r="W27" s="170">
        <v>12</v>
      </c>
      <c r="X27" s="171">
        <v>17</v>
      </c>
      <c r="Y27" s="168">
        <v>9</v>
      </c>
      <c r="Z27" s="169">
        <v>8</v>
      </c>
      <c r="AA27" s="170">
        <v>17</v>
      </c>
      <c r="AB27" s="439">
        <v>0</v>
      </c>
      <c r="AC27" s="169">
        <v>13</v>
      </c>
      <c r="AD27" s="169">
        <v>8</v>
      </c>
      <c r="AE27" s="169">
        <v>6</v>
      </c>
      <c r="AF27" s="169">
        <v>3</v>
      </c>
      <c r="AG27" s="169">
        <v>10</v>
      </c>
      <c r="AH27" s="170">
        <v>40</v>
      </c>
      <c r="AI27" s="171">
        <v>57</v>
      </c>
      <c r="AJ27" s="168">
        <v>13</v>
      </c>
      <c r="AK27" s="169">
        <v>10</v>
      </c>
      <c r="AL27" s="170">
        <v>23</v>
      </c>
      <c r="AM27" s="439">
        <v>0</v>
      </c>
      <c r="AN27" s="169">
        <v>25</v>
      </c>
      <c r="AO27" s="169">
        <v>17</v>
      </c>
      <c r="AP27" s="169">
        <v>10</v>
      </c>
      <c r="AQ27" s="169">
        <v>13</v>
      </c>
      <c r="AR27" s="169">
        <v>1</v>
      </c>
      <c r="AS27" s="170">
        <v>66</v>
      </c>
      <c r="AT27" s="171">
        <v>89</v>
      </c>
      <c r="AU27" s="168">
        <v>20</v>
      </c>
      <c r="AV27" s="169">
        <v>20</v>
      </c>
      <c r="AW27" s="170">
        <v>40</v>
      </c>
      <c r="AX27" s="439">
        <v>0</v>
      </c>
      <c r="AY27" s="169">
        <v>41</v>
      </c>
      <c r="AZ27" s="169">
        <v>18</v>
      </c>
      <c r="BA27" s="169">
        <v>20</v>
      </c>
      <c r="BB27" s="169">
        <v>15</v>
      </c>
      <c r="BC27" s="169">
        <v>11</v>
      </c>
      <c r="BD27" s="170">
        <v>105</v>
      </c>
      <c r="BE27" s="171">
        <v>145</v>
      </c>
      <c r="BF27" s="168">
        <v>34</v>
      </c>
      <c r="BG27" s="169">
        <v>28</v>
      </c>
      <c r="BH27" s="170">
        <v>62</v>
      </c>
      <c r="BI27" s="439">
        <v>0</v>
      </c>
      <c r="BJ27" s="169">
        <v>41</v>
      </c>
      <c r="BK27" s="169">
        <v>31</v>
      </c>
      <c r="BL27" s="169">
        <v>22</v>
      </c>
      <c r="BM27" s="169">
        <v>16</v>
      </c>
      <c r="BN27" s="169">
        <v>7</v>
      </c>
      <c r="BO27" s="170">
        <v>117</v>
      </c>
      <c r="BP27" s="171">
        <v>179</v>
      </c>
      <c r="BQ27" s="168">
        <v>29</v>
      </c>
      <c r="BR27" s="169">
        <v>22</v>
      </c>
      <c r="BS27" s="170">
        <v>51</v>
      </c>
      <c r="BT27" s="439">
        <v>0</v>
      </c>
      <c r="BU27" s="169">
        <v>32</v>
      </c>
      <c r="BV27" s="169">
        <v>29</v>
      </c>
      <c r="BW27" s="169">
        <v>19</v>
      </c>
      <c r="BX27" s="169">
        <v>13</v>
      </c>
      <c r="BY27" s="169">
        <v>12</v>
      </c>
      <c r="BZ27" s="170">
        <v>105</v>
      </c>
      <c r="CA27" s="171">
        <v>156</v>
      </c>
      <c r="CB27" s="168">
        <v>3</v>
      </c>
      <c r="CC27" s="169">
        <v>2</v>
      </c>
      <c r="CD27" s="170">
        <v>5</v>
      </c>
      <c r="CE27" s="439">
        <v>0</v>
      </c>
      <c r="CF27" s="169">
        <v>3</v>
      </c>
      <c r="CG27" s="169">
        <v>5</v>
      </c>
      <c r="CH27" s="169">
        <v>3</v>
      </c>
      <c r="CI27" s="169">
        <v>4</v>
      </c>
      <c r="CJ27" s="169">
        <v>1</v>
      </c>
      <c r="CK27" s="170">
        <v>16</v>
      </c>
      <c r="CL27" s="171">
        <v>21</v>
      </c>
      <c r="CM27" s="168">
        <v>111</v>
      </c>
      <c r="CN27" s="169">
        <v>92</v>
      </c>
      <c r="CO27" s="170">
        <v>203</v>
      </c>
      <c r="CP27" s="439">
        <v>0</v>
      </c>
      <c r="CQ27" s="169">
        <v>159</v>
      </c>
      <c r="CR27" s="169">
        <v>110</v>
      </c>
      <c r="CS27" s="169">
        <v>82</v>
      </c>
      <c r="CT27" s="169">
        <v>64</v>
      </c>
      <c r="CU27" s="169">
        <v>46</v>
      </c>
      <c r="CV27" s="170">
        <v>461</v>
      </c>
      <c r="CW27" s="171">
        <v>664</v>
      </c>
      <c r="CX27" s="172">
        <v>235</v>
      </c>
      <c r="CY27" s="164">
        <v>167</v>
      </c>
      <c r="CZ27" s="165">
        <v>402</v>
      </c>
      <c r="DA27" s="439">
        <v>0</v>
      </c>
      <c r="DB27" s="164">
        <v>271</v>
      </c>
      <c r="DC27" s="164">
        <v>185</v>
      </c>
      <c r="DD27" s="164">
        <v>139</v>
      </c>
      <c r="DE27" s="164">
        <v>204</v>
      </c>
      <c r="DF27" s="164">
        <v>106</v>
      </c>
      <c r="DG27" s="166">
        <v>905</v>
      </c>
      <c r="DH27" s="167">
        <v>1307</v>
      </c>
      <c r="DI27" s="168">
        <v>1</v>
      </c>
      <c r="DJ27" s="169">
        <v>5</v>
      </c>
      <c r="DK27" s="170">
        <v>6</v>
      </c>
      <c r="DL27" s="439">
        <v>0</v>
      </c>
      <c r="DM27" s="169">
        <v>3</v>
      </c>
      <c r="DN27" s="169">
        <v>2</v>
      </c>
      <c r="DO27" s="169">
        <v>2</v>
      </c>
      <c r="DP27" s="169">
        <v>3</v>
      </c>
      <c r="DQ27" s="169">
        <v>2</v>
      </c>
      <c r="DR27" s="170">
        <v>12</v>
      </c>
      <c r="DS27" s="171">
        <v>18</v>
      </c>
      <c r="DT27" s="168">
        <v>10</v>
      </c>
      <c r="DU27" s="169">
        <v>6</v>
      </c>
      <c r="DV27" s="170">
        <v>16</v>
      </c>
      <c r="DW27" s="439">
        <v>0</v>
      </c>
      <c r="DX27" s="169">
        <v>6</v>
      </c>
      <c r="DY27" s="169">
        <v>6</v>
      </c>
      <c r="DZ27" s="169">
        <v>4</v>
      </c>
      <c r="EA27" s="169">
        <v>7</v>
      </c>
      <c r="EB27" s="169">
        <v>3</v>
      </c>
      <c r="EC27" s="170">
        <v>26</v>
      </c>
      <c r="ED27" s="171">
        <v>42</v>
      </c>
      <c r="EE27" s="168">
        <v>32</v>
      </c>
      <c r="EF27" s="169">
        <v>18</v>
      </c>
      <c r="EG27" s="170">
        <v>50</v>
      </c>
      <c r="EH27" s="439">
        <v>0</v>
      </c>
      <c r="EI27" s="169">
        <v>22</v>
      </c>
      <c r="EJ27" s="169">
        <v>18</v>
      </c>
      <c r="EK27" s="169">
        <v>9</v>
      </c>
      <c r="EL27" s="169">
        <v>14</v>
      </c>
      <c r="EM27" s="169">
        <v>6</v>
      </c>
      <c r="EN27" s="170">
        <v>69</v>
      </c>
      <c r="EO27" s="171">
        <v>119</v>
      </c>
      <c r="EP27" s="168">
        <v>62</v>
      </c>
      <c r="EQ27" s="169">
        <v>37</v>
      </c>
      <c r="ER27" s="170">
        <v>99</v>
      </c>
      <c r="ES27" s="439">
        <v>0</v>
      </c>
      <c r="ET27" s="169">
        <v>69</v>
      </c>
      <c r="EU27" s="169">
        <v>26</v>
      </c>
      <c r="EV27" s="169">
        <v>24</v>
      </c>
      <c r="EW27" s="169">
        <v>32</v>
      </c>
      <c r="EX27" s="169">
        <v>19</v>
      </c>
      <c r="EY27" s="170">
        <v>170</v>
      </c>
      <c r="EZ27" s="171">
        <v>269</v>
      </c>
      <c r="FA27" s="168">
        <v>82</v>
      </c>
      <c r="FB27" s="169">
        <v>56</v>
      </c>
      <c r="FC27" s="170">
        <v>138</v>
      </c>
      <c r="FD27" s="439">
        <v>0</v>
      </c>
      <c r="FE27" s="169">
        <v>96</v>
      </c>
      <c r="FF27" s="169">
        <v>59</v>
      </c>
      <c r="FG27" s="169">
        <v>31</v>
      </c>
      <c r="FH27" s="169">
        <v>40</v>
      </c>
      <c r="FI27" s="169">
        <v>26</v>
      </c>
      <c r="FJ27" s="170">
        <v>252</v>
      </c>
      <c r="FK27" s="171">
        <v>390</v>
      </c>
      <c r="FL27" s="168">
        <v>48</v>
      </c>
      <c r="FM27" s="169">
        <v>45</v>
      </c>
      <c r="FN27" s="170">
        <v>93</v>
      </c>
      <c r="FO27" s="439">
        <v>0</v>
      </c>
      <c r="FP27" s="169">
        <v>75</v>
      </c>
      <c r="FQ27" s="169">
        <v>74</v>
      </c>
      <c r="FR27" s="169">
        <v>69</v>
      </c>
      <c r="FS27" s="169">
        <v>108</v>
      </c>
      <c r="FT27" s="169">
        <v>50</v>
      </c>
      <c r="FU27" s="170">
        <v>376</v>
      </c>
      <c r="FV27" s="171">
        <v>469</v>
      </c>
      <c r="FW27" s="168">
        <v>3</v>
      </c>
      <c r="FX27" s="169">
        <v>2</v>
      </c>
      <c r="FY27" s="170">
        <v>5</v>
      </c>
      <c r="FZ27" s="439">
        <v>0</v>
      </c>
      <c r="GA27" s="169">
        <v>2</v>
      </c>
      <c r="GB27" s="169">
        <v>3</v>
      </c>
      <c r="GC27" s="169">
        <v>2</v>
      </c>
      <c r="GD27" s="169">
        <v>2</v>
      </c>
      <c r="GE27" s="169">
        <v>3</v>
      </c>
      <c r="GF27" s="170">
        <v>12</v>
      </c>
      <c r="GG27" s="171">
        <v>17</v>
      </c>
      <c r="GH27" s="168">
        <v>238</v>
      </c>
      <c r="GI27" s="169">
        <v>169</v>
      </c>
      <c r="GJ27" s="170">
        <v>407</v>
      </c>
      <c r="GK27" s="439">
        <v>0</v>
      </c>
      <c r="GL27" s="169">
        <v>273</v>
      </c>
      <c r="GM27" s="169">
        <v>188</v>
      </c>
      <c r="GN27" s="169">
        <v>141</v>
      </c>
      <c r="GO27" s="169">
        <v>206</v>
      </c>
      <c r="GP27" s="169">
        <v>109</v>
      </c>
      <c r="GQ27" s="170">
        <v>917</v>
      </c>
      <c r="GR27" s="171">
        <v>1324</v>
      </c>
      <c r="GS27" s="172">
        <v>343</v>
      </c>
      <c r="GT27" s="164">
        <v>257</v>
      </c>
      <c r="GU27" s="165">
        <v>600</v>
      </c>
      <c r="GV27" s="439">
        <v>0</v>
      </c>
      <c r="GW27" s="164">
        <v>427</v>
      </c>
      <c r="GX27" s="164">
        <v>290</v>
      </c>
      <c r="GY27" s="164">
        <v>218</v>
      </c>
      <c r="GZ27" s="164">
        <v>264</v>
      </c>
      <c r="HA27" s="164">
        <v>151</v>
      </c>
      <c r="HB27" s="166">
        <v>1350</v>
      </c>
      <c r="HC27" s="167">
        <v>1950</v>
      </c>
      <c r="HD27" s="168">
        <v>4</v>
      </c>
      <c r="HE27" s="169">
        <v>7</v>
      </c>
      <c r="HF27" s="170">
        <v>11</v>
      </c>
      <c r="HG27" s="439">
        <v>0</v>
      </c>
      <c r="HH27" s="169">
        <v>7</v>
      </c>
      <c r="HI27" s="169">
        <v>4</v>
      </c>
      <c r="HJ27" s="169">
        <v>4</v>
      </c>
      <c r="HK27" s="169">
        <v>3</v>
      </c>
      <c r="HL27" s="169">
        <v>6</v>
      </c>
      <c r="HM27" s="170">
        <v>24</v>
      </c>
      <c r="HN27" s="171">
        <v>35</v>
      </c>
      <c r="HO27" s="168">
        <v>19</v>
      </c>
      <c r="HP27" s="169">
        <v>14</v>
      </c>
      <c r="HQ27" s="170">
        <v>33</v>
      </c>
      <c r="HR27" s="439">
        <v>0</v>
      </c>
      <c r="HS27" s="169">
        <v>19</v>
      </c>
      <c r="HT27" s="169">
        <v>14</v>
      </c>
      <c r="HU27" s="169">
        <v>10</v>
      </c>
      <c r="HV27" s="169">
        <v>10</v>
      </c>
      <c r="HW27" s="169">
        <v>13</v>
      </c>
      <c r="HX27" s="170">
        <v>66</v>
      </c>
      <c r="HY27" s="171">
        <v>99</v>
      </c>
      <c r="HZ27" s="168">
        <v>45</v>
      </c>
      <c r="IA27" s="169">
        <v>28</v>
      </c>
      <c r="IB27" s="170">
        <v>73</v>
      </c>
      <c r="IC27" s="439">
        <v>0</v>
      </c>
      <c r="ID27" s="169">
        <v>47</v>
      </c>
      <c r="IE27" s="169">
        <v>35</v>
      </c>
      <c r="IF27" s="169">
        <v>19</v>
      </c>
      <c r="IG27" s="169">
        <v>27</v>
      </c>
      <c r="IH27" s="169">
        <v>7</v>
      </c>
      <c r="II27" s="170">
        <v>135</v>
      </c>
      <c r="IJ27" s="171">
        <v>208</v>
      </c>
      <c r="IK27" s="168">
        <v>82</v>
      </c>
      <c r="IL27" s="169">
        <v>57</v>
      </c>
      <c r="IM27" s="170">
        <v>139</v>
      </c>
      <c r="IN27" s="439">
        <v>0</v>
      </c>
      <c r="IO27" s="169">
        <v>110</v>
      </c>
      <c r="IP27" s="169">
        <v>44</v>
      </c>
      <c r="IQ27" s="169">
        <v>44</v>
      </c>
      <c r="IR27" s="169">
        <v>47</v>
      </c>
      <c r="IS27" s="169">
        <v>30</v>
      </c>
      <c r="IT27" s="170">
        <v>275</v>
      </c>
      <c r="IU27" s="171">
        <v>414</v>
      </c>
      <c r="IV27" s="168">
        <v>116</v>
      </c>
      <c r="IW27" s="169">
        <v>84</v>
      </c>
      <c r="IX27" s="170">
        <v>200</v>
      </c>
      <c r="IY27" s="439">
        <v>0</v>
      </c>
      <c r="IZ27" s="169">
        <v>137</v>
      </c>
      <c r="JA27" s="169">
        <v>90</v>
      </c>
      <c r="JB27" s="169">
        <v>53</v>
      </c>
      <c r="JC27" s="169">
        <v>56</v>
      </c>
      <c r="JD27" s="169">
        <v>33</v>
      </c>
      <c r="JE27" s="170">
        <v>369</v>
      </c>
      <c r="JF27" s="171">
        <v>569</v>
      </c>
      <c r="JG27" s="168">
        <v>77</v>
      </c>
      <c r="JH27" s="169">
        <v>67</v>
      </c>
      <c r="JI27" s="170">
        <v>144</v>
      </c>
      <c r="JJ27" s="439">
        <v>0</v>
      </c>
      <c r="JK27" s="169">
        <v>107</v>
      </c>
      <c r="JL27" s="169">
        <v>103</v>
      </c>
      <c r="JM27" s="169">
        <v>88</v>
      </c>
      <c r="JN27" s="169">
        <v>121</v>
      </c>
      <c r="JO27" s="169">
        <v>62</v>
      </c>
      <c r="JP27" s="170">
        <v>481</v>
      </c>
      <c r="JQ27" s="171">
        <v>625</v>
      </c>
      <c r="JR27" s="168">
        <v>6</v>
      </c>
      <c r="JS27" s="169">
        <v>4</v>
      </c>
      <c r="JT27" s="170">
        <v>10</v>
      </c>
      <c r="JU27" s="439">
        <v>0</v>
      </c>
      <c r="JV27" s="169">
        <v>5</v>
      </c>
      <c r="JW27" s="169">
        <v>8</v>
      </c>
      <c r="JX27" s="169">
        <v>5</v>
      </c>
      <c r="JY27" s="169">
        <v>6</v>
      </c>
      <c r="JZ27" s="169">
        <v>4</v>
      </c>
      <c r="KA27" s="170">
        <v>28</v>
      </c>
      <c r="KB27" s="171">
        <v>38</v>
      </c>
      <c r="KC27" s="168">
        <v>349</v>
      </c>
      <c r="KD27" s="169">
        <v>261</v>
      </c>
      <c r="KE27" s="170">
        <v>610</v>
      </c>
      <c r="KF27" s="439">
        <v>0</v>
      </c>
      <c r="KG27" s="169">
        <v>432</v>
      </c>
      <c r="KH27" s="169">
        <v>298</v>
      </c>
      <c r="KI27" s="169">
        <v>223</v>
      </c>
      <c r="KJ27" s="169">
        <v>270</v>
      </c>
      <c r="KK27" s="169">
        <v>155</v>
      </c>
      <c r="KL27" s="170">
        <v>1378</v>
      </c>
      <c r="KM27" s="171">
        <v>1988</v>
      </c>
    </row>
    <row r="28" spans="2:299" s="137" customFormat="1" ht="21" customHeight="1" x14ac:dyDescent="0.2">
      <c r="B28" s="173" t="s">
        <v>25</v>
      </c>
      <c r="C28" s="163">
        <v>129</v>
      </c>
      <c r="D28" s="164">
        <v>123</v>
      </c>
      <c r="E28" s="165">
        <v>252</v>
      </c>
      <c r="F28" s="439">
        <v>0</v>
      </c>
      <c r="G28" s="164">
        <v>194</v>
      </c>
      <c r="H28" s="164">
        <v>151</v>
      </c>
      <c r="I28" s="164">
        <v>96</v>
      </c>
      <c r="J28" s="164">
        <v>104</v>
      </c>
      <c r="K28" s="164">
        <v>59</v>
      </c>
      <c r="L28" s="166">
        <v>604</v>
      </c>
      <c r="M28" s="167">
        <v>856</v>
      </c>
      <c r="N28" s="168">
        <v>3</v>
      </c>
      <c r="O28" s="169">
        <v>5</v>
      </c>
      <c r="P28" s="170">
        <v>8</v>
      </c>
      <c r="Q28" s="439">
        <v>0</v>
      </c>
      <c r="R28" s="169">
        <v>8</v>
      </c>
      <c r="S28" s="169">
        <v>8</v>
      </c>
      <c r="T28" s="169">
        <v>2</v>
      </c>
      <c r="U28" s="169">
        <v>4</v>
      </c>
      <c r="V28" s="169">
        <v>1</v>
      </c>
      <c r="W28" s="170">
        <v>23</v>
      </c>
      <c r="X28" s="171">
        <v>31</v>
      </c>
      <c r="Y28" s="168">
        <v>22</v>
      </c>
      <c r="Z28" s="169">
        <v>14</v>
      </c>
      <c r="AA28" s="170">
        <v>36</v>
      </c>
      <c r="AB28" s="439">
        <v>0</v>
      </c>
      <c r="AC28" s="169">
        <v>15</v>
      </c>
      <c r="AD28" s="169">
        <v>20</v>
      </c>
      <c r="AE28" s="169">
        <v>11</v>
      </c>
      <c r="AF28" s="169">
        <v>14</v>
      </c>
      <c r="AG28" s="169">
        <v>8</v>
      </c>
      <c r="AH28" s="170">
        <v>68</v>
      </c>
      <c r="AI28" s="171">
        <v>104</v>
      </c>
      <c r="AJ28" s="168">
        <v>17</v>
      </c>
      <c r="AK28" s="169">
        <v>15</v>
      </c>
      <c r="AL28" s="170">
        <v>32</v>
      </c>
      <c r="AM28" s="439">
        <v>0</v>
      </c>
      <c r="AN28" s="169">
        <v>36</v>
      </c>
      <c r="AO28" s="169">
        <v>25</v>
      </c>
      <c r="AP28" s="169">
        <v>19</v>
      </c>
      <c r="AQ28" s="169">
        <v>28</v>
      </c>
      <c r="AR28" s="169">
        <v>9</v>
      </c>
      <c r="AS28" s="170">
        <v>117</v>
      </c>
      <c r="AT28" s="171">
        <v>149</v>
      </c>
      <c r="AU28" s="168">
        <v>46</v>
      </c>
      <c r="AV28" s="169">
        <v>37</v>
      </c>
      <c r="AW28" s="170">
        <v>83</v>
      </c>
      <c r="AX28" s="439">
        <v>0</v>
      </c>
      <c r="AY28" s="169">
        <v>56</v>
      </c>
      <c r="AZ28" s="169">
        <v>38</v>
      </c>
      <c r="BA28" s="169">
        <v>31</v>
      </c>
      <c r="BB28" s="169">
        <v>21</v>
      </c>
      <c r="BC28" s="169">
        <v>16</v>
      </c>
      <c r="BD28" s="170">
        <v>162</v>
      </c>
      <c r="BE28" s="171">
        <v>245</v>
      </c>
      <c r="BF28" s="168">
        <v>25</v>
      </c>
      <c r="BG28" s="169">
        <v>35</v>
      </c>
      <c r="BH28" s="170">
        <v>60</v>
      </c>
      <c r="BI28" s="439">
        <v>0</v>
      </c>
      <c r="BJ28" s="169">
        <v>58</v>
      </c>
      <c r="BK28" s="169">
        <v>30</v>
      </c>
      <c r="BL28" s="169">
        <v>27</v>
      </c>
      <c r="BM28" s="169">
        <v>21</v>
      </c>
      <c r="BN28" s="169">
        <v>16</v>
      </c>
      <c r="BO28" s="170">
        <v>152</v>
      </c>
      <c r="BP28" s="171">
        <v>212</v>
      </c>
      <c r="BQ28" s="168">
        <v>16</v>
      </c>
      <c r="BR28" s="169">
        <v>17</v>
      </c>
      <c r="BS28" s="170">
        <v>33</v>
      </c>
      <c r="BT28" s="439">
        <v>0</v>
      </c>
      <c r="BU28" s="169">
        <v>21</v>
      </c>
      <c r="BV28" s="169">
        <v>30</v>
      </c>
      <c r="BW28" s="169">
        <v>6</v>
      </c>
      <c r="BX28" s="169">
        <v>16</v>
      </c>
      <c r="BY28" s="169">
        <v>9</v>
      </c>
      <c r="BZ28" s="170">
        <v>82</v>
      </c>
      <c r="CA28" s="171">
        <v>115</v>
      </c>
      <c r="CB28" s="168">
        <v>2</v>
      </c>
      <c r="CC28" s="169">
        <v>2</v>
      </c>
      <c r="CD28" s="170">
        <v>4</v>
      </c>
      <c r="CE28" s="439">
        <v>0</v>
      </c>
      <c r="CF28" s="169">
        <v>2</v>
      </c>
      <c r="CG28" s="169">
        <v>10</v>
      </c>
      <c r="CH28" s="169">
        <v>3</v>
      </c>
      <c r="CI28" s="169">
        <v>4</v>
      </c>
      <c r="CJ28" s="169">
        <v>2</v>
      </c>
      <c r="CK28" s="170">
        <v>21</v>
      </c>
      <c r="CL28" s="171">
        <v>25</v>
      </c>
      <c r="CM28" s="168">
        <v>131</v>
      </c>
      <c r="CN28" s="169">
        <v>125</v>
      </c>
      <c r="CO28" s="170">
        <v>256</v>
      </c>
      <c r="CP28" s="439">
        <v>0</v>
      </c>
      <c r="CQ28" s="169">
        <v>196</v>
      </c>
      <c r="CR28" s="169">
        <v>161</v>
      </c>
      <c r="CS28" s="169">
        <v>99</v>
      </c>
      <c r="CT28" s="169">
        <v>108</v>
      </c>
      <c r="CU28" s="169">
        <v>61</v>
      </c>
      <c r="CV28" s="170">
        <v>625</v>
      </c>
      <c r="CW28" s="171">
        <v>881</v>
      </c>
      <c r="CX28" s="172">
        <v>214</v>
      </c>
      <c r="CY28" s="164">
        <v>245</v>
      </c>
      <c r="CZ28" s="165">
        <v>459</v>
      </c>
      <c r="DA28" s="439">
        <v>0</v>
      </c>
      <c r="DB28" s="164">
        <v>318</v>
      </c>
      <c r="DC28" s="164">
        <v>241</v>
      </c>
      <c r="DD28" s="164">
        <v>182</v>
      </c>
      <c r="DE28" s="164">
        <v>200</v>
      </c>
      <c r="DF28" s="164">
        <v>93</v>
      </c>
      <c r="DG28" s="166">
        <v>1034</v>
      </c>
      <c r="DH28" s="167">
        <v>1493</v>
      </c>
      <c r="DI28" s="168">
        <v>5</v>
      </c>
      <c r="DJ28" s="169">
        <v>4</v>
      </c>
      <c r="DK28" s="170">
        <v>9</v>
      </c>
      <c r="DL28" s="439">
        <v>0</v>
      </c>
      <c r="DM28" s="169">
        <v>10</v>
      </c>
      <c r="DN28" s="169">
        <v>6</v>
      </c>
      <c r="DO28" s="169">
        <v>5</v>
      </c>
      <c r="DP28" s="169">
        <v>2</v>
      </c>
      <c r="DQ28" s="169">
        <v>3</v>
      </c>
      <c r="DR28" s="170">
        <v>26</v>
      </c>
      <c r="DS28" s="171">
        <v>35</v>
      </c>
      <c r="DT28" s="168">
        <v>16</v>
      </c>
      <c r="DU28" s="169">
        <v>24</v>
      </c>
      <c r="DV28" s="170">
        <v>40</v>
      </c>
      <c r="DW28" s="439">
        <v>0</v>
      </c>
      <c r="DX28" s="169">
        <v>20</v>
      </c>
      <c r="DY28" s="169">
        <v>8</v>
      </c>
      <c r="DZ28" s="169">
        <v>11</v>
      </c>
      <c r="EA28" s="169">
        <v>10</v>
      </c>
      <c r="EB28" s="169">
        <v>10</v>
      </c>
      <c r="EC28" s="170">
        <v>59</v>
      </c>
      <c r="ED28" s="171">
        <v>99</v>
      </c>
      <c r="EE28" s="168">
        <v>31</v>
      </c>
      <c r="EF28" s="169">
        <v>28</v>
      </c>
      <c r="EG28" s="170">
        <v>59</v>
      </c>
      <c r="EH28" s="439">
        <v>0</v>
      </c>
      <c r="EI28" s="169">
        <v>50</v>
      </c>
      <c r="EJ28" s="169">
        <v>35</v>
      </c>
      <c r="EK28" s="169">
        <v>18</v>
      </c>
      <c r="EL28" s="169">
        <v>19</v>
      </c>
      <c r="EM28" s="169">
        <v>13</v>
      </c>
      <c r="EN28" s="170">
        <v>135</v>
      </c>
      <c r="EO28" s="171">
        <v>194</v>
      </c>
      <c r="EP28" s="168">
        <v>77</v>
      </c>
      <c r="EQ28" s="169">
        <v>75</v>
      </c>
      <c r="ER28" s="170">
        <v>152</v>
      </c>
      <c r="ES28" s="439">
        <v>0</v>
      </c>
      <c r="ET28" s="169">
        <v>83</v>
      </c>
      <c r="EU28" s="169">
        <v>62</v>
      </c>
      <c r="EV28" s="169">
        <v>42</v>
      </c>
      <c r="EW28" s="169">
        <v>43</v>
      </c>
      <c r="EX28" s="169">
        <v>14</v>
      </c>
      <c r="EY28" s="170">
        <v>244</v>
      </c>
      <c r="EZ28" s="171">
        <v>396</v>
      </c>
      <c r="FA28" s="168">
        <v>57</v>
      </c>
      <c r="FB28" s="169">
        <v>64</v>
      </c>
      <c r="FC28" s="170">
        <v>121</v>
      </c>
      <c r="FD28" s="439">
        <v>0</v>
      </c>
      <c r="FE28" s="169">
        <v>78</v>
      </c>
      <c r="FF28" s="169">
        <v>63</v>
      </c>
      <c r="FG28" s="169">
        <v>49</v>
      </c>
      <c r="FH28" s="169">
        <v>53</v>
      </c>
      <c r="FI28" s="169">
        <v>27</v>
      </c>
      <c r="FJ28" s="170">
        <v>270</v>
      </c>
      <c r="FK28" s="171">
        <v>391</v>
      </c>
      <c r="FL28" s="168">
        <v>28</v>
      </c>
      <c r="FM28" s="169">
        <v>50</v>
      </c>
      <c r="FN28" s="170">
        <v>78</v>
      </c>
      <c r="FO28" s="439">
        <v>0</v>
      </c>
      <c r="FP28" s="169">
        <v>77</v>
      </c>
      <c r="FQ28" s="169">
        <v>67</v>
      </c>
      <c r="FR28" s="169">
        <v>57</v>
      </c>
      <c r="FS28" s="169">
        <v>73</v>
      </c>
      <c r="FT28" s="169">
        <v>26</v>
      </c>
      <c r="FU28" s="170">
        <v>300</v>
      </c>
      <c r="FV28" s="171">
        <v>378</v>
      </c>
      <c r="FW28" s="168">
        <v>3</v>
      </c>
      <c r="FX28" s="169">
        <v>4</v>
      </c>
      <c r="FY28" s="170">
        <v>7</v>
      </c>
      <c r="FZ28" s="439">
        <v>0</v>
      </c>
      <c r="GA28" s="169">
        <v>5</v>
      </c>
      <c r="GB28" s="169">
        <v>5</v>
      </c>
      <c r="GC28" s="169">
        <v>3</v>
      </c>
      <c r="GD28" s="169">
        <v>0</v>
      </c>
      <c r="GE28" s="169">
        <v>6</v>
      </c>
      <c r="GF28" s="170">
        <v>19</v>
      </c>
      <c r="GG28" s="171">
        <v>26</v>
      </c>
      <c r="GH28" s="168">
        <v>217</v>
      </c>
      <c r="GI28" s="169">
        <v>249</v>
      </c>
      <c r="GJ28" s="170">
        <v>466</v>
      </c>
      <c r="GK28" s="439">
        <v>0</v>
      </c>
      <c r="GL28" s="169">
        <v>323</v>
      </c>
      <c r="GM28" s="169">
        <v>246</v>
      </c>
      <c r="GN28" s="169">
        <v>185</v>
      </c>
      <c r="GO28" s="169">
        <v>200</v>
      </c>
      <c r="GP28" s="169">
        <v>99</v>
      </c>
      <c r="GQ28" s="170">
        <v>1053</v>
      </c>
      <c r="GR28" s="171">
        <v>1519</v>
      </c>
      <c r="GS28" s="172">
        <v>343</v>
      </c>
      <c r="GT28" s="164">
        <v>368</v>
      </c>
      <c r="GU28" s="165">
        <v>711</v>
      </c>
      <c r="GV28" s="439">
        <v>0</v>
      </c>
      <c r="GW28" s="164">
        <v>512</v>
      </c>
      <c r="GX28" s="164">
        <v>392</v>
      </c>
      <c r="GY28" s="164">
        <v>278</v>
      </c>
      <c r="GZ28" s="164">
        <v>304</v>
      </c>
      <c r="HA28" s="164">
        <v>152</v>
      </c>
      <c r="HB28" s="166">
        <v>1638</v>
      </c>
      <c r="HC28" s="167">
        <v>2349</v>
      </c>
      <c r="HD28" s="168">
        <v>8</v>
      </c>
      <c r="HE28" s="169">
        <v>9</v>
      </c>
      <c r="HF28" s="170">
        <v>17</v>
      </c>
      <c r="HG28" s="439">
        <v>0</v>
      </c>
      <c r="HH28" s="169">
        <v>18</v>
      </c>
      <c r="HI28" s="169">
        <v>14</v>
      </c>
      <c r="HJ28" s="169">
        <v>7</v>
      </c>
      <c r="HK28" s="169">
        <v>6</v>
      </c>
      <c r="HL28" s="169">
        <v>4</v>
      </c>
      <c r="HM28" s="170">
        <v>49</v>
      </c>
      <c r="HN28" s="171">
        <v>66</v>
      </c>
      <c r="HO28" s="168">
        <v>38</v>
      </c>
      <c r="HP28" s="169">
        <v>38</v>
      </c>
      <c r="HQ28" s="170">
        <v>76</v>
      </c>
      <c r="HR28" s="439">
        <v>0</v>
      </c>
      <c r="HS28" s="169">
        <v>35</v>
      </c>
      <c r="HT28" s="169">
        <v>28</v>
      </c>
      <c r="HU28" s="169">
        <v>22</v>
      </c>
      <c r="HV28" s="169">
        <v>24</v>
      </c>
      <c r="HW28" s="169">
        <v>18</v>
      </c>
      <c r="HX28" s="170">
        <v>127</v>
      </c>
      <c r="HY28" s="171">
        <v>203</v>
      </c>
      <c r="HZ28" s="168">
        <v>48</v>
      </c>
      <c r="IA28" s="169">
        <v>43</v>
      </c>
      <c r="IB28" s="170">
        <v>91</v>
      </c>
      <c r="IC28" s="439">
        <v>0</v>
      </c>
      <c r="ID28" s="169">
        <v>86</v>
      </c>
      <c r="IE28" s="169">
        <v>60</v>
      </c>
      <c r="IF28" s="169">
        <v>37</v>
      </c>
      <c r="IG28" s="169">
        <v>47</v>
      </c>
      <c r="IH28" s="169">
        <v>22</v>
      </c>
      <c r="II28" s="170">
        <v>252</v>
      </c>
      <c r="IJ28" s="171">
        <v>343</v>
      </c>
      <c r="IK28" s="168">
        <v>123</v>
      </c>
      <c r="IL28" s="169">
        <v>112</v>
      </c>
      <c r="IM28" s="170">
        <v>235</v>
      </c>
      <c r="IN28" s="439">
        <v>0</v>
      </c>
      <c r="IO28" s="169">
        <v>139</v>
      </c>
      <c r="IP28" s="169">
        <v>100</v>
      </c>
      <c r="IQ28" s="169">
        <v>73</v>
      </c>
      <c r="IR28" s="169">
        <v>64</v>
      </c>
      <c r="IS28" s="169">
        <v>30</v>
      </c>
      <c r="IT28" s="170">
        <v>406</v>
      </c>
      <c r="IU28" s="171">
        <v>641</v>
      </c>
      <c r="IV28" s="168">
        <v>82</v>
      </c>
      <c r="IW28" s="169">
        <v>99</v>
      </c>
      <c r="IX28" s="170">
        <v>181</v>
      </c>
      <c r="IY28" s="439">
        <v>0</v>
      </c>
      <c r="IZ28" s="169">
        <v>136</v>
      </c>
      <c r="JA28" s="169">
        <v>93</v>
      </c>
      <c r="JB28" s="169">
        <v>76</v>
      </c>
      <c r="JC28" s="169">
        <v>74</v>
      </c>
      <c r="JD28" s="169">
        <v>43</v>
      </c>
      <c r="JE28" s="170">
        <v>422</v>
      </c>
      <c r="JF28" s="171">
        <v>603</v>
      </c>
      <c r="JG28" s="168">
        <v>44</v>
      </c>
      <c r="JH28" s="169">
        <v>67</v>
      </c>
      <c r="JI28" s="170">
        <v>111</v>
      </c>
      <c r="JJ28" s="439">
        <v>0</v>
      </c>
      <c r="JK28" s="169">
        <v>98</v>
      </c>
      <c r="JL28" s="169">
        <v>97</v>
      </c>
      <c r="JM28" s="169">
        <v>63</v>
      </c>
      <c r="JN28" s="169">
        <v>89</v>
      </c>
      <c r="JO28" s="169">
        <v>35</v>
      </c>
      <c r="JP28" s="170">
        <v>382</v>
      </c>
      <c r="JQ28" s="171">
        <v>493</v>
      </c>
      <c r="JR28" s="168">
        <v>5</v>
      </c>
      <c r="JS28" s="169">
        <v>6</v>
      </c>
      <c r="JT28" s="170">
        <v>11</v>
      </c>
      <c r="JU28" s="439">
        <v>0</v>
      </c>
      <c r="JV28" s="169">
        <v>7</v>
      </c>
      <c r="JW28" s="169">
        <v>15</v>
      </c>
      <c r="JX28" s="169">
        <v>6</v>
      </c>
      <c r="JY28" s="169">
        <v>4</v>
      </c>
      <c r="JZ28" s="169">
        <v>8</v>
      </c>
      <c r="KA28" s="170">
        <v>40</v>
      </c>
      <c r="KB28" s="171">
        <v>51</v>
      </c>
      <c r="KC28" s="168">
        <v>348</v>
      </c>
      <c r="KD28" s="169">
        <v>374</v>
      </c>
      <c r="KE28" s="170">
        <v>722</v>
      </c>
      <c r="KF28" s="439">
        <v>0</v>
      </c>
      <c r="KG28" s="169">
        <v>519</v>
      </c>
      <c r="KH28" s="169">
        <v>407</v>
      </c>
      <c r="KI28" s="169">
        <v>284</v>
      </c>
      <c r="KJ28" s="169">
        <v>308</v>
      </c>
      <c r="KK28" s="169">
        <v>160</v>
      </c>
      <c r="KL28" s="170">
        <v>1678</v>
      </c>
      <c r="KM28" s="171">
        <v>2400</v>
      </c>
    </row>
    <row r="29" spans="2:299" s="137" customFormat="1" ht="21" customHeight="1" x14ac:dyDescent="0.2">
      <c r="B29" s="173" t="s">
        <v>26</v>
      </c>
      <c r="C29" s="163">
        <v>88</v>
      </c>
      <c r="D29" s="164">
        <v>71</v>
      </c>
      <c r="E29" s="165">
        <v>159</v>
      </c>
      <c r="F29" s="439">
        <v>0</v>
      </c>
      <c r="G29" s="164">
        <v>149</v>
      </c>
      <c r="H29" s="164">
        <v>118</v>
      </c>
      <c r="I29" s="164">
        <v>100</v>
      </c>
      <c r="J29" s="164">
        <v>68</v>
      </c>
      <c r="K29" s="164">
        <v>55</v>
      </c>
      <c r="L29" s="166">
        <v>490</v>
      </c>
      <c r="M29" s="167">
        <v>649</v>
      </c>
      <c r="N29" s="168">
        <v>4</v>
      </c>
      <c r="O29" s="169">
        <v>2</v>
      </c>
      <c r="P29" s="170">
        <v>6</v>
      </c>
      <c r="Q29" s="439">
        <v>0</v>
      </c>
      <c r="R29" s="169">
        <v>4</v>
      </c>
      <c r="S29" s="169">
        <v>2</v>
      </c>
      <c r="T29" s="169">
        <v>5</v>
      </c>
      <c r="U29" s="169">
        <v>4</v>
      </c>
      <c r="V29" s="169">
        <v>1</v>
      </c>
      <c r="W29" s="170">
        <v>16</v>
      </c>
      <c r="X29" s="171">
        <v>22</v>
      </c>
      <c r="Y29" s="168">
        <v>3</v>
      </c>
      <c r="Z29" s="169">
        <v>10</v>
      </c>
      <c r="AA29" s="170">
        <v>13</v>
      </c>
      <c r="AB29" s="439">
        <v>0</v>
      </c>
      <c r="AC29" s="169">
        <v>16</v>
      </c>
      <c r="AD29" s="169">
        <v>10</v>
      </c>
      <c r="AE29" s="169">
        <v>9</v>
      </c>
      <c r="AF29" s="169">
        <v>8</v>
      </c>
      <c r="AG29" s="169">
        <v>12</v>
      </c>
      <c r="AH29" s="170">
        <v>55</v>
      </c>
      <c r="AI29" s="171">
        <v>68</v>
      </c>
      <c r="AJ29" s="168">
        <v>10</v>
      </c>
      <c r="AK29" s="169">
        <v>10</v>
      </c>
      <c r="AL29" s="170">
        <v>20</v>
      </c>
      <c r="AM29" s="439">
        <v>0</v>
      </c>
      <c r="AN29" s="169">
        <v>21</v>
      </c>
      <c r="AO29" s="169">
        <v>19</v>
      </c>
      <c r="AP29" s="169">
        <v>10</v>
      </c>
      <c r="AQ29" s="169">
        <v>8</v>
      </c>
      <c r="AR29" s="169">
        <v>10</v>
      </c>
      <c r="AS29" s="170">
        <v>68</v>
      </c>
      <c r="AT29" s="171">
        <v>88</v>
      </c>
      <c r="AU29" s="168">
        <v>31</v>
      </c>
      <c r="AV29" s="169">
        <v>16</v>
      </c>
      <c r="AW29" s="170">
        <v>47</v>
      </c>
      <c r="AX29" s="439">
        <v>0</v>
      </c>
      <c r="AY29" s="169">
        <v>40</v>
      </c>
      <c r="AZ29" s="169">
        <v>29</v>
      </c>
      <c r="BA29" s="169">
        <v>26</v>
      </c>
      <c r="BB29" s="169">
        <v>18</v>
      </c>
      <c r="BC29" s="169">
        <v>10</v>
      </c>
      <c r="BD29" s="170">
        <v>123</v>
      </c>
      <c r="BE29" s="171">
        <v>170</v>
      </c>
      <c r="BF29" s="168">
        <v>21</v>
      </c>
      <c r="BG29" s="169">
        <v>20</v>
      </c>
      <c r="BH29" s="170">
        <v>41</v>
      </c>
      <c r="BI29" s="439">
        <v>0</v>
      </c>
      <c r="BJ29" s="169">
        <v>41</v>
      </c>
      <c r="BK29" s="169">
        <v>36</v>
      </c>
      <c r="BL29" s="169">
        <v>34</v>
      </c>
      <c r="BM29" s="169">
        <v>20</v>
      </c>
      <c r="BN29" s="169">
        <v>9</v>
      </c>
      <c r="BO29" s="170">
        <v>140</v>
      </c>
      <c r="BP29" s="171">
        <v>181</v>
      </c>
      <c r="BQ29" s="168">
        <v>19</v>
      </c>
      <c r="BR29" s="169">
        <v>13</v>
      </c>
      <c r="BS29" s="170">
        <v>32</v>
      </c>
      <c r="BT29" s="439">
        <v>0</v>
      </c>
      <c r="BU29" s="169">
        <v>27</v>
      </c>
      <c r="BV29" s="169">
        <v>22</v>
      </c>
      <c r="BW29" s="169">
        <v>16</v>
      </c>
      <c r="BX29" s="169">
        <v>10</v>
      </c>
      <c r="BY29" s="169">
        <v>13</v>
      </c>
      <c r="BZ29" s="170">
        <v>88</v>
      </c>
      <c r="CA29" s="171">
        <v>120</v>
      </c>
      <c r="CB29" s="168">
        <v>4</v>
      </c>
      <c r="CC29" s="169">
        <v>0</v>
      </c>
      <c r="CD29" s="170">
        <v>4</v>
      </c>
      <c r="CE29" s="439">
        <v>0</v>
      </c>
      <c r="CF29" s="169">
        <v>5</v>
      </c>
      <c r="CG29" s="169">
        <v>6</v>
      </c>
      <c r="CH29" s="169">
        <v>1</v>
      </c>
      <c r="CI29" s="169">
        <v>2</v>
      </c>
      <c r="CJ29" s="169">
        <v>0</v>
      </c>
      <c r="CK29" s="170">
        <v>14</v>
      </c>
      <c r="CL29" s="171">
        <v>18</v>
      </c>
      <c r="CM29" s="168">
        <v>92</v>
      </c>
      <c r="CN29" s="169">
        <v>71</v>
      </c>
      <c r="CO29" s="170">
        <v>163</v>
      </c>
      <c r="CP29" s="439">
        <v>0</v>
      </c>
      <c r="CQ29" s="169">
        <v>154</v>
      </c>
      <c r="CR29" s="169">
        <v>124</v>
      </c>
      <c r="CS29" s="169">
        <v>101</v>
      </c>
      <c r="CT29" s="169">
        <v>70</v>
      </c>
      <c r="CU29" s="169">
        <v>55</v>
      </c>
      <c r="CV29" s="170">
        <v>504</v>
      </c>
      <c r="CW29" s="171">
        <v>667</v>
      </c>
      <c r="CX29" s="172">
        <v>171</v>
      </c>
      <c r="CY29" s="164">
        <v>236</v>
      </c>
      <c r="CZ29" s="165">
        <v>407</v>
      </c>
      <c r="DA29" s="439">
        <v>0</v>
      </c>
      <c r="DB29" s="164">
        <v>260</v>
      </c>
      <c r="DC29" s="164">
        <v>240</v>
      </c>
      <c r="DD29" s="164">
        <v>168</v>
      </c>
      <c r="DE29" s="164">
        <v>142</v>
      </c>
      <c r="DF29" s="164">
        <v>117</v>
      </c>
      <c r="DG29" s="166">
        <v>927</v>
      </c>
      <c r="DH29" s="167">
        <v>1334</v>
      </c>
      <c r="DI29" s="168">
        <v>1</v>
      </c>
      <c r="DJ29" s="169">
        <v>3</v>
      </c>
      <c r="DK29" s="170">
        <v>4</v>
      </c>
      <c r="DL29" s="439">
        <v>0</v>
      </c>
      <c r="DM29" s="169">
        <v>5</v>
      </c>
      <c r="DN29" s="169">
        <v>7</v>
      </c>
      <c r="DO29" s="169">
        <v>1</v>
      </c>
      <c r="DP29" s="169">
        <v>1</v>
      </c>
      <c r="DQ29" s="169">
        <v>1</v>
      </c>
      <c r="DR29" s="170">
        <v>15</v>
      </c>
      <c r="DS29" s="171">
        <v>19</v>
      </c>
      <c r="DT29" s="168">
        <v>12</v>
      </c>
      <c r="DU29" s="169">
        <v>17</v>
      </c>
      <c r="DV29" s="170">
        <v>29</v>
      </c>
      <c r="DW29" s="439">
        <v>0</v>
      </c>
      <c r="DX29" s="169">
        <v>14</v>
      </c>
      <c r="DY29" s="169">
        <v>15</v>
      </c>
      <c r="DZ29" s="169">
        <v>3</v>
      </c>
      <c r="EA29" s="169">
        <v>6</v>
      </c>
      <c r="EB29" s="169">
        <v>6</v>
      </c>
      <c r="EC29" s="170">
        <v>44</v>
      </c>
      <c r="ED29" s="171">
        <v>73</v>
      </c>
      <c r="EE29" s="168">
        <v>21</v>
      </c>
      <c r="EF29" s="169">
        <v>33</v>
      </c>
      <c r="EG29" s="170">
        <v>54</v>
      </c>
      <c r="EH29" s="439">
        <v>0</v>
      </c>
      <c r="EI29" s="169">
        <v>34</v>
      </c>
      <c r="EJ29" s="169">
        <v>25</v>
      </c>
      <c r="EK29" s="169">
        <v>18</v>
      </c>
      <c r="EL29" s="169">
        <v>16</v>
      </c>
      <c r="EM29" s="169">
        <v>10</v>
      </c>
      <c r="EN29" s="170">
        <v>103</v>
      </c>
      <c r="EO29" s="171">
        <v>157</v>
      </c>
      <c r="EP29" s="168">
        <v>51</v>
      </c>
      <c r="EQ29" s="169">
        <v>66</v>
      </c>
      <c r="ER29" s="170">
        <v>117</v>
      </c>
      <c r="ES29" s="439">
        <v>0</v>
      </c>
      <c r="ET29" s="169">
        <v>62</v>
      </c>
      <c r="EU29" s="169">
        <v>49</v>
      </c>
      <c r="EV29" s="169">
        <v>29</v>
      </c>
      <c r="EW29" s="169">
        <v>20</v>
      </c>
      <c r="EX29" s="169">
        <v>13</v>
      </c>
      <c r="EY29" s="170">
        <v>173</v>
      </c>
      <c r="EZ29" s="171">
        <v>290</v>
      </c>
      <c r="FA29" s="168">
        <v>47</v>
      </c>
      <c r="FB29" s="169">
        <v>70</v>
      </c>
      <c r="FC29" s="170">
        <v>117</v>
      </c>
      <c r="FD29" s="439">
        <v>0</v>
      </c>
      <c r="FE29" s="169">
        <v>73</v>
      </c>
      <c r="FF29" s="169">
        <v>62</v>
      </c>
      <c r="FG29" s="169">
        <v>43</v>
      </c>
      <c r="FH29" s="169">
        <v>27</v>
      </c>
      <c r="FI29" s="169">
        <v>28</v>
      </c>
      <c r="FJ29" s="170">
        <v>233</v>
      </c>
      <c r="FK29" s="171">
        <v>350</v>
      </c>
      <c r="FL29" s="168">
        <v>39</v>
      </c>
      <c r="FM29" s="169">
        <v>47</v>
      </c>
      <c r="FN29" s="170">
        <v>86</v>
      </c>
      <c r="FO29" s="439">
        <v>0</v>
      </c>
      <c r="FP29" s="169">
        <v>72</v>
      </c>
      <c r="FQ29" s="169">
        <v>82</v>
      </c>
      <c r="FR29" s="169">
        <v>74</v>
      </c>
      <c r="FS29" s="169">
        <v>72</v>
      </c>
      <c r="FT29" s="169">
        <v>59</v>
      </c>
      <c r="FU29" s="170">
        <v>359</v>
      </c>
      <c r="FV29" s="171">
        <v>445</v>
      </c>
      <c r="FW29" s="168">
        <v>1</v>
      </c>
      <c r="FX29" s="169">
        <v>1</v>
      </c>
      <c r="FY29" s="170">
        <v>2</v>
      </c>
      <c r="FZ29" s="439">
        <v>0</v>
      </c>
      <c r="GA29" s="169">
        <v>3</v>
      </c>
      <c r="GB29" s="169">
        <v>0</v>
      </c>
      <c r="GC29" s="169">
        <v>3</v>
      </c>
      <c r="GD29" s="169">
        <v>6</v>
      </c>
      <c r="GE29" s="169">
        <v>3</v>
      </c>
      <c r="GF29" s="170">
        <v>15</v>
      </c>
      <c r="GG29" s="171">
        <v>17</v>
      </c>
      <c r="GH29" s="168">
        <v>172</v>
      </c>
      <c r="GI29" s="169">
        <v>237</v>
      </c>
      <c r="GJ29" s="170">
        <v>409</v>
      </c>
      <c r="GK29" s="439">
        <v>0</v>
      </c>
      <c r="GL29" s="169">
        <v>263</v>
      </c>
      <c r="GM29" s="169">
        <v>240</v>
      </c>
      <c r="GN29" s="169">
        <v>171</v>
      </c>
      <c r="GO29" s="169">
        <v>148</v>
      </c>
      <c r="GP29" s="169">
        <v>120</v>
      </c>
      <c r="GQ29" s="170">
        <v>942</v>
      </c>
      <c r="GR29" s="171">
        <v>1351</v>
      </c>
      <c r="GS29" s="172">
        <v>259</v>
      </c>
      <c r="GT29" s="164">
        <v>307</v>
      </c>
      <c r="GU29" s="165">
        <v>566</v>
      </c>
      <c r="GV29" s="439">
        <v>0</v>
      </c>
      <c r="GW29" s="164">
        <v>409</v>
      </c>
      <c r="GX29" s="164">
        <v>358</v>
      </c>
      <c r="GY29" s="164">
        <v>268</v>
      </c>
      <c r="GZ29" s="164">
        <v>210</v>
      </c>
      <c r="HA29" s="164">
        <v>172</v>
      </c>
      <c r="HB29" s="166">
        <v>1417</v>
      </c>
      <c r="HC29" s="167">
        <v>1983</v>
      </c>
      <c r="HD29" s="168">
        <v>5</v>
      </c>
      <c r="HE29" s="169">
        <v>5</v>
      </c>
      <c r="HF29" s="170">
        <v>10</v>
      </c>
      <c r="HG29" s="439">
        <v>0</v>
      </c>
      <c r="HH29" s="169">
        <v>9</v>
      </c>
      <c r="HI29" s="169">
        <v>9</v>
      </c>
      <c r="HJ29" s="169">
        <v>6</v>
      </c>
      <c r="HK29" s="169">
        <v>5</v>
      </c>
      <c r="HL29" s="169">
        <v>2</v>
      </c>
      <c r="HM29" s="170">
        <v>31</v>
      </c>
      <c r="HN29" s="171">
        <v>41</v>
      </c>
      <c r="HO29" s="168">
        <v>15</v>
      </c>
      <c r="HP29" s="169">
        <v>27</v>
      </c>
      <c r="HQ29" s="170">
        <v>42</v>
      </c>
      <c r="HR29" s="439">
        <v>0</v>
      </c>
      <c r="HS29" s="169">
        <v>30</v>
      </c>
      <c r="HT29" s="169">
        <v>25</v>
      </c>
      <c r="HU29" s="169">
        <v>12</v>
      </c>
      <c r="HV29" s="169">
        <v>14</v>
      </c>
      <c r="HW29" s="169">
        <v>18</v>
      </c>
      <c r="HX29" s="170">
        <v>99</v>
      </c>
      <c r="HY29" s="171">
        <v>141</v>
      </c>
      <c r="HZ29" s="168">
        <v>31</v>
      </c>
      <c r="IA29" s="169">
        <v>43</v>
      </c>
      <c r="IB29" s="170">
        <v>74</v>
      </c>
      <c r="IC29" s="439">
        <v>0</v>
      </c>
      <c r="ID29" s="169">
        <v>55</v>
      </c>
      <c r="IE29" s="169">
        <v>44</v>
      </c>
      <c r="IF29" s="169">
        <v>28</v>
      </c>
      <c r="IG29" s="169">
        <v>24</v>
      </c>
      <c r="IH29" s="169">
        <v>20</v>
      </c>
      <c r="II29" s="170">
        <v>171</v>
      </c>
      <c r="IJ29" s="171">
        <v>245</v>
      </c>
      <c r="IK29" s="168">
        <v>82</v>
      </c>
      <c r="IL29" s="169">
        <v>82</v>
      </c>
      <c r="IM29" s="170">
        <v>164</v>
      </c>
      <c r="IN29" s="439">
        <v>0</v>
      </c>
      <c r="IO29" s="169">
        <v>102</v>
      </c>
      <c r="IP29" s="169">
        <v>78</v>
      </c>
      <c r="IQ29" s="169">
        <v>55</v>
      </c>
      <c r="IR29" s="169">
        <v>38</v>
      </c>
      <c r="IS29" s="169">
        <v>23</v>
      </c>
      <c r="IT29" s="170">
        <v>296</v>
      </c>
      <c r="IU29" s="171">
        <v>460</v>
      </c>
      <c r="IV29" s="168">
        <v>68</v>
      </c>
      <c r="IW29" s="169">
        <v>90</v>
      </c>
      <c r="IX29" s="170">
        <v>158</v>
      </c>
      <c r="IY29" s="439">
        <v>0</v>
      </c>
      <c r="IZ29" s="169">
        <v>114</v>
      </c>
      <c r="JA29" s="169">
        <v>98</v>
      </c>
      <c r="JB29" s="169">
        <v>77</v>
      </c>
      <c r="JC29" s="169">
        <v>47</v>
      </c>
      <c r="JD29" s="169">
        <v>37</v>
      </c>
      <c r="JE29" s="170">
        <v>373</v>
      </c>
      <c r="JF29" s="171">
        <v>531</v>
      </c>
      <c r="JG29" s="168">
        <v>58</v>
      </c>
      <c r="JH29" s="169">
        <v>60</v>
      </c>
      <c r="JI29" s="170">
        <v>118</v>
      </c>
      <c r="JJ29" s="439">
        <v>0</v>
      </c>
      <c r="JK29" s="169">
        <v>99</v>
      </c>
      <c r="JL29" s="169">
        <v>104</v>
      </c>
      <c r="JM29" s="169">
        <v>90</v>
      </c>
      <c r="JN29" s="169">
        <v>82</v>
      </c>
      <c r="JO29" s="169">
        <v>72</v>
      </c>
      <c r="JP29" s="170">
        <v>447</v>
      </c>
      <c r="JQ29" s="171">
        <v>565</v>
      </c>
      <c r="JR29" s="168">
        <v>5</v>
      </c>
      <c r="JS29" s="169">
        <v>1</v>
      </c>
      <c r="JT29" s="170">
        <v>6</v>
      </c>
      <c r="JU29" s="439">
        <v>0</v>
      </c>
      <c r="JV29" s="169">
        <v>8</v>
      </c>
      <c r="JW29" s="169">
        <v>6</v>
      </c>
      <c r="JX29" s="169">
        <v>4</v>
      </c>
      <c r="JY29" s="169">
        <v>8</v>
      </c>
      <c r="JZ29" s="169">
        <v>3</v>
      </c>
      <c r="KA29" s="170">
        <v>29</v>
      </c>
      <c r="KB29" s="171">
        <v>35</v>
      </c>
      <c r="KC29" s="168">
        <v>264</v>
      </c>
      <c r="KD29" s="169">
        <v>308</v>
      </c>
      <c r="KE29" s="170">
        <v>572</v>
      </c>
      <c r="KF29" s="439">
        <v>0</v>
      </c>
      <c r="KG29" s="169">
        <v>417</v>
      </c>
      <c r="KH29" s="169">
        <v>364</v>
      </c>
      <c r="KI29" s="169">
        <v>272</v>
      </c>
      <c r="KJ29" s="169">
        <v>218</v>
      </c>
      <c r="KK29" s="169">
        <v>175</v>
      </c>
      <c r="KL29" s="170">
        <v>1446</v>
      </c>
      <c r="KM29" s="171">
        <v>2018</v>
      </c>
    </row>
    <row r="30" spans="2:299" s="137" customFormat="1" ht="21" customHeight="1" x14ac:dyDescent="0.2">
      <c r="B30" s="173" t="s">
        <v>27</v>
      </c>
      <c r="C30" s="163">
        <v>104</v>
      </c>
      <c r="D30" s="164">
        <v>130</v>
      </c>
      <c r="E30" s="165">
        <v>234</v>
      </c>
      <c r="F30" s="439">
        <v>0</v>
      </c>
      <c r="G30" s="164">
        <v>109</v>
      </c>
      <c r="H30" s="164">
        <v>90</v>
      </c>
      <c r="I30" s="164">
        <v>70</v>
      </c>
      <c r="J30" s="164">
        <v>70</v>
      </c>
      <c r="K30" s="164">
        <v>38</v>
      </c>
      <c r="L30" s="166">
        <v>377</v>
      </c>
      <c r="M30" s="167">
        <v>611</v>
      </c>
      <c r="N30" s="168">
        <v>2</v>
      </c>
      <c r="O30" s="169">
        <v>7</v>
      </c>
      <c r="P30" s="170">
        <v>9</v>
      </c>
      <c r="Q30" s="439">
        <v>0</v>
      </c>
      <c r="R30" s="169">
        <v>3</v>
      </c>
      <c r="S30" s="169">
        <v>1</v>
      </c>
      <c r="T30" s="169">
        <v>1</v>
      </c>
      <c r="U30" s="169">
        <v>0</v>
      </c>
      <c r="V30" s="169">
        <v>2</v>
      </c>
      <c r="W30" s="170">
        <v>7</v>
      </c>
      <c r="X30" s="171">
        <v>16</v>
      </c>
      <c r="Y30" s="168">
        <v>7</v>
      </c>
      <c r="Z30" s="169">
        <v>13</v>
      </c>
      <c r="AA30" s="170">
        <v>20</v>
      </c>
      <c r="AB30" s="439">
        <v>0</v>
      </c>
      <c r="AC30" s="169">
        <v>13</v>
      </c>
      <c r="AD30" s="169">
        <v>16</v>
      </c>
      <c r="AE30" s="169">
        <v>4</v>
      </c>
      <c r="AF30" s="169">
        <v>5</v>
      </c>
      <c r="AG30" s="169">
        <v>2</v>
      </c>
      <c r="AH30" s="170">
        <v>40</v>
      </c>
      <c r="AI30" s="171">
        <v>60</v>
      </c>
      <c r="AJ30" s="168">
        <v>20</v>
      </c>
      <c r="AK30" s="169">
        <v>19</v>
      </c>
      <c r="AL30" s="170">
        <v>39</v>
      </c>
      <c r="AM30" s="439">
        <v>0</v>
      </c>
      <c r="AN30" s="169">
        <v>14</v>
      </c>
      <c r="AO30" s="169">
        <v>15</v>
      </c>
      <c r="AP30" s="169">
        <v>10</v>
      </c>
      <c r="AQ30" s="169">
        <v>9</v>
      </c>
      <c r="AR30" s="169">
        <v>9</v>
      </c>
      <c r="AS30" s="170">
        <v>57</v>
      </c>
      <c r="AT30" s="171">
        <v>96</v>
      </c>
      <c r="AU30" s="168">
        <v>23</v>
      </c>
      <c r="AV30" s="169">
        <v>31</v>
      </c>
      <c r="AW30" s="170">
        <v>54</v>
      </c>
      <c r="AX30" s="439">
        <v>0</v>
      </c>
      <c r="AY30" s="169">
        <v>24</v>
      </c>
      <c r="AZ30" s="169">
        <v>23</v>
      </c>
      <c r="BA30" s="169">
        <v>22</v>
      </c>
      <c r="BB30" s="169">
        <v>17</v>
      </c>
      <c r="BC30" s="169">
        <v>6</v>
      </c>
      <c r="BD30" s="170">
        <v>92</v>
      </c>
      <c r="BE30" s="171">
        <v>146</v>
      </c>
      <c r="BF30" s="168">
        <v>36</v>
      </c>
      <c r="BG30" s="169">
        <v>38</v>
      </c>
      <c r="BH30" s="170">
        <v>74</v>
      </c>
      <c r="BI30" s="439">
        <v>0</v>
      </c>
      <c r="BJ30" s="169">
        <v>24</v>
      </c>
      <c r="BK30" s="169">
        <v>11</v>
      </c>
      <c r="BL30" s="169">
        <v>19</v>
      </c>
      <c r="BM30" s="169">
        <v>21</v>
      </c>
      <c r="BN30" s="169">
        <v>12</v>
      </c>
      <c r="BO30" s="170">
        <v>87</v>
      </c>
      <c r="BP30" s="171">
        <v>161</v>
      </c>
      <c r="BQ30" s="168">
        <v>16</v>
      </c>
      <c r="BR30" s="169">
        <v>22</v>
      </c>
      <c r="BS30" s="170">
        <v>38</v>
      </c>
      <c r="BT30" s="439">
        <v>0</v>
      </c>
      <c r="BU30" s="169">
        <v>31</v>
      </c>
      <c r="BV30" s="169">
        <v>24</v>
      </c>
      <c r="BW30" s="169">
        <v>14</v>
      </c>
      <c r="BX30" s="169">
        <v>18</v>
      </c>
      <c r="BY30" s="169">
        <v>7</v>
      </c>
      <c r="BZ30" s="170">
        <v>94</v>
      </c>
      <c r="CA30" s="171">
        <v>132</v>
      </c>
      <c r="CB30" s="168">
        <v>7</v>
      </c>
      <c r="CC30" s="169">
        <v>4</v>
      </c>
      <c r="CD30" s="170">
        <v>11</v>
      </c>
      <c r="CE30" s="439">
        <v>0</v>
      </c>
      <c r="CF30" s="169">
        <v>2</v>
      </c>
      <c r="CG30" s="169">
        <v>3</v>
      </c>
      <c r="CH30" s="169">
        <v>6</v>
      </c>
      <c r="CI30" s="169">
        <v>3</v>
      </c>
      <c r="CJ30" s="169">
        <v>1</v>
      </c>
      <c r="CK30" s="170">
        <v>15</v>
      </c>
      <c r="CL30" s="171">
        <v>26</v>
      </c>
      <c r="CM30" s="168">
        <v>111</v>
      </c>
      <c r="CN30" s="169">
        <v>134</v>
      </c>
      <c r="CO30" s="170">
        <v>245</v>
      </c>
      <c r="CP30" s="439">
        <v>0</v>
      </c>
      <c r="CQ30" s="169">
        <v>111</v>
      </c>
      <c r="CR30" s="169">
        <v>93</v>
      </c>
      <c r="CS30" s="169">
        <v>76</v>
      </c>
      <c r="CT30" s="169">
        <v>73</v>
      </c>
      <c r="CU30" s="169">
        <v>39</v>
      </c>
      <c r="CV30" s="170">
        <v>392</v>
      </c>
      <c r="CW30" s="171">
        <v>637</v>
      </c>
      <c r="CX30" s="172">
        <v>269</v>
      </c>
      <c r="CY30" s="164">
        <v>205</v>
      </c>
      <c r="CZ30" s="165">
        <v>474</v>
      </c>
      <c r="DA30" s="439">
        <v>0</v>
      </c>
      <c r="DB30" s="164">
        <v>242</v>
      </c>
      <c r="DC30" s="164">
        <v>138</v>
      </c>
      <c r="DD30" s="164">
        <v>138</v>
      </c>
      <c r="DE30" s="164">
        <v>134</v>
      </c>
      <c r="DF30" s="164">
        <v>106</v>
      </c>
      <c r="DG30" s="166">
        <v>758</v>
      </c>
      <c r="DH30" s="167">
        <v>1232</v>
      </c>
      <c r="DI30" s="168">
        <v>4</v>
      </c>
      <c r="DJ30" s="169">
        <v>3</v>
      </c>
      <c r="DK30" s="170">
        <v>7</v>
      </c>
      <c r="DL30" s="439">
        <v>0</v>
      </c>
      <c r="DM30" s="169">
        <v>4</v>
      </c>
      <c r="DN30" s="169">
        <v>1</v>
      </c>
      <c r="DO30" s="169">
        <v>0</v>
      </c>
      <c r="DP30" s="169">
        <v>2</v>
      </c>
      <c r="DQ30" s="169">
        <v>2</v>
      </c>
      <c r="DR30" s="170">
        <v>9</v>
      </c>
      <c r="DS30" s="171">
        <v>16</v>
      </c>
      <c r="DT30" s="168">
        <v>19</v>
      </c>
      <c r="DU30" s="169">
        <v>12</v>
      </c>
      <c r="DV30" s="170">
        <v>31</v>
      </c>
      <c r="DW30" s="439">
        <v>0</v>
      </c>
      <c r="DX30" s="169">
        <v>11</v>
      </c>
      <c r="DY30" s="169">
        <v>9</v>
      </c>
      <c r="DZ30" s="169">
        <v>8</v>
      </c>
      <c r="EA30" s="169">
        <v>6</v>
      </c>
      <c r="EB30" s="169">
        <v>0</v>
      </c>
      <c r="EC30" s="170">
        <v>34</v>
      </c>
      <c r="ED30" s="171">
        <v>65</v>
      </c>
      <c r="EE30" s="168">
        <v>36</v>
      </c>
      <c r="EF30" s="169">
        <v>27</v>
      </c>
      <c r="EG30" s="170">
        <v>63</v>
      </c>
      <c r="EH30" s="439">
        <v>0</v>
      </c>
      <c r="EI30" s="169">
        <v>18</v>
      </c>
      <c r="EJ30" s="169">
        <v>18</v>
      </c>
      <c r="EK30" s="169">
        <v>10</v>
      </c>
      <c r="EL30" s="169">
        <v>9</v>
      </c>
      <c r="EM30" s="169">
        <v>8</v>
      </c>
      <c r="EN30" s="170">
        <v>63</v>
      </c>
      <c r="EO30" s="171">
        <v>126</v>
      </c>
      <c r="EP30" s="168">
        <v>68</v>
      </c>
      <c r="EQ30" s="169">
        <v>35</v>
      </c>
      <c r="ER30" s="170">
        <v>103</v>
      </c>
      <c r="ES30" s="439">
        <v>0</v>
      </c>
      <c r="ET30" s="169">
        <v>61</v>
      </c>
      <c r="EU30" s="169">
        <v>25</v>
      </c>
      <c r="EV30" s="169">
        <v>21</v>
      </c>
      <c r="EW30" s="169">
        <v>20</v>
      </c>
      <c r="EX30" s="169">
        <v>17</v>
      </c>
      <c r="EY30" s="170">
        <v>144</v>
      </c>
      <c r="EZ30" s="171">
        <v>247</v>
      </c>
      <c r="FA30" s="168">
        <v>83</v>
      </c>
      <c r="FB30" s="169">
        <v>76</v>
      </c>
      <c r="FC30" s="170">
        <v>159</v>
      </c>
      <c r="FD30" s="439">
        <v>0</v>
      </c>
      <c r="FE30" s="169">
        <v>73</v>
      </c>
      <c r="FF30" s="169">
        <v>37</v>
      </c>
      <c r="FG30" s="169">
        <v>37</v>
      </c>
      <c r="FH30" s="169">
        <v>26</v>
      </c>
      <c r="FI30" s="169">
        <v>29</v>
      </c>
      <c r="FJ30" s="170">
        <v>202</v>
      </c>
      <c r="FK30" s="171">
        <v>361</v>
      </c>
      <c r="FL30" s="168">
        <v>59</v>
      </c>
      <c r="FM30" s="169">
        <v>52</v>
      </c>
      <c r="FN30" s="170">
        <v>111</v>
      </c>
      <c r="FO30" s="439">
        <v>0</v>
      </c>
      <c r="FP30" s="169">
        <v>75</v>
      </c>
      <c r="FQ30" s="169">
        <v>48</v>
      </c>
      <c r="FR30" s="169">
        <v>62</v>
      </c>
      <c r="FS30" s="169">
        <v>71</v>
      </c>
      <c r="FT30" s="169">
        <v>50</v>
      </c>
      <c r="FU30" s="170">
        <v>306</v>
      </c>
      <c r="FV30" s="171">
        <v>417</v>
      </c>
      <c r="FW30" s="168">
        <v>1</v>
      </c>
      <c r="FX30" s="169">
        <v>2</v>
      </c>
      <c r="FY30" s="170">
        <v>3</v>
      </c>
      <c r="FZ30" s="439">
        <v>0</v>
      </c>
      <c r="GA30" s="169">
        <v>4</v>
      </c>
      <c r="GB30" s="169">
        <v>5</v>
      </c>
      <c r="GC30" s="169">
        <v>2</v>
      </c>
      <c r="GD30" s="169">
        <v>2</v>
      </c>
      <c r="GE30" s="169">
        <v>2</v>
      </c>
      <c r="GF30" s="170">
        <v>15</v>
      </c>
      <c r="GG30" s="171">
        <v>18</v>
      </c>
      <c r="GH30" s="168">
        <v>270</v>
      </c>
      <c r="GI30" s="169">
        <v>207</v>
      </c>
      <c r="GJ30" s="170">
        <v>477</v>
      </c>
      <c r="GK30" s="439">
        <v>0</v>
      </c>
      <c r="GL30" s="169">
        <v>246</v>
      </c>
      <c r="GM30" s="169">
        <v>143</v>
      </c>
      <c r="GN30" s="169">
        <v>140</v>
      </c>
      <c r="GO30" s="169">
        <v>136</v>
      </c>
      <c r="GP30" s="169">
        <v>108</v>
      </c>
      <c r="GQ30" s="170">
        <v>773</v>
      </c>
      <c r="GR30" s="171">
        <v>1250</v>
      </c>
      <c r="GS30" s="172">
        <v>373</v>
      </c>
      <c r="GT30" s="164">
        <v>335</v>
      </c>
      <c r="GU30" s="165">
        <v>708</v>
      </c>
      <c r="GV30" s="439">
        <v>0</v>
      </c>
      <c r="GW30" s="164">
        <v>351</v>
      </c>
      <c r="GX30" s="164">
        <v>228</v>
      </c>
      <c r="GY30" s="164">
        <v>208</v>
      </c>
      <c r="GZ30" s="164">
        <v>204</v>
      </c>
      <c r="HA30" s="164">
        <v>144</v>
      </c>
      <c r="HB30" s="166">
        <v>1135</v>
      </c>
      <c r="HC30" s="167">
        <v>1843</v>
      </c>
      <c r="HD30" s="168">
        <v>6</v>
      </c>
      <c r="HE30" s="169">
        <v>10</v>
      </c>
      <c r="HF30" s="170">
        <v>16</v>
      </c>
      <c r="HG30" s="439">
        <v>0</v>
      </c>
      <c r="HH30" s="169">
        <v>7</v>
      </c>
      <c r="HI30" s="169">
        <v>2</v>
      </c>
      <c r="HJ30" s="169">
        <v>1</v>
      </c>
      <c r="HK30" s="169">
        <v>2</v>
      </c>
      <c r="HL30" s="169">
        <v>4</v>
      </c>
      <c r="HM30" s="170">
        <v>16</v>
      </c>
      <c r="HN30" s="171">
        <v>32</v>
      </c>
      <c r="HO30" s="168">
        <v>26</v>
      </c>
      <c r="HP30" s="169">
        <v>25</v>
      </c>
      <c r="HQ30" s="170">
        <v>51</v>
      </c>
      <c r="HR30" s="439">
        <v>0</v>
      </c>
      <c r="HS30" s="169">
        <v>24</v>
      </c>
      <c r="HT30" s="169">
        <v>25</v>
      </c>
      <c r="HU30" s="169">
        <v>12</v>
      </c>
      <c r="HV30" s="169">
        <v>11</v>
      </c>
      <c r="HW30" s="169">
        <v>2</v>
      </c>
      <c r="HX30" s="170">
        <v>74</v>
      </c>
      <c r="HY30" s="171">
        <v>125</v>
      </c>
      <c r="HZ30" s="168">
        <v>56</v>
      </c>
      <c r="IA30" s="169">
        <v>46</v>
      </c>
      <c r="IB30" s="170">
        <v>102</v>
      </c>
      <c r="IC30" s="439">
        <v>0</v>
      </c>
      <c r="ID30" s="169">
        <v>32</v>
      </c>
      <c r="IE30" s="169">
        <v>33</v>
      </c>
      <c r="IF30" s="169">
        <v>20</v>
      </c>
      <c r="IG30" s="169">
        <v>18</v>
      </c>
      <c r="IH30" s="169">
        <v>17</v>
      </c>
      <c r="II30" s="170">
        <v>120</v>
      </c>
      <c r="IJ30" s="171">
        <v>222</v>
      </c>
      <c r="IK30" s="168">
        <v>91</v>
      </c>
      <c r="IL30" s="169">
        <v>66</v>
      </c>
      <c r="IM30" s="170">
        <v>157</v>
      </c>
      <c r="IN30" s="439">
        <v>0</v>
      </c>
      <c r="IO30" s="169">
        <v>85</v>
      </c>
      <c r="IP30" s="169">
        <v>48</v>
      </c>
      <c r="IQ30" s="169">
        <v>43</v>
      </c>
      <c r="IR30" s="169">
        <v>37</v>
      </c>
      <c r="IS30" s="169">
        <v>23</v>
      </c>
      <c r="IT30" s="170">
        <v>236</v>
      </c>
      <c r="IU30" s="171">
        <v>393</v>
      </c>
      <c r="IV30" s="168">
        <v>119</v>
      </c>
      <c r="IW30" s="169">
        <v>114</v>
      </c>
      <c r="IX30" s="170">
        <v>233</v>
      </c>
      <c r="IY30" s="439">
        <v>0</v>
      </c>
      <c r="IZ30" s="169">
        <v>97</v>
      </c>
      <c r="JA30" s="169">
        <v>48</v>
      </c>
      <c r="JB30" s="169">
        <v>56</v>
      </c>
      <c r="JC30" s="169">
        <v>47</v>
      </c>
      <c r="JD30" s="169">
        <v>41</v>
      </c>
      <c r="JE30" s="170">
        <v>289</v>
      </c>
      <c r="JF30" s="171">
        <v>522</v>
      </c>
      <c r="JG30" s="168">
        <v>75</v>
      </c>
      <c r="JH30" s="169">
        <v>74</v>
      </c>
      <c r="JI30" s="170">
        <v>149</v>
      </c>
      <c r="JJ30" s="439">
        <v>0</v>
      </c>
      <c r="JK30" s="169">
        <v>106</v>
      </c>
      <c r="JL30" s="169">
        <v>72</v>
      </c>
      <c r="JM30" s="169">
        <v>76</v>
      </c>
      <c r="JN30" s="169">
        <v>89</v>
      </c>
      <c r="JO30" s="169">
        <v>57</v>
      </c>
      <c r="JP30" s="170">
        <v>400</v>
      </c>
      <c r="JQ30" s="171">
        <v>549</v>
      </c>
      <c r="JR30" s="168">
        <v>8</v>
      </c>
      <c r="JS30" s="169">
        <v>6</v>
      </c>
      <c r="JT30" s="170">
        <v>14</v>
      </c>
      <c r="JU30" s="439">
        <v>0</v>
      </c>
      <c r="JV30" s="169">
        <v>6</v>
      </c>
      <c r="JW30" s="169">
        <v>8</v>
      </c>
      <c r="JX30" s="169">
        <v>8</v>
      </c>
      <c r="JY30" s="169">
        <v>5</v>
      </c>
      <c r="JZ30" s="169">
        <v>3</v>
      </c>
      <c r="KA30" s="170">
        <v>30</v>
      </c>
      <c r="KB30" s="171">
        <v>44</v>
      </c>
      <c r="KC30" s="168">
        <v>381</v>
      </c>
      <c r="KD30" s="169">
        <v>341</v>
      </c>
      <c r="KE30" s="170">
        <v>722</v>
      </c>
      <c r="KF30" s="439">
        <v>0</v>
      </c>
      <c r="KG30" s="169">
        <v>357</v>
      </c>
      <c r="KH30" s="169">
        <v>236</v>
      </c>
      <c r="KI30" s="169">
        <v>216</v>
      </c>
      <c r="KJ30" s="169">
        <v>209</v>
      </c>
      <c r="KK30" s="169">
        <v>147</v>
      </c>
      <c r="KL30" s="170">
        <v>1165</v>
      </c>
      <c r="KM30" s="171">
        <v>1887</v>
      </c>
    </row>
    <row r="31" spans="2:299" s="137" customFormat="1" ht="21" customHeight="1" x14ac:dyDescent="0.2">
      <c r="B31" s="173" t="s">
        <v>28</v>
      </c>
      <c r="C31" s="163">
        <v>6</v>
      </c>
      <c r="D31" s="164">
        <v>18</v>
      </c>
      <c r="E31" s="165">
        <v>24</v>
      </c>
      <c r="F31" s="439">
        <v>0</v>
      </c>
      <c r="G31" s="164">
        <v>57</v>
      </c>
      <c r="H31" s="164">
        <v>44</v>
      </c>
      <c r="I31" s="164">
        <v>27</v>
      </c>
      <c r="J31" s="164">
        <v>21</v>
      </c>
      <c r="K31" s="164">
        <v>13</v>
      </c>
      <c r="L31" s="166">
        <v>162</v>
      </c>
      <c r="M31" s="167">
        <v>186</v>
      </c>
      <c r="N31" s="168">
        <v>0</v>
      </c>
      <c r="O31" s="169">
        <v>3</v>
      </c>
      <c r="P31" s="170">
        <v>3</v>
      </c>
      <c r="Q31" s="439">
        <v>0</v>
      </c>
      <c r="R31" s="169">
        <v>4</v>
      </c>
      <c r="S31" s="169">
        <v>0</v>
      </c>
      <c r="T31" s="169">
        <v>3</v>
      </c>
      <c r="U31" s="169">
        <v>2</v>
      </c>
      <c r="V31" s="169">
        <v>2</v>
      </c>
      <c r="W31" s="170">
        <v>11</v>
      </c>
      <c r="X31" s="171">
        <v>14</v>
      </c>
      <c r="Y31" s="168">
        <v>1</v>
      </c>
      <c r="Z31" s="169">
        <v>5</v>
      </c>
      <c r="AA31" s="170">
        <v>6</v>
      </c>
      <c r="AB31" s="439">
        <v>0</v>
      </c>
      <c r="AC31" s="169">
        <v>9</v>
      </c>
      <c r="AD31" s="169">
        <v>7</v>
      </c>
      <c r="AE31" s="169">
        <v>1</v>
      </c>
      <c r="AF31" s="169">
        <v>2</v>
      </c>
      <c r="AG31" s="169">
        <v>1</v>
      </c>
      <c r="AH31" s="170">
        <v>20</v>
      </c>
      <c r="AI31" s="171">
        <v>26</v>
      </c>
      <c r="AJ31" s="168">
        <v>0</v>
      </c>
      <c r="AK31" s="169">
        <v>2</v>
      </c>
      <c r="AL31" s="170">
        <v>2</v>
      </c>
      <c r="AM31" s="439">
        <v>0</v>
      </c>
      <c r="AN31" s="169">
        <v>9</v>
      </c>
      <c r="AO31" s="169">
        <v>7</v>
      </c>
      <c r="AP31" s="169">
        <v>6</v>
      </c>
      <c r="AQ31" s="169">
        <v>2</v>
      </c>
      <c r="AR31" s="169">
        <v>3</v>
      </c>
      <c r="AS31" s="170">
        <v>27</v>
      </c>
      <c r="AT31" s="171">
        <v>29</v>
      </c>
      <c r="AU31" s="168">
        <v>3</v>
      </c>
      <c r="AV31" s="169">
        <v>2</v>
      </c>
      <c r="AW31" s="170">
        <v>5</v>
      </c>
      <c r="AX31" s="439">
        <v>0</v>
      </c>
      <c r="AY31" s="169">
        <v>16</v>
      </c>
      <c r="AZ31" s="169">
        <v>10</v>
      </c>
      <c r="BA31" s="169">
        <v>3</v>
      </c>
      <c r="BB31" s="169">
        <v>8</v>
      </c>
      <c r="BC31" s="169">
        <v>1</v>
      </c>
      <c r="BD31" s="170">
        <v>38</v>
      </c>
      <c r="BE31" s="171">
        <v>43</v>
      </c>
      <c r="BF31" s="168">
        <v>1</v>
      </c>
      <c r="BG31" s="169">
        <v>4</v>
      </c>
      <c r="BH31" s="170">
        <v>5</v>
      </c>
      <c r="BI31" s="439">
        <v>0</v>
      </c>
      <c r="BJ31" s="169">
        <v>12</v>
      </c>
      <c r="BK31" s="169">
        <v>11</v>
      </c>
      <c r="BL31" s="169">
        <v>6</v>
      </c>
      <c r="BM31" s="169">
        <v>1</v>
      </c>
      <c r="BN31" s="169">
        <v>2</v>
      </c>
      <c r="BO31" s="170">
        <v>32</v>
      </c>
      <c r="BP31" s="171">
        <v>37</v>
      </c>
      <c r="BQ31" s="168">
        <v>1</v>
      </c>
      <c r="BR31" s="169">
        <v>2</v>
      </c>
      <c r="BS31" s="170">
        <v>3</v>
      </c>
      <c r="BT31" s="439">
        <v>0</v>
      </c>
      <c r="BU31" s="169">
        <v>7</v>
      </c>
      <c r="BV31" s="169">
        <v>9</v>
      </c>
      <c r="BW31" s="169">
        <v>8</v>
      </c>
      <c r="BX31" s="169">
        <v>6</v>
      </c>
      <c r="BY31" s="169">
        <v>4</v>
      </c>
      <c r="BZ31" s="170">
        <v>34</v>
      </c>
      <c r="CA31" s="171">
        <v>37</v>
      </c>
      <c r="CB31" s="168">
        <v>0</v>
      </c>
      <c r="CC31" s="169">
        <v>1</v>
      </c>
      <c r="CD31" s="170">
        <v>1</v>
      </c>
      <c r="CE31" s="439">
        <v>0</v>
      </c>
      <c r="CF31" s="169">
        <v>0</v>
      </c>
      <c r="CG31" s="169">
        <v>1</v>
      </c>
      <c r="CH31" s="169">
        <v>1</v>
      </c>
      <c r="CI31" s="169">
        <v>0</v>
      </c>
      <c r="CJ31" s="169">
        <v>1</v>
      </c>
      <c r="CK31" s="170">
        <v>3</v>
      </c>
      <c r="CL31" s="171">
        <v>4</v>
      </c>
      <c r="CM31" s="168">
        <v>6</v>
      </c>
      <c r="CN31" s="169">
        <v>19</v>
      </c>
      <c r="CO31" s="170">
        <v>25</v>
      </c>
      <c r="CP31" s="439">
        <v>0</v>
      </c>
      <c r="CQ31" s="169">
        <v>57</v>
      </c>
      <c r="CR31" s="169">
        <v>45</v>
      </c>
      <c r="CS31" s="169">
        <v>28</v>
      </c>
      <c r="CT31" s="169">
        <v>21</v>
      </c>
      <c r="CU31" s="169">
        <v>14</v>
      </c>
      <c r="CV31" s="170">
        <v>165</v>
      </c>
      <c r="CW31" s="171">
        <v>190</v>
      </c>
      <c r="CX31" s="172">
        <v>18</v>
      </c>
      <c r="CY31" s="164">
        <v>39</v>
      </c>
      <c r="CZ31" s="165">
        <v>57</v>
      </c>
      <c r="DA31" s="439">
        <v>0</v>
      </c>
      <c r="DB31" s="164">
        <v>53</v>
      </c>
      <c r="DC31" s="164">
        <v>80</v>
      </c>
      <c r="DD31" s="164">
        <v>50</v>
      </c>
      <c r="DE31" s="164">
        <v>52</v>
      </c>
      <c r="DF31" s="164">
        <v>36</v>
      </c>
      <c r="DG31" s="166">
        <v>271</v>
      </c>
      <c r="DH31" s="167">
        <v>328</v>
      </c>
      <c r="DI31" s="168">
        <v>1</v>
      </c>
      <c r="DJ31" s="169">
        <v>0</v>
      </c>
      <c r="DK31" s="170">
        <v>1</v>
      </c>
      <c r="DL31" s="439">
        <v>0</v>
      </c>
      <c r="DM31" s="169">
        <v>2</v>
      </c>
      <c r="DN31" s="169">
        <v>3</v>
      </c>
      <c r="DO31" s="169">
        <v>0</v>
      </c>
      <c r="DP31" s="169">
        <v>0</v>
      </c>
      <c r="DQ31" s="169">
        <v>0</v>
      </c>
      <c r="DR31" s="170">
        <v>5</v>
      </c>
      <c r="DS31" s="171">
        <v>6</v>
      </c>
      <c r="DT31" s="168">
        <v>1</v>
      </c>
      <c r="DU31" s="169">
        <v>5</v>
      </c>
      <c r="DV31" s="170">
        <v>6</v>
      </c>
      <c r="DW31" s="439">
        <v>0</v>
      </c>
      <c r="DX31" s="169">
        <v>0</v>
      </c>
      <c r="DY31" s="169">
        <v>7</v>
      </c>
      <c r="DZ31" s="169">
        <v>3</v>
      </c>
      <c r="EA31" s="169">
        <v>2</v>
      </c>
      <c r="EB31" s="169">
        <v>1</v>
      </c>
      <c r="EC31" s="170">
        <v>13</v>
      </c>
      <c r="ED31" s="171">
        <v>19</v>
      </c>
      <c r="EE31" s="168">
        <v>2</v>
      </c>
      <c r="EF31" s="169">
        <v>8</v>
      </c>
      <c r="EG31" s="170">
        <v>10</v>
      </c>
      <c r="EH31" s="439">
        <v>0</v>
      </c>
      <c r="EI31" s="169">
        <v>6</v>
      </c>
      <c r="EJ31" s="169">
        <v>11</v>
      </c>
      <c r="EK31" s="169">
        <v>6</v>
      </c>
      <c r="EL31" s="169">
        <v>4</v>
      </c>
      <c r="EM31" s="169">
        <v>6</v>
      </c>
      <c r="EN31" s="170">
        <v>33</v>
      </c>
      <c r="EO31" s="171">
        <v>43</v>
      </c>
      <c r="EP31" s="168">
        <v>10</v>
      </c>
      <c r="EQ31" s="169">
        <v>11</v>
      </c>
      <c r="ER31" s="170">
        <v>21</v>
      </c>
      <c r="ES31" s="439">
        <v>0</v>
      </c>
      <c r="ET31" s="169">
        <v>14</v>
      </c>
      <c r="EU31" s="169">
        <v>12</v>
      </c>
      <c r="EV31" s="169">
        <v>16</v>
      </c>
      <c r="EW31" s="169">
        <v>9</v>
      </c>
      <c r="EX31" s="169">
        <v>8</v>
      </c>
      <c r="EY31" s="170">
        <v>59</v>
      </c>
      <c r="EZ31" s="171">
        <v>80</v>
      </c>
      <c r="FA31" s="168">
        <v>3</v>
      </c>
      <c r="FB31" s="169">
        <v>12</v>
      </c>
      <c r="FC31" s="170">
        <v>15</v>
      </c>
      <c r="FD31" s="439">
        <v>0</v>
      </c>
      <c r="FE31" s="169">
        <v>16</v>
      </c>
      <c r="FF31" s="169">
        <v>27</v>
      </c>
      <c r="FG31" s="169">
        <v>10</v>
      </c>
      <c r="FH31" s="169">
        <v>12</v>
      </c>
      <c r="FI31" s="169">
        <v>10</v>
      </c>
      <c r="FJ31" s="170">
        <v>75</v>
      </c>
      <c r="FK31" s="171">
        <v>90</v>
      </c>
      <c r="FL31" s="168">
        <v>1</v>
      </c>
      <c r="FM31" s="169">
        <v>3</v>
      </c>
      <c r="FN31" s="170">
        <v>4</v>
      </c>
      <c r="FO31" s="439">
        <v>0</v>
      </c>
      <c r="FP31" s="169">
        <v>15</v>
      </c>
      <c r="FQ31" s="169">
        <v>20</v>
      </c>
      <c r="FR31" s="169">
        <v>15</v>
      </c>
      <c r="FS31" s="169">
        <v>25</v>
      </c>
      <c r="FT31" s="169">
        <v>11</v>
      </c>
      <c r="FU31" s="170">
        <v>86</v>
      </c>
      <c r="FV31" s="171">
        <v>90</v>
      </c>
      <c r="FW31" s="168">
        <v>2</v>
      </c>
      <c r="FX31" s="169">
        <v>1</v>
      </c>
      <c r="FY31" s="170">
        <v>3</v>
      </c>
      <c r="FZ31" s="439">
        <v>0</v>
      </c>
      <c r="GA31" s="169">
        <v>0</v>
      </c>
      <c r="GB31" s="169">
        <v>2</v>
      </c>
      <c r="GC31" s="169">
        <v>0</v>
      </c>
      <c r="GD31" s="169">
        <v>0</v>
      </c>
      <c r="GE31" s="169">
        <v>2</v>
      </c>
      <c r="GF31" s="170">
        <v>4</v>
      </c>
      <c r="GG31" s="171">
        <v>7</v>
      </c>
      <c r="GH31" s="168">
        <v>20</v>
      </c>
      <c r="GI31" s="169">
        <v>40</v>
      </c>
      <c r="GJ31" s="170">
        <v>60</v>
      </c>
      <c r="GK31" s="439">
        <v>0</v>
      </c>
      <c r="GL31" s="169">
        <v>53</v>
      </c>
      <c r="GM31" s="169">
        <v>82</v>
      </c>
      <c r="GN31" s="169">
        <v>50</v>
      </c>
      <c r="GO31" s="169">
        <v>52</v>
      </c>
      <c r="GP31" s="169">
        <v>38</v>
      </c>
      <c r="GQ31" s="170">
        <v>275</v>
      </c>
      <c r="GR31" s="171">
        <v>335</v>
      </c>
      <c r="GS31" s="172">
        <v>24</v>
      </c>
      <c r="GT31" s="164">
        <v>57</v>
      </c>
      <c r="GU31" s="165">
        <v>81</v>
      </c>
      <c r="GV31" s="439">
        <v>0</v>
      </c>
      <c r="GW31" s="164">
        <v>110</v>
      </c>
      <c r="GX31" s="164">
        <v>124</v>
      </c>
      <c r="GY31" s="164">
        <v>77</v>
      </c>
      <c r="GZ31" s="164">
        <v>73</v>
      </c>
      <c r="HA31" s="164">
        <v>49</v>
      </c>
      <c r="HB31" s="166">
        <v>433</v>
      </c>
      <c r="HC31" s="167">
        <v>514</v>
      </c>
      <c r="HD31" s="168">
        <v>1</v>
      </c>
      <c r="HE31" s="169">
        <v>3</v>
      </c>
      <c r="HF31" s="170">
        <v>4</v>
      </c>
      <c r="HG31" s="439">
        <v>0</v>
      </c>
      <c r="HH31" s="169">
        <v>6</v>
      </c>
      <c r="HI31" s="169">
        <v>3</v>
      </c>
      <c r="HJ31" s="169">
        <v>3</v>
      </c>
      <c r="HK31" s="169">
        <v>2</v>
      </c>
      <c r="HL31" s="169">
        <v>2</v>
      </c>
      <c r="HM31" s="170">
        <v>16</v>
      </c>
      <c r="HN31" s="171">
        <v>20</v>
      </c>
      <c r="HO31" s="168">
        <v>2</v>
      </c>
      <c r="HP31" s="169">
        <v>10</v>
      </c>
      <c r="HQ31" s="170">
        <v>12</v>
      </c>
      <c r="HR31" s="439">
        <v>0</v>
      </c>
      <c r="HS31" s="169">
        <v>9</v>
      </c>
      <c r="HT31" s="169">
        <v>14</v>
      </c>
      <c r="HU31" s="169">
        <v>4</v>
      </c>
      <c r="HV31" s="169">
        <v>4</v>
      </c>
      <c r="HW31" s="169">
        <v>2</v>
      </c>
      <c r="HX31" s="170">
        <v>33</v>
      </c>
      <c r="HY31" s="171">
        <v>45</v>
      </c>
      <c r="HZ31" s="168">
        <v>2</v>
      </c>
      <c r="IA31" s="169">
        <v>10</v>
      </c>
      <c r="IB31" s="170">
        <v>12</v>
      </c>
      <c r="IC31" s="439">
        <v>0</v>
      </c>
      <c r="ID31" s="169">
        <v>15</v>
      </c>
      <c r="IE31" s="169">
        <v>18</v>
      </c>
      <c r="IF31" s="169">
        <v>12</v>
      </c>
      <c r="IG31" s="169">
        <v>6</v>
      </c>
      <c r="IH31" s="169">
        <v>9</v>
      </c>
      <c r="II31" s="170">
        <v>60</v>
      </c>
      <c r="IJ31" s="171">
        <v>72</v>
      </c>
      <c r="IK31" s="168">
        <v>13</v>
      </c>
      <c r="IL31" s="169">
        <v>13</v>
      </c>
      <c r="IM31" s="170">
        <v>26</v>
      </c>
      <c r="IN31" s="439">
        <v>0</v>
      </c>
      <c r="IO31" s="169">
        <v>30</v>
      </c>
      <c r="IP31" s="169">
        <v>22</v>
      </c>
      <c r="IQ31" s="169">
        <v>19</v>
      </c>
      <c r="IR31" s="169">
        <v>17</v>
      </c>
      <c r="IS31" s="169">
        <v>9</v>
      </c>
      <c r="IT31" s="170">
        <v>97</v>
      </c>
      <c r="IU31" s="171">
        <v>123</v>
      </c>
      <c r="IV31" s="168">
        <v>4</v>
      </c>
      <c r="IW31" s="169">
        <v>16</v>
      </c>
      <c r="IX31" s="170">
        <v>20</v>
      </c>
      <c r="IY31" s="439">
        <v>0</v>
      </c>
      <c r="IZ31" s="169">
        <v>28</v>
      </c>
      <c r="JA31" s="169">
        <v>38</v>
      </c>
      <c r="JB31" s="169">
        <v>16</v>
      </c>
      <c r="JC31" s="169">
        <v>13</v>
      </c>
      <c r="JD31" s="169">
        <v>12</v>
      </c>
      <c r="JE31" s="170">
        <v>107</v>
      </c>
      <c r="JF31" s="171">
        <v>127</v>
      </c>
      <c r="JG31" s="168">
        <v>2</v>
      </c>
      <c r="JH31" s="169">
        <v>5</v>
      </c>
      <c r="JI31" s="170">
        <v>7</v>
      </c>
      <c r="JJ31" s="439">
        <v>0</v>
      </c>
      <c r="JK31" s="169">
        <v>22</v>
      </c>
      <c r="JL31" s="169">
        <v>29</v>
      </c>
      <c r="JM31" s="169">
        <v>23</v>
      </c>
      <c r="JN31" s="169">
        <v>31</v>
      </c>
      <c r="JO31" s="169">
        <v>15</v>
      </c>
      <c r="JP31" s="170">
        <v>120</v>
      </c>
      <c r="JQ31" s="171">
        <v>127</v>
      </c>
      <c r="JR31" s="168">
        <v>2</v>
      </c>
      <c r="JS31" s="169">
        <v>2</v>
      </c>
      <c r="JT31" s="170">
        <v>4</v>
      </c>
      <c r="JU31" s="439">
        <v>0</v>
      </c>
      <c r="JV31" s="169">
        <v>0</v>
      </c>
      <c r="JW31" s="169">
        <v>3</v>
      </c>
      <c r="JX31" s="169">
        <v>1</v>
      </c>
      <c r="JY31" s="169">
        <v>0</v>
      </c>
      <c r="JZ31" s="169">
        <v>3</v>
      </c>
      <c r="KA31" s="170">
        <v>7</v>
      </c>
      <c r="KB31" s="171">
        <v>11</v>
      </c>
      <c r="KC31" s="168">
        <v>26</v>
      </c>
      <c r="KD31" s="169">
        <v>59</v>
      </c>
      <c r="KE31" s="170">
        <v>85</v>
      </c>
      <c r="KF31" s="439">
        <v>0</v>
      </c>
      <c r="KG31" s="169">
        <v>110</v>
      </c>
      <c r="KH31" s="169">
        <v>127</v>
      </c>
      <c r="KI31" s="169">
        <v>78</v>
      </c>
      <c r="KJ31" s="169">
        <v>73</v>
      </c>
      <c r="KK31" s="169">
        <v>52</v>
      </c>
      <c r="KL31" s="170">
        <v>440</v>
      </c>
      <c r="KM31" s="171">
        <v>525</v>
      </c>
    </row>
    <row r="32" spans="2:299" s="137" customFormat="1" ht="21" customHeight="1" x14ac:dyDescent="0.2">
      <c r="B32" s="173" t="s">
        <v>29</v>
      </c>
      <c r="C32" s="163">
        <v>24</v>
      </c>
      <c r="D32" s="164">
        <v>20</v>
      </c>
      <c r="E32" s="165">
        <v>44</v>
      </c>
      <c r="F32" s="439">
        <v>0</v>
      </c>
      <c r="G32" s="164">
        <v>45</v>
      </c>
      <c r="H32" s="164">
        <v>46</v>
      </c>
      <c r="I32" s="164">
        <v>47</v>
      </c>
      <c r="J32" s="164">
        <v>28</v>
      </c>
      <c r="K32" s="164">
        <v>18</v>
      </c>
      <c r="L32" s="166">
        <v>184</v>
      </c>
      <c r="M32" s="167">
        <v>228</v>
      </c>
      <c r="N32" s="168">
        <v>3</v>
      </c>
      <c r="O32" s="169">
        <v>0</v>
      </c>
      <c r="P32" s="170">
        <v>3</v>
      </c>
      <c r="Q32" s="439">
        <v>0</v>
      </c>
      <c r="R32" s="169">
        <v>5</v>
      </c>
      <c r="S32" s="169">
        <v>2</v>
      </c>
      <c r="T32" s="169">
        <v>3</v>
      </c>
      <c r="U32" s="169">
        <v>1</v>
      </c>
      <c r="V32" s="169">
        <v>2</v>
      </c>
      <c r="W32" s="170">
        <v>13</v>
      </c>
      <c r="X32" s="171">
        <v>16</v>
      </c>
      <c r="Y32" s="168">
        <v>2</v>
      </c>
      <c r="Z32" s="169">
        <v>3</v>
      </c>
      <c r="AA32" s="170">
        <v>5</v>
      </c>
      <c r="AB32" s="439">
        <v>0</v>
      </c>
      <c r="AC32" s="169">
        <v>4</v>
      </c>
      <c r="AD32" s="169">
        <v>3</v>
      </c>
      <c r="AE32" s="169">
        <v>7</v>
      </c>
      <c r="AF32" s="169">
        <v>2</v>
      </c>
      <c r="AG32" s="169">
        <v>0</v>
      </c>
      <c r="AH32" s="170">
        <v>16</v>
      </c>
      <c r="AI32" s="171">
        <v>21</v>
      </c>
      <c r="AJ32" s="168">
        <v>0</v>
      </c>
      <c r="AK32" s="169">
        <v>1</v>
      </c>
      <c r="AL32" s="170">
        <v>1</v>
      </c>
      <c r="AM32" s="439">
        <v>0</v>
      </c>
      <c r="AN32" s="169">
        <v>13</v>
      </c>
      <c r="AO32" s="169">
        <v>7</v>
      </c>
      <c r="AP32" s="169">
        <v>7</v>
      </c>
      <c r="AQ32" s="169">
        <v>7</v>
      </c>
      <c r="AR32" s="169">
        <v>1</v>
      </c>
      <c r="AS32" s="170">
        <v>35</v>
      </c>
      <c r="AT32" s="171">
        <v>36</v>
      </c>
      <c r="AU32" s="168">
        <v>10</v>
      </c>
      <c r="AV32" s="169">
        <v>9</v>
      </c>
      <c r="AW32" s="170">
        <v>19</v>
      </c>
      <c r="AX32" s="439">
        <v>0</v>
      </c>
      <c r="AY32" s="169">
        <v>9</v>
      </c>
      <c r="AZ32" s="169">
        <v>10</v>
      </c>
      <c r="BA32" s="169">
        <v>9</v>
      </c>
      <c r="BB32" s="169">
        <v>8</v>
      </c>
      <c r="BC32" s="169">
        <v>3</v>
      </c>
      <c r="BD32" s="170">
        <v>39</v>
      </c>
      <c r="BE32" s="171">
        <v>58</v>
      </c>
      <c r="BF32" s="168">
        <v>8</v>
      </c>
      <c r="BG32" s="169">
        <v>4</v>
      </c>
      <c r="BH32" s="170">
        <v>12</v>
      </c>
      <c r="BI32" s="439">
        <v>0</v>
      </c>
      <c r="BJ32" s="169">
        <v>9</v>
      </c>
      <c r="BK32" s="169">
        <v>7</v>
      </c>
      <c r="BL32" s="169">
        <v>15</v>
      </c>
      <c r="BM32" s="169">
        <v>5</v>
      </c>
      <c r="BN32" s="169">
        <v>3</v>
      </c>
      <c r="BO32" s="170">
        <v>39</v>
      </c>
      <c r="BP32" s="171">
        <v>51</v>
      </c>
      <c r="BQ32" s="168">
        <v>1</v>
      </c>
      <c r="BR32" s="169">
        <v>3</v>
      </c>
      <c r="BS32" s="170">
        <v>4</v>
      </c>
      <c r="BT32" s="439">
        <v>0</v>
      </c>
      <c r="BU32" s="169">
        <v>5</v>
      </c>
      <c r="BV32" s="169">
        <v>17</v>
      </c>
      <c r="BW32" s="169">
        <v>6</v>
      </c>
      <c r="BX32" s="169">
        <v>5</v>
      </c>
      <c r="BY32" s="169">
        <v>9</v>
      </c>
      <c r="BZ32" s="170">
        <v>42</v>
      </c>
      <c r="CA32" s="171">
        <v>46</v>
      </c>
      <c r="CB32" s="168">
        <v>2</v>
      </c>
      <c r="CC32" s="169">
        <v>1</v>
      </c>
      <c r="CD32" s="170">
        <v>3</v>
      </c>
      <c r="CE32" s="439">
        <v>0</v>
      </c>
      <c r="CF32" s="169">
        <v>3</v>
      </c>
      <c r="CG32" s="169">
        <v>1</v>
      </c>
      <c r="CH32" s="169">
        <v>1</v>
      </c>
      <c r="CI32" s="169">
        <v>0</v>
      </c>
      <c r="CJ32" s="169">
        <v>3</v>
      </c>
      <c r="CK32" s="170">
        <v>8</v>
      </c>
      <c r="CL32" s="171">
        <v>11</v>
      </c>
      <c r="CM32" s="168">
        <v>26</v>
      </c>
      <c r="CN32" s="169">
        <v>21</v>
      </c>
      <c r="CO32" s="170">
        <v>47</v>
      </c>
      <c r="CP32" s="439">
        <v>0</v>
      </c>
      <c r="CQ32" s="169">
        <v>48</v>
      </c>
      <c r="CR32" s="169">
        <v>47</v>
      </c>
      <c r="CS32" s="169">
        <v>48</v>
      </c>
      <c r="CT32" s="169">
        <v>28</v>
      </c>
      <c r="CU32" s="169">
        <v>21</v>
      </c>
      <c r="CV32" s="170">
        <v>192</v>
      </c>
      <c r="CW32" s="171">
        <v>239</v>
      </c>
      <c r="CX32" s="172">
        <v>50</v>
      </c>
      <c r="CY32" s="164">
        <v>49</v>
      </c>
      <c r="CZ32" s="165">
        <v>99</v>
      </c>
      <c r="DA32" s="439">
        <v>0</v>
      </c>
      <c r="DB32" s="164">
        <v>92</v>
      </c>
      <c r="DC32" s="164">
        <v>89</v>
      </c>
      <c r="DD32" s="164">
        <v>73</v>
      </c>
      <c r="DE32" s="164">
        <v>85</v>
      </c>
      <c r="DF32" s="164">
        <v>53</v>
      </c>
      <c r="DG32" s="166">
        <v>392</v>
      </c>
      <c r="DH32" s="167">
        <v>491</v>
      </c>
      <c r="DI32" s="168">
        <v>2</v>
      </c>
      <c r="DJ32" s="169">
        <v>2</v>
      </c>
      <c r="DK32" s="170">
        <v>4</v>
      </c>
      <c r="DL32" s="439">
        <v>0</v>
      </c>
      <c r="DM32" s="169">
        <v>4</v>
      </c>
      <c r="DN32" s="169">
        <v>3</v>
      </c>
      <c r="DO32" s="169">
        <v>2</v>
      </c>
      <c r="DP32" s="169">
        <v>2</v>
      </c>
      <c r="DQ32" s="169">
        <v>2</v>
      </c>
      <c r="DR32" s="170">
        <v>13</v>
      </c>
      <c r="DS32" s="171">
        <v>17</v>
      </c>
      <c r="DT32" s="168">
        <v>3</v>
      </c>
      <c r="DU32" s="169">
        <v>4</v>
      </c>
      <c r="DV32" s="170">
        <v>7</v>
      </c>
      <c r="DW32" s="439">
        <v>0</v>
      </c>
      <c r="DX32" s="169">
        <v>6</v>
      </c>
      <c r="DY32" s="169">
        <v>7</v>
      </c>
      <c r="DZ32" s="169">
        <v>3</v>
      </c>
      <c r="EA32" s="169">
        <v>2</v>
      </c>
      <c r="EB32" s="169">
        <v>3</v>
      </c>
      <c r="EC32" s="170">
        <v>21</v>
      </c>
      <c r="ED32" s="171">
        <v>28</v>
      </c>
      <c r="EE32" s="168">
        <v>8</v>
      </c>
      <c r="EF32" s="169">
        <v>4</v>
      </c>
      <c r="EG32" s="170">
        <v>12</v>
      </c>
      <c r="EH32" s="439">
        <v>0</v>
      </c>
      <c r="EI32" s="169">
        <v>8</v>
      </c>
      <c r="EJ32" s="169">
        <v>10</v>
      </c>
      <c r="EK32" s="169">
        <v>6</v>
      </c>
      <c r="EL32" s="169">
        <v>7</v>
      </c>
      <c r="EM32" s="169">
        <v>4</v>
      </c>
      <c r="EN32" s="170">
        <v>35</v>
      </c>
      <c r="EO32" s="171">
        <v>47</v>
      </c>
      <c r="EP32" s="168">
        <v>19</v>
      </c>
      <c r="EQ32" s="169">
        <v>14</v>
      </c>
      <c r="ER32" s="170">
        <v>33</v>
      </c>
      <c r="ES32" s="439">
        <v>0</v>
      </c>
      <c r="ET32" s="169">
        <v>23</v>
      </c>
      <c r="EU32" s="169">
        <v>17</v>
      </c>
      <c r="EV32" s="169">
        <v>21</v>
      </c>
      <c r="EW32" s="169">
        <v>17</v>
      </c>
      <c r="EX32" s="169">
        <v>13</v>
      </c>
      <c r="EY32" s="170">
        <v>91</v>
      </c>
      <c r="EZ32" s="171">
        <v>124</v>
      </c>
      <c r="FA32" s="168">
        <v>15</v>
      </c>
      <c r="FB32" s="169">
        <v>11</v>
      </c>
      <c r="FC32" s="170">
        <v>26</v>
      </c>
      <c r="FD32" s="439">
        <v>0</v>
      </c>
      <c r="FE32" s="169">
        <v>25</v>
      </c>
      <c r="FF32" s="169">
        <v>30</v>
      </c>
      <c r="FG32" s="169">
        <v>16</v>
      </c>
      <c r="FH32" s="169">
        <v>21</v>
      </c>
      <c r="FI32" s="169">
        <v>10</v>
      </c>
      <c r="FJ32" s="170">
        <v>102</v>
      </c>
      <c r="FK32" s="171">
        <v>128</v>
      </c>
      <c r="FL32" s="168">
        <v>3</v>
      </c>
      <c r="FM32" s="169">
        <v>14</v>
      </c>
      <c r="FN32" s="170">
        <v>17</v>
      </c>
      <c r="FO32" s="439">
        <v>0</v>
      </c>
      <c r="FP32" s="169">
        <v>26</v>
      </c>
      <c r="FQ32" s="169">
        <v>22</v>
      </c>
      <c r="FR32" s="169">
        <v>25</v>
      </c>
      <c r="FS32" s="169">
        <v>36</v>
      </c>
      <c r="FT32" s="169">
        <v>21</v>
      </c>
      <c r="FU32" s="170">
        <v>130</v>
      </c>
      <c r="FV32" s="171">
        <v>147</v>
      </c>
      <c r="FW32" s="168">
        <v>0</v>
      </c>
      <c r="FX32" s="169">
        <v>3</v>
      </c>
      <c r="FY32" s="170">
        <v>3</v>
      </c>
      <c r="FZ32" s="439">
        <v>0</v>
      </c>
      <c r="GA32" s="169">
        <v>0</v>
      </c>
      <c r="GB32" s="169">
        <v>1</v>
      </c>
      <c r="GC32" s="169">
        <v>2</v>
      </c>
      <c r="GD32" s="169">
        <v>0</v>
      </c>
      <c r="GE32" s="169">
        <v>1</v>
      </c>
      <c r="GF32" s="170">
        <v>4</v>
      </c>
      <c r="GG32" s="171">
        <v>7</v>
      </c>
      <c r="GH32" s="168">
        <v>50</v>
      </c>
      <c r="GI32" s="169">
        <v>52</v>
      </c>
      <c r="GJ32" s="170">
        <v>102</v>
      </c>
      <c r="GK32" s="439">
        <v>0</v>
      </c>
      <c r="GL32" s="169">
        <v>92</v>
      </c>
      <c r="GM32" s="169">
        <v>90</v>
      </c>
      <c r="GN32" s="169">
        <v>75</v>
      </c>
      <c r="GO32" s="169">
        <v>85</v>
      </c>
      <c r="GP32" s="169">
        <v>54</v>
      </c>
      <c r="GQ32" s="170">
        <v>396</v>
      </c>
      <c r="GR32" s="171">
        <v>498</v>
      </c>
      <c r="GS32" s="172">
        <v>74</v>
      </c>
      <c r="GT32" s="164">
        <v>69</v>
      </c>
      <c r="GU32" s="165">
        <v>143</v>
      </c>
      <c r="GV32" s="439">
        <v>0</v>
      </c>
      <c r="GW32" s="164">
        <v>137</v>
      </c>
      <c r="GX32" s="164">
        <v>135</v>
      </c>
      <c r="GY32" s="164">
        <v>120</v>
      </c>
      <c r="GZ32" s="164">
        <v>113</v>
      </c>
      <c r="HA32" s="164">
        <v>71</v>
      </c>
      <c r="HB32" s="166">
        <v>576</v>
      </c>
      <c r="HC32" s="167">
        <v>719</v>
      </c>
      <c r="HD32" s="168">
        <v>5</v>
      </c>
      <c r="HE32" s="169">
        <v>2</v>
      </c>
      <c r="HF32" s="170">
        <v>7</v>
      </c>
      <c r="HG32" s="439">
        <v>0</v>
      </c>
      <c r="HH32" s="169">
        <v>9</v>
      </c>
      <c r="HI32" s="169">
        <v>5</v>
      </c>
      <c r="HJ32" s="169">
        <v>5</v>
      </c>
      <c r="HK32" s="169">
        <v>3</v>
      </c>
      <c r="HL32" s="169">
        <v>4</v>
      </c>
      <c r="HM32" s="170">
        <v>26</v>
      </c>
      <c r="HN32" s="171">
        <v>33</v>
      </c>
      <c r="HO32" s="168">
        <v>5</v>
      </c>
      <c r="HP32" s="169">
        <v>7</v>
      </c>
      <c r="HQ32" s="170">
        <v>12</v>
      </c>
      <c r="HR32" s="439">
        <v>0</v>
      </c>
      <c r="HS32" s="169">
        <v>10</v>
      </c>
      <c r="HT32" s="169">
        <v>10</v>
      </c>
      <c r="HU32" s="169">
        <v>10</v>
      </c>
      <c r="HV32" s="169">
        <v>4</v>
      </c>
      <c r="HW32" s="169">
        <v>3</v>
      </c>
      <c r="HX32" s="170">
        <v>37</v>
      </c>
      <c r="HY32" s="171">
        <v>49</v>
      </c>
      <c r="HZ32" s="168">
        <v>8</v>
      </c>
      <c r="IA32" s="169">
        <v>5</v>
      </c>
      <c r="IB32" s="170">
        <v>13</v>
      </c>
      <c r="IC32" s="439">
        <v>0</v>
      </c>
      <c r="ID32" s="169">
        <v>21</v>
      </c>
      <c r="IE32" s="169">
        <v>17</v>
      </c>
      <c r="IF32" s="169">
        <v>13</v>
      </c>
      <c r="IG32" s="169">
        <v>14</v>
      </c>
      <c r="IH32" s="169">
        <v>5</v>
      </c>
      <c r="II32" s="170">
        <v>70</v>
      </c>
      <c r="IJ32" s="171">
        <v>83</v>
      </c>
      <c r="IK32" s="168">
        <v>29</v>
      </c>
      <c r="IL32" s="169">
        <v>23</v>
      </c>
      <c r="IM32" s="170">
        <v>52</v>
      </c>
      <c r="IN32" s="439">
        <v>0</v>
      </c>
      <c r="IO32" s="169">
        <v>32</v>
      </c>
      <c r="IP32" s="169">
        <v>27</v>
      </c>
      <c r="IQ32" s="169">
        <v>30</v>
      </c>
      <c r="IR32" s="169">
        <v>25</v>
      </c>
      <c r="IS32" s="169">
        <v>16</v>
      </c>
      <c r="IT32" s="170">
        <v>130</v>
      </c>
      <c r="IU32" s="171">
        <v>182</v>
      </c>
      <c r="IV32" s="168">
        <v>23</v>
      </c>
      <c r="IW32" s="169">
        <v>15</v>
      </c>
      <c r="IX32" s="170">
        <v>38</v>
      </c>
      <c r="IY32" s="439">
        <v>0</v>
      </c>
      <c r="IZ32" s="169">
        <v>34</v>
      </c>
      <c r="JA32" s="169">
        <v>37</v>
      </c>
      <c r="JB32" s="169">
        <v>31</v>
      </c>
      <c r="JC32" s="169">
        <v>26</v>
      </c>
      <c r="JD32" s="169">
        <v>13</v>
      </c>
      <c r="JE32" s="170">
        <v>141</v>
      </c>
      <c r="JF32" s="171">
        <v>179</v>
      </c>
      <c r="JG32" s="168">
        <v>4</v>
      </c>
      <c r="JH32" s="169">
        <v>17</v>
      </c>
      <c r="JI32" s="170">
        <v>21</v>
      </c>
      <c r="JJ32" s="439">
        <v>0</v>
      </c>
      <c r="JK32" s="169">
        <v>31</v>
      </c>
      <c r="JL32" s="169">
        <v>39</v>
      </c>
      <c r="JM32" s="169">
        <v>31</v>
      </c>
      <c r="JN32" s="169">
        <v>41</v>
      </c>
      <c r="JO32" s="169">
        <v>30</v>
      </c>
      <c r="JP32" s="170">
        <v>172</v>
      </c>
      <c r="JQ32" s="171">
        <v>193</v>
      </c>
      <c r="JR32" s="168">
        <v>2</v>
      </c>
      <c r="JS32" s="169">
        <v>4</v>
      </c>
      <c r="JT32" s="170">
        <v>6</v>
      </c>
      <c r="JU32" s="439">
        <v>0</v>
      </c>
      <c r="JV32" s="169">
        <v>3</v>
      </c>
      <c r="JW32" s="169">
        <v>2</v>
      </c>
      <c r="JX32" s="169">
        <v>3</v>
      </c>
      <c r="JY32" s="169">
        <v>0</v>
      </c>
      <c r="JZ32" s="169">
        <v>4</v>
      </c>
      <c r="KA32" s="170">
        <v>12</v>
      </c>
      <c r="KB32" s="171">
        <v>18</v>
      </c>
      <c r="KC32" s="168">
        <v>76</v>
      </c>
      <c r="KD32" s="169">
        <v>73</v>
      </c>
      <c r="KE32" s="170">
        <v>149</v>
      </c>
      <c r="KF32" s="439">
        <v>0</v>
      </c>
      <c r="KG32" s="169">
        <v>140</v>
      </c>
      <c r="KH32" s="169">
        <v>137</v>
      </c>
      <c r="KI32" s="169">
        <v>123</v>
      </c>
      <c r="KJ32" s="169">
        <v>113</v>
      </c>
      <c r="KK32" s="169">
        <v>75</v>
      </c>
      <c r="KL32" s="170">
        <v>588</v>
      </c>
      <c r="KM32" s="171">
        <v>737</v>
      </c>
    </row>
    <row r="33" spans="2:299" s="137" customFormat="1" ht="21" customHeight="1" x14ac:dyDescent="0.2">
      <c r="B33" s="173" t="s">
        <v>30</v>
      </c>
      <c r="C33" s="163">
        <v>26</v>
      </c>
      <c r="D33" s="164">
        <v>10</v>
      </c>
      <c r="E33" s="165">
        <v>36</v>
      </c>
      <c r="F33" s="439">
        <v>0</v>
      </c>
      <c r="G33" s="164">
        <v>29</v>
      </c>
      <c r="H33" s="164">
        <v>27</v>
      </c>
      <c r="I33" s="164">
        <v>25</v>
      </c>
      <c r="J33" s="164">
        <v>29</v>
      </c>
      <c r="K33" s="164">
        <v>14</v>
      </c>
      <c r="L33" s="166">
        <v>124</v>
      </c>
      <c r="M33" s="167">
        <v>160</v>
      </c>
      <c r="N33" s="168">
        <v>2</v>
      </c>
      <c r="O33" s="169">
        <v>2</v>
      </c>
      <c r="P33" s="170">
        <v>4</v>
      </c>
      <c r="Q33" s="439">
        <v>0</v>
      </c>
      <c r="R33" s="169">
        <v>0</v>
      </c>
      <c r="S33" s="169">
        <v>1</v>
      </c>
      <c r="T33" s="169">
        <v>0</v>
      </c>
      <c r="U33" s="169">
        <v>3</v>
      </c>
      <c r="V33" s="169">
        <v>2</v>
      </c>
      <c r="W33" s="170">
        <v>6</v>
      </c>
      <c r="X33" s="171">
        <v>10</v>
      </c>
      <c r="Y33" s="168">
        <v>7</v>
      </c>
      <c r="Z33" s="169">
        <v>1</v>
      </c>
      <c r="AA33" s="170">
        <v>8</v>
      </c>
      <c r="AB33" s="439">
        <v>0</v>
      </c>
      <c r="AC33" s="169">
        <v>3</v>
      </c>
      <c r="AD33" s="169">
        <v>6</v>
      </c>
      <c r="AE33" s="169">
        <v>3</v>
      </c>
      <c r="AF33" s="169">
        <v>1</v>
      </c>
      <c r="AG33" s="169">
        <v>2</v>
      </c>
      <c r="AH33" s="170">
        <v>15</v>
      </c>
      <c r="AI33" s="171">
        <v>23</v>
      </c>
      <c r="AJ33" s="168">
        <v>3</v>
      </c>
      <c r="AK33" s="169">
        <v>2</v>
      </c>
      <c r="AL33" s="170">
        <v>5</v>
      </c>
      <c r="AM33" s="439">
        <v>0</v>
      </c>
      <c r="AN33" s="169">
        <v>3</v>
      </c>
      <c r="AO33" s="169">
        <v>3</v>
      </c>
      <c r="AP33" s="169">
        <v>3</v>
      </c>
      <c r="AQ33" s="169">
        <v>8</v>
      </c>
      <c r="AR33" s="169">
        <v>2</v>
      </c>
      <c r="AS33" s="170">
        <v>19</v>
      </c>
      <c r="AT33" s="171">
        <v>24</v>
      </c>
      <c r="AU33" s="168">
        <v>8</v>
      </c>
      <c r="AV33" s="169">
        <v>0</v>
      </c>
      <c r="AW33" s="170">
        <v>8</v>
      </c>
      <c r="AX33" s="439">
        <v>0</v>
      </c>
      <c r="AY33" s="169">
        <v>13</v>
      </c>
      <c r="AZ33" s="169">
        <v>5</v>
      </c>
      <c r="BA33" s="169">
        <v>6</v>
      </c>
      <c r="BB33" s="169">
        <v>4</v>
      </c>
      <c r="BC33" s="169">
        <v>2</v>
      </c>
      <c r="BD33" s="170">
        <v>30</v>
      </c>
      <c r="BE33" s="171">
        <v>38</v>
      </c>
      <c r="BF33" s="168">
        <v>2</v>
      </c>
      <c r="BG33" s="169">
        <v>2</v>
      </c>
      <c r="BH33" s="170">
        <v>4</v>
      </c>
      <c r="BI33" s="439">
        <v>0</v>
      </c>
      <c r="BJ33" s="169">
        <v>6</v>
      </c>
      <c r="BK33" s="169">
        <v>8</v>
      </c>
      <c r="BL33" s="169">
        <v>7</v>
      </c>
      <c r="BM33" s="169">
        <v>6</v>
      </c>
      <c r="BN33" s="169">
        <v>1</v>
      </c>
      <c r="BO33" s="170">
        <v>28</v>
      </c>
      <c r="BP33" s="171">
        <v>32</v>
      </c>
      <c r="BQ33" s="168">
        <v>4</v>
      </c>
      <c r="BR33" s="169">
        <v>3</v>
      </c>
      <c r="BS33" s="170">
        <v>7</v>
      </c>
      <c r="BT33" s="439">
        <v>0</v>
      </c>
      <c r="BU33" s="169">
        <v>4</v>
      </c>
      <c r="BV33" s="169">
        <v>4</v>
      </c>
      <c r="BW33" s="169">
        <v>6</v>
      </c>
      <c r="BX33" s="169">
        <v>7</v>
      </c>
      <c r="BY33" s="169">
        <v>5</v>
      </c>
      <c r="BZ33" s="170">
        <v>26</v>
      </c>
      <c r="CA33" s="171">
        <v>33</v>
      </c>
      <c r="CB33" s="168">
        <v>1</v>
      </c>
      <c r="CC33" s="169">
        <v>0</v>
      </c>
      <c r="CD33" s="170">
        <v>1</v>
      </c>
      <c r="CE33" s="439">
        <v>0</v>
      </c>
      <c r="CF33" s="169">
        <v>2</v>
      </c>
      <c r="CG33" s="169">
        <v>3</v>
      </c>
      <c r="CH33" s="169">
        <v>0</v>
      </c>
      <c r="CI33" s="169">
        <v>1</v>
      </c>
      <c r="CJ33" s="169">
        <v>0</v>
      </c>
      <c r="CK33" s="170">
        <v>6</v>
      </c>
      <c r="CL33" s="171">
        <v>7</v>
      </c>
      <c r="CM33" s="168">
        <v>27</v>
      </c>
      <c r="CN33" s="169">
        <v>10</v>
      </c>
      <c r="CO33" s="170">
        <v>37</v>
      </c>
      <c r="CP33" s="439">
        <v>0</v>
      </c>
      <c r="CQ33" s="169">
        <v>31</v>
      </c>
      <c r="CR33" s="169">
        <v>30</v>
      </c>
      <c r="CS33" s="169">
        <v>25</v>
      </c>
      <c r="CT33" s="169">
        <v>30</v>
      </c>
      <c r="CU33" s="169">
        <v>14</v>
      </c>
      <c r="CV33" s="170">
        <v>130</v>
      </c>
      <c r="CW33" s="171">
        <v>167</v>
      </c>
      <c r="CX33" s="172">
        <v>40</v>
      </c>
      <c r="CY33" s="164">
        <v>32</v>
      </c>
      <c r="CZ33" s="165">
        <v>72</v>
      </c>
      <c r="DA33" s="439">
        <v>0</v>
      </c>
      <c r="DB33" s="164">
        <v>98</v>
      </c>
      <c r="DC33" s="164">
        <v>62</v>
      </c>
      <c r="DD33" s="164">
        <v>64</v>
      </c>
      <c r="DE33" s="164">
        <v>67</v>
      </c>
      <c r="DF33" s="164">
        <v>40</v>
      </c>
      <c r="DG33" s="166">
        <v>331</v>
      </c>
      <c r="DH33" s="167">
        <v>403</v>
      </c>
      <c r="DI33" s="168">
        <v>2</v>
      </c>
      <c r="DJ33" s="169">
        <v>0</v>
      </c>
      <c r="DK33" s="170">
        <v>2</v>
      </c>
      <c r="DL33" s="439">
        <v>0</v>
      </c>
      <c r="DM33" s="169">
        <v>1</v>
      </c>
      <c r="DN33" s="169">
        <v>0</v>
      </c>
      <c r="DO33" s="169">
        <v>1</v>
      </c>
      <c r="DP33" s="169">
        <v>0</v>
      </c>
      <c r="DQ33" s="169">
        <v>1</v>
      </c>
      <c r="DR33" s="170">
        <v>3</v>
      </c>
      <c r="DS33" s="171">
        <v>5</v>
      </c>
      <c r="DT33" s="168">
        <v>4</v>
      </c>
      <c r="DU33" s="169">
        <v>1</v>
      </c>
      <c r="DV33" s="170">
        <v>5</v>
      </c>
      <c r="DW33" s="439">
        <v>0</v>
      </c>
      <c r="DX33" s="169">
        <v>1</v>
      </c>
      <c r="DY33" s="169">
        <v>2</v>
      </c>
      <c r="DZ33" s="169">
        <v>3</v>
      </c>
      <c r="EA33" s="169">
        <v>3</v>
      </c>
      <c r="EB33" s="169">
        <v>2</v>
      </c>
      <c r="EC33" s="170">
        <v>11</v>
      </c>
      <c r="ED33" s="171">
        <v>16</v>
      </c>
      <c r="EE33" s="168">
        <v>7</v>
      </c>
      <c r="EF33" s="169">
        <v>3</v>
      </c>
      <c r="EG33" s="170">
        <v>10</v>
      </c>
      <c r="EH33" s="439">
        <v>0</v>
      </c>
      <c r="EI33" s="169">
        <v>9</v>
      </c>
      <c r="EJ33" s="169">
        <v>8</v>
      </c>
      <c r="EK33" s="169">
        <v>9</v>
      </c>
      <c r="EL33" s="169">
        <v>5</v>
      </c>
      <c r="EM33" s="169">
        <v>2</v>
      </c>
      <c r="EN33" s="170">
        <v>33</v>
      </c>
      <c r="EO33" s="171">
        <v>43</v>
      </c>
      <c r="EP33" s="168">
        <v>12</v>
      </c>
      <c r="EQ33" s="169">
        <v>10</v>
      </c>
      <c r="ER33" s="170">
        <v>22</v>
      </c>
      <c r="ES33" s="439">
        <v>0</v>
      </c>
      <c r="ET33" s="169">
        <v>30</v>
      </c>
      <c r="EU33" s="169">
        <v>12</v>
      </c>
      <c r="EV33" s="169">
        <v>8</v>
      </c>
      <c r="EW33" s="169">
        <v>8</v>
      </c>
      <c r="EX33" s="169">
        <v>8</v>
      </c>
      <c r="EY33" s="170">
        <v>66</v>
      </c>
      <c r="EZ33" s="171">
        <v>88</v>
      </c>
      <c r="FA33" s="168">
        <v>8</v>
      </c>
      <c r="FB33" s="169">
        <v>8</v>
      </c>
      <c r="FC33" s="170">
        <v>16</v>
      </c>
      <c r="FD33" s="439">
        <v>0</v>
      </c>
      <c r="FE33" s="169">
        <v>25</v>
      </c>
      <c r="FF33" s="169">
        <v>15</v>
      </c>
      <c r="FG33" s="169">
        <v>11</v>
      </c>
      <c r="FH33" s="169">
        <v>17</v>
      </c>
      <c r="FI33" s="169">
        <v>10</v>
      </c>
      <c r="FJ33" s="170">
        <v>78</v>
      </c>
      <c r="FK33" s="171">
        <v>94</v>
      </c>
      <c r="FL33" s="168">
        <v>7</v>
      </c>
      <c r="FM33" s="169">
        <v>10</v>
      </c>
      <c r="FN33" s="170">
        <v>17</v>
      </c>
      <c r="FO33" s="439">
        <v>0</v>
      </c>
      <c r="FP33" s="169">
        <v>32</v>
      </c>
      <c r="FQ33" s="169">
        <v>25</v>
      </c>
      <c r="FR33" s="169">
        <v>32</v>
      </c>
      <c r="FS33" s="169">
        <v>34</v>
      </c>
      <c r="FT33" s="169">
        <v>17</v>
      </c>
      <c r="FU33" s="170">
        <v>140</v>
      </c>
      <c r="FV33" s="171">
        <v>157</v>
      </c>
      <c r="FW33" s="168">
        <v>0</v>
      </c>
      <c r="FX33" s="169">
        <v>2</v>
      </c>
      <c r="FY33" s="170">
        <v>2</v>
      </c>
      <c r="FZ33" s="439">
        <v>0</v>
      </c>
      <c r="GA33" s="169">
        <v>1</v>
      </c>
      <c r="GB33" s="169">
        <v>0</v>
      </c>
      <c r="GC33" s="169">
        <v>1</v>
      </c>
      <c r="GD33" s="169">
        <v>2</v>
      </c>
      <c r="GE33" s="169">
        <v>0</v>
      </c>
      <c r="GF33" s="170">
        <v>4</v>
      </c>
      <c r="GG33" s="171">
        <v>6</v>
      </c>
      <c r="GH33" s="168">
        <v>40</v>
      </c>
      <c r="GI33" s="169">
        <v>34</v>
      </c>
      <c r="GJ33" s="170">
        <v>74</v>
      </c>
      <c r="GK33" s="439">
        <v>0</v>
      </c>
      <c r="GL33" s="169">
        <v>99</v>
      </c>
      <c r="GM33" s="169">
        <v>62</v>
      </c>
      <c r="GN33" s="169">
        <v>65</v>
      </c>
      <c r="GO33" s="169">
        <v>69</v>
      </c>
      <c r="GP33" s="169">
        <v>40</v>
      </c>
      <c r="GQ33" s="170">
        <v>335</v>
      </c>
      <c r="GR33" s="171">
        <v>409</v>
      </c>
      <c r="GS33" s="172">
        <v>66</v>
      </c>
      <c r="GT33" s="164">
        <v>42</v>
      </c>
      <c r="GU33" s="165">
        <v>108</v>
      </c>
      <c r="GV33" s="439">
        <v>0</v>
      </c>
      <c r="GW33" s="164">
        <v>127</v>
      </c>
      <c r="GX33" s="164">
        <v>89</v>
      </c>
      <c r="GY33" s="164">
        <v>89</v>
      </c>
      <c r="GZ33" s="164">
        <v>96</v>
      </c>
      <c r="HA33" s="164">
        <v>54</v>
      </c>
      <c r="HB33" s="166">
        <v>455</v>
      </c>
      <c r="HC33" s="167">
        <v>563</v>
      </c>
      <c r="HD33" s="168">
        <v>4</v>
      </c>
      <c r="HE33" s="169">
        <v>2</v>
      </c>
      <c r="HF33" s="170">
        <v>6</v>
      </c>
      <c r="HG33" s="439">
        <v>0</v>
      </c>
      <c r="HH33" s="169">
        <v>1</v>
      </c>
      <c r="HI33" s="169">
        <v>1</v>
      </c>
      <c r="HJ33" s="169">
        <v>1</v>
      </c>
      <c r="HK33" s="169">
        <v>3</v>
      </c>
      <c r="HL33" s="169">
        <v>3</v>
      </c>
      <c r="HM33" s="170">
        <v>9</v>
      </c>
      <c r="HN33" s="171">
        <v>15</v>
      </c>
      <c r="HO33" s="168">
        <v>11</v>
      </c>
      <c r="HP33" s="169">
        <v>2</v>
      </c>
      <c r="HQ33" s="170">
        <v>13</v>
      </c>
      <c r="HR33" s="439">
        <v>0</v>
      </c>
      <c r="HS33" s="169">
        <v>4</v>
      </c>
      <c r="HT33" s="169">
        <v>8</v>
      </c>
      <c r="HU33" s="169">
        <v>6</v>
      </c>
      <c r="HV33" s="169">
        <v>4</v>
      </c>
      <c r="HW33" s="169">
        <v>4</v>
      </c>
      <c r="HX33" s="170">
        <v>26</v>
      </c>
      <c r="HY33" s="171">
        <v>39</v>
      </c>
      <c r="HZ33" s="168">
        <v>10</v>
      </c>
      <c r="IA33" s="169">
        <v>5</v>
      </c>
      <c r="IB33" s="170">
        <v>15</v>
      </c>
      <c r="IC33" s="439">
        <v>0</v>
      </c>
      <c r="ID33" s="169">
        <v>12</v>
      </c>
      <c r="IE33" s="169">
        <v>11</v>
      </c>
      <c r="IF33" s="169">
        <v>12</v>
      </c>
      <c r="IG33" s="169">
        <v>13</v>
      </c>
      <c r="IH33" s="169">
        <v>4</v>
      </c>
      <c r="II33" s="170">
        <v>52</v>
      </c>
      <c r="IJ33" s="171">
        <v>67</v>
      </c>
      <c r="IK33" s="168">
        <v>20</v>
      </c>
      <c r="IL33" s="169">
        <v>10</v>
      </c>
      <c r="IM33" s="170">
        <v>30</v>
      </c>
      <c r="IN33" s="439">
        <v>0</v>
      </c>
      <c r="IO33" s="169">
        <v>43</v>
      </c>
      <c r="IP33" s="169">
        <v>17</v>
      </c>
      <c r="IQ33" s="169">
        <v>14</v>
      </c>
      <c r="IR33" s="169">
        <v>12</v>
      </c>
      <c r="IS33" s="169">
        <v>10</v>
      </c>
      <c r="IT33" s="170">
        <v>96</v>
      </c>
      <c r="IU33" s="171">
        <v>126</v>
      </c>
      <c r="IV33" s="168">
        <v>10</v>
      </c>
      <c r="IW33" s="169">
        <v>10</v>
      </c>
      <c r="IX33" s="170">
        <v>20</v>
      </c>
      <c r="IY33" s="439">
        <v>0</v>
      </c>
      <c r="IZ33" s="169">
        <v>31</v>
      </c>
      <c r="JA33" s="169">
        <v>23</v>
      </c>
      <c r="JB33" s="169">
        <v>18</v>
      </c>
      <c r="JC33" s="169">
        <v>23</v>
      </c>
      <c r="JD33" s="169">
        <v>11</v>
      </c>
      <c r="JE33" s="170">
        <v>106</v>
      </c>
      <c r="JF33" s="171">
        <v>126</v>
      </c>
      <c r="JG33" s="168">
        <v>11</v>
      </c>
      <c r="JH33" s="169">
        <v>13</v>
      </c>
      <c r="JI33" s="170">
        <v>24</v>
      </c>
      <c r="JJ33" s="439">
        <v>0</v>
      </c>
      <c r="JK33" s="169">
        <v>36</v>
      </c>
      <c r="JL33" s="169">
        <v>29</v>
      </c>
      <c r="JM33" s="169">
        <v>38</v>
      </c>
      <c r="JN33" s="169">
        <v>41</v>
      </c>
      <c r="JO33" s="169">
        <v>22</v>
      </c>
      <c r="JP33" s="170">
        <v>166</v>
      </c>
      <c r="JQ33" s="171">
        <v>190</v>
      </c>
      <c r="JR33" s="168">
        <v>1</v>
      </c>
      <c r="JS33" s="169">
        <v>2</v>
      </c>
      <c r="JT33" s="170">
        <v>3</v>
      </c>
      <c r="JU33" s="439">
        <v>0</v>
      </c>
      <c r="JV33" s="169">
        <v>3</v>
      </c>
      <c r="JW33" s="169">
        <v>3</v>
      </c>
      <c r="JX33" s="169">
        <v>1</v>
      </c>
      <c r="JY33" s="169">
        <v>3</v>
      </c>
      <c r="JZ33" s="169">
        <v>0</v>
      </c>
      <c r="KA33" s="170">
        <v>10</v>
      </c>
      <c r="KB33" s="171">
        <v>13</v>
      </c>
      <c r="KC33" s="168">
        <v>67</v>
      </c>
      <c r="KD33" s="169">
        <v>44</v>
      </c>
      <c r="KE33" s="170">
        <v>111</v>
      </c>
      <c r="KF33" s="439">
        <v>0</v>
      </c>
      <c r="KG33" s="169">
        <v>130</v>
      </c>
      <c r="KH33" s="169">
        <v>92</v>
      </c>
      <c r="KI33" s="169">
        <v>90</v>
      </c>
      <c r="KJ33" s="169">
        <v>99</v>
      </c>
      <c r="KK33" s="169">
        <v>54</v>
      </c>
      <c r="KL33" s="170">
        <v>465</v>
      </c>
      <c r="KM33" s="171">
        <v>576</v>
      </c>
    </row>
    <row r="34" spans="2:299" s="137" customFormat="1" ht="21" customHeight="1" x14ac:dyDescent="0.2">
      <c r="B34" s="173" t="s">
        <v>31</v>
      </c>
      <c r="C34" s="163">
        <v>17</v>
      </c>
      <c r="D34" s="164">
        <v>41</v>
      </c>
      <c r="E34" s="165">
        <v>58</v>
      </c>
      <c r="F34" s="439">
        <v>0</v>
      </c>
      <c r="G34" s="164">
        <v>57</v>
      </c>
      <c r="H34" s="164">
        <v>40</v>
      </c>
      <c r="I34" s="164">
        <v>46</v>
      </c>
      <c r="J34" s="164">
        <v>30</v>
      </c>
      <c r="K34" s="164">
        <v>17</v>
      </c>
      <c r="L34" s="166">
        <v>190</v>
      </c>
      <c r="M34" s="167">
        <v>248</v>
      </c>
      <c r="N34" s="168">
        <v>0</v>
      </c>
      <c r="O34" s="169">
        <v>2</v>
      </c>
      <c r="P34" s="170">
        <v>2</v>
      </c>
      <c r="Q34" s="439">
        <v>0</v>
      </c>
      <c r="R34" s="169">
        <v>0</v>
      </c>
      <c r="S34" s="169">
        <v>3</v>
      </c>
      <c r="T34" s="169">
        <v>4</v>
      </c>
      <c r="U34" s="169">
        <v>2</v>
      </c>
      <c r="V34" s="169">
        <v>2</v>
      </c>
      <c r="W34" s="170">
        <v>11</v>
      </c>
      <c r="X34" s="171">
        <v>13</v>
      </c>
      <c r="Y34" s="168">
        <v>1</v>
      </c>
      <c r="Z34" s="169">
        <v>4</v>
      </c>
      <c r="AA34" s="170">
        <v>5</v>
      </c>
      <c r="AB34" s="439">
        <v>0</v>
      </c>
      <c r="AC34" s="169">
        <v>7</v>
      </c>
      <c r="AD34" s="169">
        <v>4</v>
      </c>
      <c r="AE34" s="169">
        <v>8</v>
      </c>
      <c r="AF34" s="169">
        <v>5</v>
      </c>
      <c r="AG34" s="169">
        <v>3</v>
      </c>
      <c r="AH34" s="170">
        <v>27</v>
      </c>
      <c r="AI34" s="171">
        <v>32</v>
      </c>
      <c r="AJ34" s="168">
        <v>3</v>
      </c>
      <c r="AK34" s="169">
        <v>7</v>
      </c>
      <c r="AL34" s="170">
        <v>10</v>
      </c>
      <c r="AM34" s="439">
        <v>0</v>
      </c>
      <c r="AN34" s="169">
        <v>8</v>
      </c>
      <c r="AO34" s="169">
        <v>9</v>
      </c>
      <c r="AP34" s="169">
        <v>8</v>
      </c>
      <c r="AQ34" s="169">
        <v>4</v>
      </c>
      <c r="AR34" s="169">
        <v>5</v>
      </c>
      <c r="AS34" s="170">
        <v>34</v>
      </c>
      <c r="AT34" s="171">
        <v>44</v>
      </c>
      <c r="AU34" s="168">
        <v>3</v>
      </c>
      <c r="AV34" s="169">
        <v>11</v>
      </c>
      <c r="AW34" s="170">
        <v>14</v>
      </c>
      <c r="AX34" s="439">
        <v>0</v>
      </c>
      <c r="AY34" s="169">
        <v>12</v>
      </c>
      <c r="AZ34" s="169">
        <v>8</v>
      </c>
      <c r="BA34" s="169">
        <v>6</v>
      </c>
      <c r="BB34" s="169">
        <v>5</v>
      </c>
      <c r="BC34" s="169">
        <v>0</v>
      </c>
      <c r="BD34" s="170">
        <v>31</v>
      </c>
      <c r="BE34" s="171">
        <v>45</v>
      </c>
      <c r="BF34" s="168">
        <v>6</v>
      </c>
      <c r="BG34" s="169">
        <v>9</v>
      </c>
      <c r="BH34" s="170">
        <v>15</v>
      </c>
      <c r="BI34" s="439">
        <v>0</v>
      </c>
      <c r="BJ34" s="169">
        <v>18</v>
      </c>
      <c r="BK34" s="169">
        <v>10</v>
      </c>
      <c r="BL34" s="169">
        <v>8</v>
      </c>
      <c r="BM34" s="169">
        <v>7</v>
      </c>
      <c r="BN34" s="169">
        <v>3</v>
      </c>
      <c r="BO34" s="170">
        <v>46</v>
      </c>
      <c r="BP34" s="171">
        <v>61</v>
      </c>
      <c r="BQ34" s="168">
        <v>4</v>
      </c>
      <c r="BR34" s="169">
        <v>8</v>
      </c>
      <c r="BS34" s="170">
        <v>12</v>
      </c>
      <c r="BT34" s="439">
        <v>0</v>
      </c>
      <c r="BU34" s="169">
        <v>12</v>
      </c>
      <c r="BV34" s="169">
        <v>6</v>
      </c>
      <c r="BW34" s="169">
        <v>12</v>
      </c>
      <c r="BX34" s="169">
        <v>7</v>
      </c>
      <c r="BY34" s="169">
        <v>4</v>
      </c>
      <c r="BZ34" s="170">
        <v>41</v>
      </c>
      <c r="CA34" s="171">
        <v>53</v>
      </c>
      <c r="CB34" s="168">
        <v>0</v>
      </c>
      <c r="CC34" s="169">
        <v>4</v>
      </c>
      <c r="CD34" s="170">
        <v>4</v>
      </c>
      <c r="CE34" s="439">
        <v>0</v>
      </c>
      <c r="CF34" s="169">
        <v>1</v>
      </c>
      <c r="CG34" s="169">
        <v>1</v>
      </c>
      <c r="CH34" s="169">
        <v>0</v>
      </c>
      <c r="CI34" s="169">
        <v>1</v>
      </c>
      <c r="CJ34" s="169">
        <v>0</v>
      </c>
      <c r="CK34" s="170">
        <v>3</v>
      </c>
      <c r="CL34" s="171">
        <v>7</v>
      </c>
      <c r="CM34" s="168">
        <v>17</v>
      </c>
      <c r="CN34" s="169">
        <v>45</v>
      </c>
      <c r="CO34" s="170">
        <v>62</v>
      </c>
      <c r="CP34" s="439">
        <v>0</v>
      </c>
      <c r="CQ34" s="169">
        <v>58</v>
      </c>
      <c r="CR34" s="169">
        <v>41</v>
      </c>
      <c r="CS34" s="169">
        <v>46</v>
      </c>
      <c r="CT34" s="169">
        <v>31</v>
      </c>
      <c r="CU34" s="169">
        <v>17</v>
      </c>
      <c r="CV34" s="170">
        <v>193</v>
      </c>
      <c r="CW34" s="171">
        <v>255</v>
      </c>
      <c r="CX34" s="172">
        <v>53</v>
      </c>
      <c r="CY34" s="164">
        <v>82</v>
      </c>
      <c r="CZ34" s="165">
        <v>135</v>
      </c>
      <c r="DA34" s="439">
        <v>0</v>
      </c>
      <c r="DB34" s="164">
        <v>112</v>
      </c>
      <c r="DC34" s="164">
        <v>88</v>
      </c>
      <c r="DD34" s="164">
        <v>74</v>
      </c>
      <c r="DE34" s="164">
        <v>60</v>
      </c>
      <c r="DF34" s="164">
        <v>41</v>
      </c>
      <c r="DG34" s="166">
        <v>375</v>
      </c>
      <c r="DH34" s="167">
        <v>510</v>
      </c>
      <c r="DI34" s="168">
        <v>1</v>
      </c>
      <c r="DJ34" s="169">
        <v>0</v>
      </c>
      <c r="DK34" s="170">
        <v>1</v>
      </c>
      <c r="DL34" s="439">
        <v>0</v>
      </c>
      <c r="DM34" s="169">
        <v>1</v>
      </c>
      <c r="DN34" s="169">
        <v>1</v>
      </c>
      <c r="DO34" s="169">
        <v>1</v>
      </c>
      <c r="DP34" s="169">
        <v>2</v>
      </c>
      <c r="DQ34" s="169">
        <v>1</v>
      </c>
      <c r="DR34" s="170">
        <v>6</v>
      </c>
      <c r="DS34" s="171">
        <v>7</v>
      </c>
      <c r="DT34" s="168">
        <v>1</v>
      </c>
      <c r="DU34" s="169">
        <v>4</v>
      </c>
      <c r="DV34" s="170">
        <v>5</v>
      </c>
      <c r="DW34" s="439">
        <v>0</v>
      </c>
      <c r="DX34" s="169">
        <v>10</v>
      </c>
      <c r="DY34" s="169">
        <v>6</v>
      </c>
      <c r="DZ34" s="169">
        <v>6</v>
      </c>
      <c r="EA34" s="169">
        <v>2</v>
      </c>
      <c r="EB34" s="169">
        <v>4</v>
      </c>
      <c r="EC34" s="170">
        <v>28</v>
      </c>
      <c r="ED34" s="171">
        <v>33</v>
      </c>
      <c r="EE34" s="168">
        <v>6</v>
      </c>
      <c r="EF34" s="169">
        <v>6</v>
      </c>
      <c r="EG34" s="170">
        <v>12</v>
      </c>
      <c r="EH34" s="439">
        <v>0</v>
      </c>
      <c r="EI34" s="169">
        <v>14</v>
      </c>
      <c r="EJ34" s="169">
        <v>7</v>
      </c>
      <c r="EK34" s="169">
        <v>4</v>
      </c>
      <c r="EL34" s="169">
        <v>5</v>
      </c>
      <c r="EM34" s="169">
        <v>2</v>
      </c>
      <c r="EN34" s="170">
        <v>32</v>
      </c>
      <c r="EO34" s="171">
        <v>44</v>
      </c>
      <c r="EP34" s="168">
        <v>14</v>
      </c>
      <c r="EQ34" s="169">
        <v>30</v>
      </c>
      <c r="ER34" s="170">
        <v>44</v>
      </c>
      <c r="ES34" s="439">
        <v>0</v>
      </c>
      <c r="ET34" s="169">
        <v>14</v>
      </c>
      <c r="EU34" s="169">
        <v>18</v>
      </c>
      <c r="EV34" s="169">
        <v>14</v>
      </c>
      <c r="EW34" s="169">
        <v>6</v>
      </c>
      <c r="EX34" s="169">
        <v>3</v>
      </c>
      <c r="EY34" s="170">
        <v>55</v>
      </c>
      <c r="EZ34" s="171">
        <v>99</v>
      </c>
      <c r="FA34" s="168">
        <v>22</v>
      </c>
      <c r="FB34" s="169">
        <v>22</v>
      </c>
      <c r="FC34" s="170">
        <v>44</v>
      </c>
      <c r="FD34" s="439">
        <v>0</v>
      </c>
      <c r="FE34" s="169">
        <v>33</v>
      </c>
      <c r="FF34" s="169">
        <v>24</v>
      </c>
      <c r="FG34" s="169">
        <v>21</v>
      </c>
      <c r="FH34" s="169">
        <v>12</v>
      </c>
      <c r="FI34" s="169">
        <v>11</v>
      </c>
      <c r="FJ34" s="170">
        <v>101</v>
      </c>
      <c r="FK34" s="171">
        <v>145</v>
      </c>
      <c r="FL34" s="168">
        <v>9</v>
      </c>
      <c r="FM34" s="169">
        <v>20</v>
      </c>
      <c r="FN34" s="170">
        <v>29</v>
      </c>
      <c r="FO34" s="439">
        <v>0</v>
      </c>
      <c r="FP34" s="169">
        <v>40</v>
      </c>
      <c r="FQ34" s="169">
        <v>32</v>
      </c>
      <c r="FR34" s="169">
        <v>28</v>
      </c>
      <c r="FS34" s="169">
        <v>33</v>
      </c>
      <c r="FT34" s="169">
        <v>20</v>
      </c>
      <c r="FU34" s="170">
        <v>153</v>
      </c>
      <c r="FV34" s="171">
        <v>182</v>
      </c>
      <c r="FW34" s="168">
        <v>0</v>
      </c>
      <c r="FX34" s="169">
        <v>0</v>
      </c>
      <c r="FY34" s="170">
        <v>0</v>
      </c>
      <c r="FZ34" s="439">
        <v>0</v>
      </c>
      <c r="GA34" s="169">
        <v>1</v>
      </c>
      <c r="GB34" s="169">
        <v>0</v>
      </c>
      <c r="GC34" s="169">
        <v>0</v>
      </c>
      <c r="GD34" s="169">
        <v>1</v>
      </c>
      <c r="GE34" s="169">
        <v>2</v>
      </c>
      <c r="GF34" s="170">
        <v>4</v>
      </c>
      <c r="GG34" s="171">
        <v>4</v>
      </c>
      <c r="GH34" s="168">
        <v>53</v>
      </c>
      <c r="GI34" s="169">
        <v>82</v>
      </c>
      <c r="GJ34" s="170">
        <v>135</v>
      </c>
      <c r="GK34" s="439">
        <v>0</v>
      </c>
      <c r="GL34" s="169">
        <v>113</v>
      </c>
      <c r="GM34" s="169">
        <v>88</v>
      </c>
      <c r="GN34" s="169">
        <v>74</v>
      </c>
      <c r="GO34" s="169">
        <v>61</v>
      </c>
      <c r="GP34" s="169">
        <v>43</v>
      </c>
      <c r="GQ34" s="170">
        <v>379</v>
      </c>
      <c r="GR34" s="171">
        <v>514</v>
      </c>
      <c r="GS34" s="172">
        <v>70</v>
      </c>
      <c r="GT34" s="164">
        <v>123</v>
      </c>
      <c r="GU34" s="165">
        <v>193</v>
      </c>
      <c r="GV34" s="439">
        <v>0</v>
      </c>
      <c r="GW34" s="164">
        <v>169</v>
      </c>
      <c r="GX34" s="164">
        <v>128</v>
      </c>
      <c r="GY34" s="164">
        <v>120</v>
      </c>
      <c r="GZ34" s="164">
        <v>90</v>
      </c>
      <c r="HA34" s="164">
        <v>58</v>
      </c>
      <c r="HB34" s="166">
        <v>565</v>
      </c>
      <c r="HC34" s="167">
        <v>758</v>
      </c>
      <c r="HD34" s="168">
        <v>1</v>
      </c>
      <c r="HE34" s="169">
        <v>2</v>
      </c>
      <c r="HF34" s="170">
        <v>3</v>
      </c>
      <c r="HG34" s="439">
        <v>0</v>
      </c>
      <c r="HH34" s="169">
        <v>1</v>
      </c>
      <c r="HI34" s="169">
        <v>4</v>
      </c>
      <c r="HJ34" s="169">
        <v>5</v>
      </c>
      <c r="HK34" s="169">
        <v>4</v>
      </c>
      <c r="HL34" s="169">
        <v>3</v>
      </c>
      <c r="HM34" s="170">
        <v>17</v>
      </c>
      <c r="HN34" s="171">
        <v>20</v>
      </c>
      <c r="HO34" s="168">
        <v>2</v>
      </c>
      <c r="HP34" s="169">
        <v>8</v>
      </c>
      <c r="HQ34" s="170">
        <v>10</v>
      </c>
      <c r="HR34" s="439">
        <v>0</v>
      </c>
      <c r="HS34" s="169">
        <v>17</v>
      </c>
      <c r="HT34" s="169">
        <v>10</v>
      </c>
      <c r="HU34" s="169">
        <v>14</v>
      </c>
      <c r="HV34" s="169">
        <v>7</v>
      </c>
      <c r="HW34" s="169">
        <v>7</v>
      </c>
      <c r="HX34" s="170">
        <v>55</v>
      </c>
      <c r="HY34" s="171">
        <v>65</v>
      </c>
      <c r="HZ34" s="168">
        <v>9</v>
      </c>
      <c r="IA34" s="169">
        <v>13</v>
      </c>
      <c r="IB34" s="170">
        <v>22</v>
      </c>
      <c r="IC34" s="439">
        <v>0</v>
      </c>
      <c r="ID34" s="169">
        <v>22</v>
      </c>
      <c r="IE34" s="169">
        <v>16</v>
      </c>
      <c r="IF34" s="169">
        <v>12</v>
      </c>
      <c r="IG34" s="169">
        <v>9</v>
      </c>
      <c r="IH34" s="169">
        <v>7</v>
      </c>
      <c r="II34" s="170">
        <v>66</v>
      </c>
      <c r="IJ34" s="171">
        <v>88</v>
      </c>
      <c r="IK34" s="168">
        <v>17</v>
      </c>
      <c r="IL34" s="169">
        <v>41</v>
      </c>
      <c r="IM34" s="170">
        <v>58</v>
      </c>
      <c r="IN34" s="439">
        <v>0</v>
      </c>
      <c r="IO34" s="169">
        <v>26</v>
      </c>
      <c r="IP34" s="169">
        <v>26</v>
      </c>
      <c r="IQ34" s="169">
        <v>20</v>
      </c>
      <c r="IR34" s="169">
        <v>11</v>
      </c>
      <c r="IS34" s="169">
        <v>3</v>
      </c>
      <c r="IT34" s="170">
        <v>86</v>
      </c>
      <c r="IU34" s="171">
        <v>144</v>
      </c>
      <c r="IV34" s="168">
        <v>28</v>
      </c>
      <c r="IW34" s="169">
        <v>31</v>
      </c>
      <c r="IX34" s="170">
        <v>59</v>
      </c>
      <c r="IY34" s="439">
        <v>0</v>
      </c>
      <c r="IZ34" s="169">
        <v>51</v>
      </c>
      <c r="JA34" s="169">
        <v>34</v>
      </c>
      <c r="JB34" s="169">
        <v>29</v>
      </c>
      <c r="JC34" s="169">
        <v>19</v>
      </c>
      <c r="JD34" s="169">
        <v>14</v>
      </c>
      <c r="JE34" s="170">
        <v>147</v>
      </c>
      <c r="JF34" s="171">
        <v>206</v>
      </c>
      <c r="JG34" s="168">
        <v>13</v>
      </c>
      <c r="JH34" s="169">
        <v>28</v>
      </c>
      <c r="JI34" s="170">
        <v>41</v>
      </c>
      <c r="JJ34" s="439">
        <v>0</v>
      </c>
      <c r="JK34" s="169">
        <v>52</v>
      </c>
      <c r="JL34" s="169">
        <v>38</v>
      </c>
      <c r="JM34" s="169">
        <v>40</v>
      </c>
      <c r="JN34" s="169">
        <v>40</v>
      </c>
      <c r="JO34" s="169">
        <v>24</v>
      </c>
      <c r="JP34" s="170">
        <v>194</v>
      </c>
      <c r="JQ34" s="171">
        <v>235</v>
      </c>
      <c r="JR34" s="168">
        <v>0</v>
      </c>
      <c r="JS34" s="169">
        <v>4</v>
      </c>
      <c r="JT34" s="170">
        <v>4</v>
      </c>
      <c r="JU34" s="439">
        <v>0</v>
      </c>
      <c r="JV34" s="169">
        <v>2</v>
      </c>
      <c r="JW34" s="169">
        <v>1</v>
      </c>
      <c r="JX34" s="169">
        <v>0</v>
      </c>
      <c r="JY34" s="169">
        <v>2</v>
      </c>
      <c r="JZ34" s="169">
        <v>2</v>
      </c>
      <c r="KA34" s="170">
        <v>7</v>
      </c>
      <c r="KB34" s="171">
        <v>11</v>
      </c>
      <c r="KC34" s="168">
        <v>70</v>
      </c>
      <c r="KD34" s="169">
        <v>127</v>
      </c>
      <c r="KE34" s="170">
        <v>197</v>
      </c>
      <c r="KF34" s="439">
        <v>0</v>
      </c>
      <c r="KG34" s="169">
        <v>171</v>
      </c>
      <c r="KH34" s="169">
        <v>129</v>
      </c>
      <c r="KI34" s="169">
        <v>120</v>
      </c>
      <c r="KJ34" s="169">
        <v>92</v>
      </c>
      <c r="KK34" s="169">
        <v>60</v>
      </c>
      <c r="KL34" s="170">
        <v>572</v>
      </c>
      <c r="KM34" s="171">
        <v>769</v>
      </c>
    </row>
    <row r="35" spans="2:299" s="137" customFormat="1" ht="21" customHeight="1" x14ac:dyDescent="0.2">
      <c r="B35" s="173" t="s">
        <v>32</v>
      </c>
      <c r="C35" s="163">
        <v>25</v>
      </c>
      <c r="D35" s="164">
        <v>31</v>
      </c>
      <c r="E35" s="165">
        <v>56</v>
      </c>
      <c r="F35" s="439">
        <v>0</v>
      </c>
      <c r="G35" s="164">
        <v>77</v>
      </c>
      <c r="H35" s="164">
        <v>55</v>
      </c>
      <c r="I35" s="164">
        <v>32</v>
      </c>
      <c r="J35" s="164">
        <v>33</v>
      </c>
      <c r="K35" s="164">
        <v>32</v>
      </c>
      <c r="L35" s="166">
        <v>229</v>
      </c>
      <c r="M35" s="167">
        <v>285</v>
      </c>
      <c r="N35" s="168">
        <v>4</v>
      </c>
      <c r="O35" s="169">
        <v>0</v>
      </c>
      <c r="P35" s="170">
        <v>4</v>
      </c>
      <c r="Q35" s="439">
        <v>0</v>
      </c>
      <c r="R35" s="169">
        <v>2</v>
      </c>
      <c r="S35" s="169">
        <v>2</v>
      </c>
      <c r="T35" s="169">
        <v>4</v>
      </c>
      <c r="U35" s="169">
        <v>3</v>
      </c>
      <c r="V35" s="169">
        <v>0</v>
      </c>
      <c r="W35" s="170">
        <v>11</v>
      </c>
      <c r="X35" s="171">
        <v>15</v>
      </c>
      <c r="Y35" s="168">
        <v>0</v>
      </c>
      <c r="Z35" s="169">
        <v>2</v>
      </c>
      <c r="AA35" s="170">
        <v>2</v>
      </c>
      <c r="AB35" s="439">
        <v>0</v>
      </c>
      <c r="AC35" s="169">
        <v>7</v>
      </c>
      <c r="AD35" s="169">
        <v>7</v>
      </c>
      <c r="AE35" s="169">
        <v>3</v>
      </c>
      <c r="AF35" s="169">
        <v>5</v>
      </c>
      <c r="AG35" s="169">
        <v>4</v>
      </c>
      <c r="AH35" s="170">
        <v>26</v>
      </c>
      <c r="AI35" s="171">
        <v>28</v>
      </c>
      <c r="AJ35" s="168">
        <v>5</v>
      </c>
      <c r="AK35" s="169">
        <v>1</v>
      </c>
      <c r="AL35" s="170">
        <v>6</v>
      </c>
      <c r="AM35" s="439">
        <v>0</v>
      </c>
      <c r="AN35" s="169">
        <v>12</v>
      </c>
      <c r="AO35" s="169">
        <v>7</v>
      </c>
      <c r="AP35" s="169">
        <v>3</v>
      </c>
      <c r="AQ35" s="169">
        <v>2</v>
      </c>
      <c r="AR35" s="169">
        <v>5</v>
      </c>
      <c r="AS35" s="170">
        <v>29</v>
      </c>
      <c r="AT35" s="171">
        <v>35</v>
      </c>
      <c r="AU35" s="168">
        <v>10</v>
      </c>
      <c r="AV35" s="169">
        <v>12</v>
      </c>
      <c r="AW35" s="170">
        <v>22</v>
      </c>
      <c r="AX35" s="439">
        <v>0</v>
      </c>
      <c r="AY35" s="169">
        <v>20</v>
      </c>
      <c r="AZ35" s="169">
        <v>14</v>
      </c>
      <c r="BA35" s="169">
        <v>8</v>
      </c>
      <c r="BB35" s="169">
        <v>9</v>
      </c>
      <c r="BC35" s="169">
        <v>10</v>
      </c>
      <c r="BD35" s="170">
        <v>61</v>
      </c>
      <c r="BE35" s="171">
        <v>83</v>
      </c>
      <c r="BF35" s="168">
        <v>2</v>
      </c>
      <c r="BG35" s="169">
        <v>10</v>
      </c>
      <c r="BH35" s="170">
        <v>12</v>
      </c>
      <c r="BI35" s="439">
        <v>0</v>
      </c>
      <c r="BJ35" s="169">
        <v>26</v>
      </c>
      <c r="BK35" s="169">
        <v>13</v>
      </c>
      <c r="BL35" s="169">
        <v>12</v>
      </c>
      <c r="BM35" s="169">
        <v>11</v>
      </c>
      <c r="BN35" s="169">
        <v>7</v>
      </c>
      <c r="BO35" s="170">
        <v>69</v>
      </c>
      <c r="BP35" s="171">
        <v>81</v>
      </c>
      <c r="BQ35" s="168">
        <v>4</v>
      </c>
      <c r="BR35" s="169">
        <v>6</v>
      </c>
      <c r="BS35" s="170">
        <v>10</v>
      </c>
      <c r="BT35" s="439">
        <v>0</v>
      </c>
      <c r="BU35" s="169">
        <v>10</v>
      </c>
      <c r="BV35" s="169">
        <v>12</v>
      </c>
      <c r="BW35" s="169">
        <v>2</v>
      </c>
      <c r="BX35" s="169">
        <v>3</v>
      </c>
      <c r="BY35" s="169">
        <v>6</v>
      </c>
      <c r="BZ35" s="170">
        <v>33</v>
      </c>
      <c r="CA35" s="171">
        <v>43</v>
      </c>
      <c r="CB35" s="168">
        <v>0</v>
      </c>
      <c r="CC35" s="169">
        <v>2</v>
      </c>
      <c r="CD35" s="170">
        <v>2</v>
      </c>
      <c r="CE35" s="439">
        <v>0</v>
      </c>
      <c r="CF35" s="169">
        <v>3</v>
      </c>
      <c r="CG35" s="169">
        <v>4</v>
      </c>
      <c r="CH35" s="169">
        <v>0</v>
      </c>
      <c r="CI35" s="169">
        <v>3</v>
      </c>
      <c r="CJ35" s="169">
        <v>5</v>
      </c>
      <c r="CK35" s="170">
        <v>15</v>
      </c>
      <c r="CL35" s="171">
        <v>17</v>
      </c>
      <c r="CM35" s="168">
        <v>25</v>
      </c>
      <c r="CN35" s="169">
        <v>33</v>
      </c>
      <c r="CO35" s="170">
        <v>58</v>
      </c>
      <c r="CP35" s="439">
        <v>0</v>
      </c>
      <c r="CQ35" s="169">
        <v>80</v>
      </c>
      <c r="CR35" s="169">
        <v>59</v>
      </c>
      <c r="CS35" s="169">
        <v>32</v>
      </c>
      <c r="CT35" s="169">
        <v>36</v>
      </c>
      <c r="CU35" s="169">
        <v>37</v>
      </c>
      <c r="CV35" s="170">
        <v>244</v>
      </c>
      <c r="CW35" s="171">
        <v>302</v>
      </c>
      <c r="CX35" s="172">
        <v>52</v>
      </c>
      <c r="CY35" s="164">
        <v>71</v>
      </c>
      <c r="CZ35" s="165">
        <v>123</v>
      </c>
      <c r="DA35" s="439">
        <v>0</v>
      </c>
      <c r="DB35" s="164">
        <v>137</v>
      </c>
      <c r="DC35" s="164">
        <v>82</v>
      </c>
      <c r="DD35" s="164">
        <v>72</v>
      </c>
      <c r="DE35" s="164">
        <v>83</v>
      </c>
      <c r="DF35" s="164">
        <v>46</v>
      </c>
      <c r="DG35" s="166">
        <v>420</v>
      </c>
      <c r="DH35" s="167">
        <v>543</v>
      </c>
      <c r="DI35" s="168">
        <v>1</v>
      </c>
      <c r="DJ35" s="169">
        <v>1</v>
      </c>
      <c r="DK35" s="170">
        <v>2</v>
      </c>
      <c r="DL35" s="439">
        <v>0</v>
      </c>
      <c r="DM35" s="169">
        <v>3</v>
      </c>
      <c r="DN35" s="169">
        <v>4</v>
      </c>
      <c r="DO35" s="169">
        <v>2</v>
      </c>
      <c r="DP35" s="169">
        <v>0</v>
      </c>
      <c r="DQ35" s="169">
        <v>1</v>
      </c>
      <c r="DR35" s="170">
        <v>10</v>
      </c>
      <c r="DS35" s="171">
        <v>12</v>
      </c>
      <c r="DT35" s="168">
        <v>4</v>
      </c>
      <c r="DU35" s="169">
        <v>2</v>
      </c>
      <c r="DV35" s="170">
        <v>6</v>
      </c>
      <c r="DW35" s="439">
        <v>0</v>
      </c>
      <c r="DX35" s="169">
        <v>5</v>
      </c>
      <c r="DY35" s="169">
        <v>4</v>
      </c>
      <c r="DZ35" s="169">
        <v>2</v>
      </c>
      <c r="EA35" s="169">
        <v>4</v>
      </c>
      <c r="EB35" s="169">
        <v>4</v>
      </c>
      <c r="EC35" s="170">
        <v>19</v>
      </c>
      <c r="ED35" s="171">
        <v>25</v>
      </c>
      <c r="EE35" s="168">
        <v>4</v>
      </c>
      <c r="EF35" s="169">
        <v>6</v>
      </c>
      <c r="EG35" s="170">
        <v>10</v>
      </c>
      <c r="EH35" s="439">
        <v>0</v>
      </c>
      <c r="EI35" s="169">
        <v>20</v>
      </c>
      <c r="EJ35" s="169">
        <v>5</v>
      </c>
      <c r="EK35" s="169">
        <v>8</v>
      </c>
      <c r="EL35" s="169">
        <v>5</v>
      </c>
      <c r="EM35" s="169">
        <v>5</v>
      </c>
      <c r="EN35" s="170">
        <v>43</v>
      </c>
      <c r="EO35" s="171">
        <v>53</v>
      </c>
      <c r="EP35" s="168">
        <v>21</v>
      </c>
      <c r="EQ35" s="169">
        <v>19</v>
      </c>
      <c r="ER35" s="170">
        <v>40</v>
      </c>
      <c r="ES35" s="439">
        <v>0</v>
      </c>
      <c r="ET35" s="169">
        <v>35</v>
      </c>
      <c r="EU35" s="169">
        <v>23</v>
      </c>
      <c r="EV35" s="169">
        <v>13</v>
      </c>
      <c r="EW35" s="169">
        <v>13</v>
      </c>
      <c r="EX35" s="169">
        <v>8</v>
      </c>
      <c r="EY35" s="170">
        <v>92</v>
      </c>
      <c r="EZ35" s="171">
        <v>132</v>
      </c>
      <c r="FA35" s="168">
        <v>13</v>
      </c>
      <c r="FB35" s="169">
        <v>20</v>
      </c>
      <c r="FC35" s="170">
        <v>33</v>
      </c>
      <c r="FD35" s="439">
        <v>0</v>
      </c>
      <c r="FE35" s="169">
        <v>33</v>
      </c>
      <c r="FF35" s="169">
        <v>22</v>
      </c>
      <c r="FG35" s="169">
        <v>17</v>
      </c>
      <c r="FH35" s="169">
        <v>20</v>
      </c>
      <c r="FI35" s="169">
        <v>13</v>
      </c>
      <c r="FJ35" s="170">
        <v>105</v>
      </c>
      <c r="FK35" s="171">
        <v>138</v>
      </c>
      <c r="FL35" s="168">
        <v>9</v>
      </c>
      <c r="FM35" s="169">
        <v>23</v>
      </c>
      <c r="FN35" s="170">
        <v>32</v>
      </c>
      <c r="FO35" s="439">
        <v>0</v>
      </c>
      <c r="FP35" s="169">
        <v>41</v>
      </c>
      <c r="FQ35" s="169">
        <v>24</v>
      </c>
      <c r="FR35" s="169">
        <v>30</v>
      </c>
      <c r="FS35" s="169">
        <v>41</v>
      </c>
      <c r="FT35" s="169">
        <v>15</v>
      </c>
      <c r="FU35" s="170">
        <v>151</v>
      </c>
      <c r="FV35" s="171">
        <v>183</v>
      </c>
      <c r="FW35" s="168">
        <v>0</v>
      </c>
      <c r="FX35" s="169">
        <v>2</v>
      </c>
      <c r="FY35" s="170">
        <v>2</v>
      </c>
      <c r="FZ35" s="439">
        <v>0</v>
      </c>
      <c r="GA35" s="169">
        <v>1</v>
      </c>
      <c r="GB35" s="169">
        <v>4</v>
      </c>
      <c r="GC35" s="169">
        <v>0</v>
      </c>
      <c r="GD35" s="169">
        <v>0</v>
      </c>
      <c r="GE35" s="169">
        <v>1</v>
      </c>
      <c r="GF35" s="170">
        <v>6</v>
      </c>
      <c r="GG35" s="171">
        <v>8</v>
      </c>
      <c r="GH35" s="168">
        <v>52</v>
      </c>
      <c r="GI35" s="169">
        <v>73</v>
      </c>
      <c r="GJ35" s="170">
        <v>125</v>
      </c>
      <c r="GK35" s="439">
        <v>0</v>
      </c>
      <c r="GL35" s="169">
        <v>138</v>
      </c>
      <c r="GM35" s="169">
        <v>86</v>
      </c>
      <c r="GN35" s="169">
        <v>72</v>
      </c>
      <c r="GO35" s="169">
        <v>83</v>
      </c>
      <c r="GP35" s="169">
        <v>47</v>
      </c>
      <c r="GQ35" s="170">
        <v>426</v>
      </c>
      <c r="GR35" s="171">
        <v>551</v>
      </c>
      <c r="GS35" s="172">
        <v>77</v>
      </c>
      <c r="GT35" s="164">
        <v>102</v>
      </c>
      <c r="GU35" s="165">
        <v>179</v>
      </c>
      <c r="GV35" s="439">
        <v>0</v>
      </c>
      <c r="GW35" s="164">
        <v>214</v>
      </c>
      <c r="GX35" s="164">
        <v>137</v>
      </c>
      <c r="GY35" s="164">
        <v>104</v>
      </c>
      <c r="GZ35" s="164">
        <v>116</v>
      </c>
      <c r="HA35" s="164">
        <v>78</v>
      </c>
      <c r="HB35" s="166">
        <v>649</v>
      </c>
      <c r="HC35" s="167">
        <v>828</v>
      </c>
      <c r="HD35" s="168">
        <v>5</v>
      </c>
      <c r="HE35" s="169">
        <v>1</v>
      </c>
      <c r="HF35" s="170">
        <v>6</v>
      </c>
      <c r="HG35" s="439">
        <v>0</v>
      </c>
      <c r="HH35" s="169">
        <v>5</v>
      </c>
      <c r="HI35" s="169">
        <v>6</v>
      </c>
      <c r="HJ35" s="169">
        <v>6</v>
      </c>
      <c r="HK35" s="169">
        <v>3</v>
      </c>
      <c r="HL35" s="169">
        <v>1</v>
      </c>
      <c r="HM35" s="170">
        <v>21</v>
      </c>
      <c r="HN35" s="171">
        <v>27</v>
      </c>
      <c r="HO35" s="168">
        <v>4</v>
      </c>
      <c r="HP35" s="169">
        <v>4</v>
      </c>
      <c r="HQ35" s="170">
        <v>8</v>
      </c>
      <c r="HR35" s="439">
        <v>0</v>
      </c>
      <c r="HS35" s="169">
        <v>12</v>
      </c>
      <c r="HT35" s="169">
        <v>11</v>
      </c>
      <c r="HU35" s="169">
        <v>5</v>
      </c>
      <c r="HV35" s="169">
        <v>9</v>
      </c>
      <c r="HW35" s="169">
        <v>8</v>
      </c>
      <c r="HX35" s="170">
        <v>45</v>
      </c>
      <c r="HY35" s="171">
        <v>53</v>
      </c>
      <c r="HZ35" s="168">
        <v>9</v>
      </c>
      <c r="IA35" s="169">
        <v>7</v>
      </c>
      <c r="IB35" s="170">
        <v>16</v>
      </c>
      <c r="IC35" s="439">
        <v>0</v>
      </c>
      <c r="ID35" s="169">
        <v>32</v>
      </c>
      <c r="IE35" s="169">
        <v>12</v>
      </c>
      <c r="IF35" s="169">
        <v>11</v>
      </c>
      <c r="IG35" s="169">
        <v>7</v>
      </c>
      <c r="IH35" s="169">
        <v>10</v>
      </c>
      <c r="II35" s="170">
        <v>72</v>
      </c>
      <c r="IJ35" s="171">
        <v>88</v>
      </c>
      <c r="IK35" s="168">
        <v>31</v>
      </c>
      <c r="IL35" s="169">
        <v>31</v>
      </c>
      <c r="IM35" s="170">
        <v>62</v>
      </c>
      <c r="IN35" s="439">
        <v>0</v>
      </c>
      <c r="IO35" s="169">
        <v>55</v>
      </c>
      <c r="IP35" s="169">
        <v>37</v>
      </c>
      <c r="IQ35" s="169">
        <v>21</v>
      </c>
      <c r="IR35" s="169">
        <v>22</v>
      </c>
      <c r="IS35" s="169">
        <v>18</v>
      </c>
      <c r="IT35" s="170">
        <v>153</v>
      </c>
      <c r="IU35" s="171">
        <v>215</v>
      </c>
      <c r="IV35" s="168">
        <v>15</v>
      </c>
      <c r="IW35" s="169">
        <v>30</v>
      </c>
      <c r="IX35" s="170">
        <v>45</v>
      </c>
      <c r="IY35" s="439">
        <v>0</v>
      </c>
      <c r="IZ35" s="169">
        <v>59</v>
      </c>
      <c r="JA35" s="169">
        <v>35</v>
      </c>
      <c r="JB35" s="169">
        <v>29</v>
      </c>
      <c r="JC35" s="169">
        <v>31</v>
      </c>
      <c r="JD35" s="169">
        <v>20</v>
      </c>
      <c r="JE35" s="170">
        <v>174</v>
      </c>
      <c r="JF35" s="171">
        <v>219</v>
      </c>
      <c r="JG35" s="168">
        <v>13</v>
      </c>
      <c r="JH35" s="169">
        <v>29</v>
      </c>
      <c r="JI35" s="170">
        <v>42</v>
      </c>
      <c r="JJ35" s="439">
        <v>0</v>
      </c>
      <c r="JK35" s="169">
        <v>51</v>
      </c>
      <c r="JL35" s="169">
        <v>36</v>
      </c>
      <c r="JM35" s="169">
        <v>32</v>
      </c>
      <c r="JN35" s="169">
        <v>44</v>
      </c>
      <c r="JO35" s="169">
        <v>21</v>
      </c>
      <c r="JP35" s="170">
        <v>184</v>
      </c>
      <c r="JQ35" s="171">
        <v>226</v>
      </c>
      <c r="JR35" s="168">
        <v>0</v>
      </c>
      <c r="JS35" s="169">
        <v>4</v>
      </c>
      <c r="JT35" s="170">
        <v>4</v>
      </c>
      <c r="JU35" s="439">
        <v>0</v>
      </c>
      <c r="JV35" s="169">
        <v>4</v>
      </c>
      <c r="JW35" s="169">
        <v>8</v>
      </c>
      <c r="JX35" s="169">
        <v>0</v>
      </c>
      <c r="JY35" s="169">
        <v>3</v>
      </c>
      <c r="JZ35" s="169">
        <v>6</v>
      </c>
      <c r="KA35" s="170">
        <v>21</v>
      </c>
      <c r="KB35" s="171">
        <v>25</v>
      </c>
      <c r="KC35" s="168">
        <v>77</v>
      </c>
      <c r="KD35" s="169">
        <v>106</v>
      </c>
      <c r="KE35" s="170">
        <v>183</v>
      </c>
      <c r="KF35" s="439">
        <v>0</v>
      </c>
      <c r="KG35" s="169">
        <v>218</v>
      </c>
      <c r="KH35" s="169">
        <v>145</v>
      </c>
      <c r="KI35" s="169">
        <v>104</v>
      </c>
      <c r="KJ35" s="169">
        <v>119</v>
      </c>
      <c r="KK35" s="169">
        <v>84</v>
      </c>
      <c r="KL35" s="170">
        <v>670</v>
      </c>
      <c r="KM35" s="171">
        <v>853</v>
      </c>
    </row>
    <row r="36" spans="2:299" s="137" customFormat="1" ht="21" customHeight="1" x14ac:dyDescent="0.2">
      <c r="B36" s="173" t="s">
        <v>33</v>
      </c>
      <c r="C36" s="163">
        <v>26</v>
      </c>
      <c r="D36" s="164">
        <v>32</v>
      </c>
      <c r="E36" s="165">
        <v>58</v>
      </c>
      <c r="F36" s="439">
        <v>0</v>
      </c>
      <c r="G36" s="164">
        <v>61</v>
      </c>
      <c r="H36" s="164">
        <v>41</v>
      </c>
      <c r="I36" s="164">
        <v>48</v>
      </c>
      <c r="J36" s="164">
        <v>25</v>
      </c>
      <c r="K36" s="164">
        <v>19</v>
      </c>
      <c r="L36" s="166">
        <v>194</v>
      </c>
      <c r="M36" s="167">
        <v>252</v>
      </c>
      <c r="N36" s="168">
        <v>1</v>
      </c>
      <c r="O36" s="169">
        <v>0</v>
      </c>
      <c r="P36" s="170">
        <v>1</v>
      </c>
      <c r="Q36" s="439">
        <v>0</v>
      </c>
      <c r="R36" s="169">
        <v>4</v>
      </c>
      <c r="S36" s="169">
        <v>2</v>
      </c>
      <c r="T36" s="169">
        <v>4</v>
      </c>
      <c r="U36" s="169">
        <v>1</v>
      </c>
      <c r="V36" s="169">
        <v>0</v>
      </c>
      <c r="W36" s="170">
        <v>11</v>
      </c>
      <c r="X36" s="171">
        <v>12</v>
      </c>
      <c r="Y36" s="168">
        <v>1</v>
      </c>
      <c r="Z36" s="169">
        <v>5</v>
      </c>
      <c r="AA36" s="170">
        <v>6</v>
      </c>
      <c r="AB36" s="439">
        <v>0</v>
      </c>
      <c r="AC36" s="169">
        <v>7</v>
      </c>
      <c r="AD36" s="169">
        <v>6</v>
      </c>
      <c r="AE36" s="169">
        <v>8</v>
      </c>
      <c r="AF36" s="169">
        <v>5</v>
      </c>
      <c r="AG36" s="169">
        <v>2</v>
      </c>
      <c r="AH36" s="170">
        <v>28</v>
      </c>
      <c r="AI36" s="171">
        <v>34</v>
      </c>
      <c r="AJ36" s="168">
        <v>5</v>
      </c>
      <c r="AK36" s="169">
        <v>4</v>
      </c>
      <c r="AL36" s="170">
        <v>9</v>
      </c>
      <c r="AM36" s="439">
        <v>0</v>
      </c>
      <c r="AN36" s="169">
        <v>10</v>
      </c>
      <c r="AO36" s="169">
        <v>8</v>
      </c>
      <c r="AP36" s="169">
        <v>10</v>
      </c>
      <c r="AQ36" s="169">
        <v>4</v>
      </c>
      <c r="AR36" s="169">
        <v>3</v>
      </c>
      <c r="AS36" s="170">
        <v>35</v>
      </c>
      <c r="AT36" s="171">
        <v>44</v>
      </c>
      <c r="AU36" s="168">
        <v>11</v>
      </c>
      <c r="AV36" s="169">
        <v>12</v>
      </c>
      <c r="AW36" s="170">
        <v>23</v>
      </c>
      <c r="AX36" s="439">
        <v>0</v>
      </c>
      <c r="AY36" s="169">
        <v>19</v>
      </c>
      <c r="AZ36" s="169">
        <v>8</v>
      </c>
      <c r="BA36" s="169">
        <v>10</v>
      </c>
      <c r="BB36" s="169">
        <v>8</v>
      </c>
      <c r="BC36" s="169">
        <v>7</v>
      </c>
      <c r="BD36" s="170">
        <v>52</v>
      </c>
      <c r="BE36" s="171">
        <v>75</v>
      </c>
      <c r="BF36" s="168">
        <v>4</v>
      </c>
      <c r="BG36" s="169">
        <v>8</v>
      </c>
      <c r="BH36" s="170">
        <v>12</v>
      </c>
      <c r="BI36" s="439">
        <v>0</v>
      </c>
      <c r="BJ36" s="169">
        <v>11</v>
      </c>
      <c r="BK36" s="169">
        <v>8</v>
      </c>
      <c r="BL36" s="169">
        <v>10</v>
      </c>
      <c r="BM36" s="169">
        <v>4</v>
      </c>
      <c r="BN36" s="169">
        <v>4</v>
      </c>
      <c r="BO36" s="170">
        <v>37</v>
      </c>
      <c r="BP36" s="171">
        <v>49</v>
      </c>
      <c r="BQ36" s="168">
        <v>4</v>
      </c>
      <c r="BR36" s="169">
        <v>3</v>
      </c>
      <c r="BS36" s="170">
        <v>7</v>
      </c>
      <c r="BT36" s="439">
        <v>0</v>
      </c>
      <c r="BU36" s="169">
        <v>10</v>
      </c>
      <c r="BV36" s="169">
        <v>9</v>
      </c>
      <c r="BW36" s="169">
        <v>6</v>
      </c>
      <c r="BX36" s="169">
        <v>3</v>
      </c>
      <c r="BY36" s="169">
        <v>3</v>
      </c>
      <c r="BZ36" s="170">
        <v>31</v>
      </c>
      <c r="CA36" s="171">
        <v>38</v>
      </c>
      <c r="CB36" s="168">
        <v>1</v>
      </c>
      <c r="CC36" s="169">
        <v>0</v>
      </c>
      <c r="CD36" s="170">
        <v>1</v>
      </c>
      <c r="CE36" s="439">
        <v>0</v>
      </c>
      <c r="CF36" s="169">
        <v>1</v>
      </c>
      <c r="CG36" s="169">
        <v>1</v>
      </c>
      <c r="CH36" s="169">
        <v>0</v>
      </c>
      <c r="CI36" s="169">
        <v>0</v>
      </c>
      <c r="CJ36" s="169">
        <v>0</v>
      </c>
      <c r="CK36" s="170">
        <v>2</v>
      </c>
      <c r="CL36" s="171">
        <v>3</v>
      </c>
      <c r="CM36" s="168">
        <v>27</v>
      </c>
      <c r="CN36" s="169">
        <v>32</v>
      </c>
      <c r="CO36" s="170">
        <v>59</v>
      </c>
      <c r="CP36" s="439">
        <v>0</v>
      </c>
      <c r="CQ36" s="169">
        <v>62</v>
      </c>
      <c r="CR36" s="169">
        <v>42</v>
      </c>
      <c r="CS36" s="169">
        <v>48</v>
      </c>
      <c r="CT36" s="169">
        <v>25</v>
      </c>
      <c r="CU36" s="169">
        <v>19</v>
      </c>
      <c r="CV36" s="170">
        <v>196</v>
      </c>
      <c r="CW36" s="171">
        <v>255</v>
      </c>
      <c r="CX36" s="172">
        <v>41</v>
      </c>
      <c r="CY36" s="164">
        <v>63</v>
      </c>
      <c r="CZ36" s="165">
        <v>104</v>
      </c>
      <c r="DA36" s="439">
        <v>0</v>
      </c>
      <c r="DB36" s="164">
        <v>137</v>
      </c>
      <c r="DC36" s="164">
        <v>81</v>
      </c>
      <c r="DD36" s="164">
        <v>79</v>
      </c>
      <c r="DE36" s="164">
        <v>78</v>
      </c>
      <c r="DF36" s="164">
        <v>60</v>
      </c>
      <c r="DG36" s="166">
        <v>435</v>
      </c>
      <c r="DH36" s="167">
        <v>539</v>
      </c>
      <c r="DI36" s="168">
        <v>0</v>
      </c>
      <c r="DJ36" s="169">
        <v>2</v>
      </c>
      <c r="DK36" s="170">
        <v>2</v>
      </c>
      <c r="DL36" s="439">
        <v>0</v>
      </c>
      <c r="DM36" s="169">
        <v>3</v>
      </c>
      <c r="DN36" s="169">
        <v>0</v>
      </c>
      <c r="DO36" s="169">
        <v>1</v>
      </c>
      <c r="DP36" s="169">
        <v>2</v>
      </c>
      <c r="DQ36" s="169">
        <v>2</v>
      </c>
      <c r="DR36" s="170">
        <v>8</v>
      </c>
      <c r="DS36" s="171">
        <v>10</v>
      </c>
      <c r="DT36" s="168">
        <v>4</v>
      </c>
      <c r="DU36" s="169">
        <v>5</v>
      </c>
      <c r="DV36" s="170">
        <v>9</v>
      </c>
      <c r="DW36" s="439">
        <v>0</v>
      </c>
      <c r="DX36" s="169">
        <v>3</v>
      </c>
      <c r="DY36" s="169">
        <v>3</v>
      </c>
      <c r="DZ36" s="169">
        <v>2</v>
      </c>
      <c r="EA36" s="169">
        <v>3</v>
      </c>
      <c r="EB36" s="169">
        <v>1</v>
      </c>
      <c r="EC36" s="170">
        <v>12</v>
      </c>
      <c r="ED36" s="171">
        <v>21</v>
      </c>
      <c r="EE36" s="168">
        <v>5</v>
      </c>
      <c r="EF36" s="169">
        <v>8</v>
      </c>
      <c r="EG36" s="170">
        <v>13</v>
      </c>
      <c r="EH36" s="439">
        <v>0</v>
      </c>
      <c r="EI36" s="169">
        <v>13</v>
      </c>
      <c r="EJ36" s="169">
        <v>6</v>
      </c>
      <c r="EK36" s="169">
        <v>7</v>
      </c>
      <c r="EL36" s="169">
        <v>9</v>
      </c>
      <c r="EM36" s="169">
        <v>7</v>
      </c>
      <c r="EN36" s="170">
        <v>42</v>
      </c>
      <c r="EO36" s="171">
        <v>55</v>
      </c>
      <c r="EP36" s="168">
        <v>8</v>
      </c>
      <c r="EQ36" s="169">
        <v>16</v>
      </c>
      <c r="ER36" s="170">
        <v>24</v>
      </c>
      <c r="ES36" s="439">
        <v>0</v>
      </c>
      <c r="ET36" s="169">
        <v>29</v>
      </c>
      <c r="EU36" s="169">
        <v>15</v>
      </c>
      <c r="EV36" s="169">
        <v>14</v>
      </c>
      <c r="EW36" s="169">
        <v>13</v>
      </c>
      <c r="EX36" s="169">
        <v>12</v>
      </c>
      <c r="EY36" s="170">
        <v>83</v>
      </c>
      <c r="EZ36" s="171">
        <v>107</v>
      </c>
      <c r="FA36" s="168">
        <v>17</v>
      </c>
      <c r="FB36" s="169">
        <v>15</v>
      </c>
      <c r="FC36" s="170">
        <v>32</v>
      </c>
      <c r="FD36" s="439">
        <v>0</v>
      </c>
      <c r="FE36" s="169">
        <v>48</v>
      </c>
      <c r="FF36" s="169">
        <v>21</v>
      </c>
      <c r="FG36" s="169">
        <v>19</v>
      </c>
      <c r="FH36" s="169">
        <v>19</v>
      </c>
      <c r="FI36" s="169">
        <v>13</v>
      </c>
      <c r="FJ36" s="170">
        <v>120</v>
      </c>
      <c r="FK36" s="171">
        <v>152</v>
      </c>
      <c r="FL36" s="168">
        <v>7</v>
      </c>
      <c r="FM36" s="169">
        <v>17</v>
      </c>
      <c r="FN36" s="170">
        <v>24</v>
      </c>
      <c r="FO36" s="439">
        <v>0</v>
      </c>
      <c r="FP36" s="169">
        <v>41</v>
      </c>
      <c r="FQ36" s="169">
        <v>36</v>
      </c>
      <c r="FR36" s="169">
        <v>36</v>
      </c>
      <c r="FS36" s="169">
        <v>32</v>
      </c>
      <c r="FT36" s="169">
        <v>25</v>
      </c>
      <c r="FU36" s="170">
        <v>170</v>
      </c>
      <c r="FV36" s="171">
        <v>194</v>
      </c>
      <c r="FW36" s="168">
        <v>0</v>
      </c>
      <c r="FX36" s="169">
        <v>0</v>
      </c>
      <c r="FY36" s="170">
        <v>0</v>
      </c>
      <c r="FZ36" s="439">
        <v>0</v>
      </c>
      <c r="GA36" s="169">
        <v>1</v>
      </c>
      <c r="GB36" s="169">
        <v>0</v>
      </c>
      <c r="GC36" s="169">
        <v>0</v>
      </c>
      <c r="GD36" s="169">
        <v>1</v>
      </c>
      <c r="GE36" s="169">
        <v>1</v>
      </c>
      <c r="GF36" s="170">
        <v>3</v>
      </c>
      <c r="GG36" s="171">
        <v>3</v>
      </c>
      <c r="GH36" s="168">
        <v>41</v>
      </c>
      <c r="GI36" s="169">
        <v>63</v>
      </c>
      <c r="GJ36" s="170">
        <v>104</v>
      </c>
      <c r="GK36" s="439">
        <v>0</v>
      </c>
      <c r="GL36" s="169">
        <v>138</v>
      </c>
      <c r="GM36" s="169">
        <v>81</v>
      </c>
      <c r="GN36" s="169">
        <v>79</v>
      </c>
      <c r="GO36" s="169">
        <v>79</v>
      </c>
      <c r="GP36" s="169">
        <v>61</v>
      </c>
      <c r="GQ36" s="170">
        <v>438</v>
      </c>
      <c r="GR36" s="171">
        <v>542</v>
      </c>
      <c r="GS36" s="172">
        <v>67</v>
      </c>
      <c r="GT36" s="164">
        <v>95</v>
      </c>
      <c r="GU36" s="165">
        <v>162</v>
      </c>
      <c r="GV36" s="439">
        <v>0</v>
      </c>
      <c r="GW36" s="164">
        <v>198</v>
      </c>
      <c r="GX36" s="164">
        <v>122</v>
      </c>
      <c r="GY36" s="164">
        <v>127</v>
      </c>
      <c r="GZ36" s="164">
        <v>103</v>
      </c>
      <c r="HA36" s="164">
        <v>79</v>
      </c>
      <c r="HB36" s="166">
        <v>629</v>
      </c>
      <c r="HC36" s="167">
        <v>791</v>
      </c>
      <c r="HD36" s="168">
        <v>1</v>
      </c>
      <c r="HE36" s="169">
        <v>2</v>
      </c>
      <c r="HF36" s="170">
        <v>3</v>
      </c>
      <c r="HG36" s="439">
        <v>0</v>
      </c>
      <c r="HH36" s="169">
        <v>7</v>
      </c>
      <c r="HI36" s="169">
        <v>2</v>
      </c>
      <c r="HJ36" s="169">
        <v>5</v>
      </c>
      <c r="HK36" s="169">
        <v>3</v>
      </c>
      <c r="HL36" s="169">
        <v>2</v>
      </c>
      <c r="HM36" s="170">
        <v>19</v>
      </c>
      <c r="HN36" s="171">
        <v>22</v>
      </c>
      <c r="HO36" s="168">
        <v>5</v>
      </c>
      <c r="HP36" s="169">
        <v>10</v>
      </c>
      <c r="HQ36" s="170">
        <v>15</v>
      </c>
      <c r="HR36" s="439">
        <v>0</v>
      </c>
      <c r="HS36" s="169">
        <v>10</v>
      </c>
      <c r="HT36" s="169">
        <v>9</v>
      </c>
      <c r="HU36" s="169">
        <v>10</v>
      </c>
      <c r="HV36" s="169">
        <v>8</v>
      </c>
      <c r="HW36" s="169">
        <v>3</v>
      </c>
      <c r="HX36" s="170">
        <v>40</v>
      </c>
      <c r="HY36" s="171">
        <v>55</v>
      </c>
      <c r="HZ36" s="168">
        <v>10</v>
      </c>
      <c r="IA36" s="169">
        <v>12</v>
      </c>
      <c r="IB36" s="170">
        <v>22</v>
      </c>
      <c r="IC36" s="439">
        <v>0</v>
      </c>
      <c r="ID36" s="169">
        <v>23</v>
      </c>
      <c r="IE36" s="169">
        <v>14</v>
      </c>
      <c r="IF36" s="169">
        <v>17</v>
      </c>
      <c r="IG36" s="169">
        <v>13</v>
      </c>
      <c r="IH36" s="169">
        <v>10</v>
      </c>
      <c r="II36" s="170">
        <v>77</v>
      </c>
      <c r="IJ36" s="171">
        <v>99</v>
      </c>
      <c r="IK36" s="168">
        <v>19</v>
      </c>
      <c r="IL36" s="169">
        <v>28</v>
      </c>
      <c r="IM36" s="170">
        <v>47</v>
      </c>
      <c r="IN36" s="439">
        <v>0</v>
      </c>
      <c r="IO36" s="169">
        <v>48</v>
      </c>
      <c r="IP36" s="169">
        <v>23</v>
      </c>
      <c r="IQ36" s="169">
        <v>24</v>
      </c>
      <c r="IR36" s="169">
        <v>21</v>
      </c>
      <c r="IS36" s="169">
        <v>19</v>
      </c>
      <c r="IT36" s="170">
        <v>135</v>
      </c>
      <c r="IU36" s="171">
        <v>182</v>
      </c>
      <c r="IV36" s="168">
        <v>21</v>
      </c>
      <c r="IW36" s="169">
        <v>23</v>
      </c>
      <c r="IX36" s="170">
        <v>44</v>
      </c>
      <c r="IY36" s="439">
        <v>0</v>
      </c>
      <c r="IZ36" s="169">
        <v>59</v>
      </c>
      <c r="JA36" s="169">
        <v>29</v>
      </c>
      <c r="JB36" s="169">
        <v>29</v>
      </c>
      <c r="JC36" s="169">
        <v>23</v>
      </c>
      <c r="JD36" s="169">
        <v>17</v>
      </c>
      <c r="JE36" s="170">
        <v>157</v>
      </c>
      <c r="JF36" s="171">
        <v>201</v>
      </c>
      <c r="JG36" s="168">
        <v>11</v>
      </c>
      <c r="JH36" s="169">
        <v>20</v>
      </c>
      <c r="JI36" s="170">
        <v>31</v>
      </c>
      <c r="JJ36" s="439">
        <v>0</v>
      </c>
      <c r="JK36" s="169">
        <v>51</v>
      </c>
      <c r="JL36" s="169">
        <v>45</v>
      </c>
      <c r="JM36" s="169">
        <v>42</v>
      </c>
      <c r="JN36" s="169">
        <v>35</v>
      </c>
      <c r="JO36" s="169">
        <v>28</v>
      </c>
      <c r="JP36" s="170">
        <v>201</v>
      </c>
      <c r="JQ36" s="171">
        <v>232</v>
      </c>
      <c r="JR36" s="168">
        <v>1</v>
      </c>
      <c r="JS36" s="169">
        <v>0</v>
      </c>
      <c r="JT36" s="170">
        <v>1</v>
      </c>
      <c r="JU36" s="439">
        <v>0</v>
      </c>
      <c r="JV36" s="169">
        <v>2</v>
      </c>
      <c r="JW36" s="169">
        <v>1</v>
      </c>
      <c r="JX36" s="169">
        <v>0</v>
      </c>
      <c r="JY36" s="169">
        <v>1</v>
      </c>
      <c r="JZ36" s="169">
        <v>1</v>
      </c>
      <c r="KA36" s="170">
        <v>5</v>
      </c>
      <c r="KB36" s="171">
        <v>6</v>
      </c>
      <c r="KC36" s="168">
        <v>68</v>
      </c>
      <c r="KD36" s="169">
        <v>95</v>
      </c>
      <c r="KE36" s="170">
        <v>163</v>
      </c>
      <c r="KF36" s="439">
        <v>0</v>
      </c>
      <c r="KG36" s="169">
        <v>200</v>
      </c>
      <c r="KH36" s="169">
        <v>123</v>
      </c>
      <c r="KI36" s="169">
        <v>127</v>
      </c>
      <c r="KJ36" s="169">
        <v>104</v>
      </c>
      <c r="KK36" s="169">
        <v>80</v>
      </c>
      <c r="KL36" s="170">
        <v>634</v>
      </c>
      <c r="KM36" s="171">
        <v>797</v>
      </c>
    </row>
    <row r="37" spans="2:299" s="137" customFormat="1" ht="21" customHeight="1" x14ac:dyDescent="0.2">
      <c r="B37" s="173" t="s">
        <v>34</v>
      </c>
      <c r="C37" s="163">
        <v>17</v>
      </c>
      <c r="D37" s="164">
        <v>16</v>
      </c>
      <c r="E37" s="165">
        <v>33</v>
      </c>
      <c r="F37" s="439">
        <v>0</v>
      </c>
      <c r="G37" s="164">
        <v>48</v>
      </c>
      <c r="H37" s="164">
        <v>36</v>
      </c>
      <c r="I37" s="164">
        <v>16</v>
      </c>
      <c r="J37" s="164">
        <v>24</v>
      </c>
      <c r="K37" s="164">
        <v>9</v>
      </c>
      <c r="L37" s="166">
        <v>133</v>
      </c>
      <c r="M37" s="167">
        <v>166</v>
      </c>
      <c r="N37" s="168">
        <v>0</v>
      </c>
      <c r="O37" s="169">
        <v>1</v>
      </c>
      <c r="P37" s="170">
        <v>1</v>
      </c>
      <c r="Q37" s="439">
        <v>0</v>
      </c>
      <c r="R37" s="169">
        <v>4</v>
      </c>
      <c r="S37" s="169">
        <v>0</v>
      </c>
      <c r="T37" s="169">
        <v>2</v>
      </c>
      <c r="U37" s="169">
        <v>1</v>
      </c>
      <c r="V37" s="169">
        <v>1</v>
      </c>
      <c r="W37" s="170">
        <v>8</v>
      </c>
      <c r="X37" s="171">
        <v>9</v>
      </c>
      <c r="Y37" s="168">
        <v>2</v>
      </c>
      <c r="Z37" s="169">
        <v>3</v>
      </c>
      <c r="AA37" s="170">
        <v>5</v>
      </c>
      <c r="AB37" s="439">
        <v>0</v>
      </c>
      <c r="AC37" s="169">
        <v>4</v>
      </c>
      <c r="AD37" s="169">
        <v>2</v>
      </c>
      <c r="AE37" s="169">
        <v>1</v>
      </c>
      <c r="AF37" s="169">
        <v>0</v>
      </c>
      <c r="AG37" s="169">
        <v>0</v>
      </c>
      <c r="AH37" s="170">
        <v>7</v>
      </c>
      <c r="AI37" s="171">
        <v>12</v>
      </c>
      <c r="AJ37" s="168">
        <v>2</v>
      </c>
      <c r="AK37" s="169">
        <v>2</v>
      </c>
      <c r="AL37" s="170">
        <v>4</v>
      </c>
      <c r="AM37" s="439">
        <v>0</v>
      </c>
      <c r="AN37" s="169">
        <v>2</v>
      </c>
      <c r="AO37" s="169">
        <v>6</v>
      </c>
      <c r="AP37" s="169">
        <v>2</v>
      </c>
      <c r="AQ37" s="169">
        <v>7</v>
      </c>
      <c r="AR37" s="169">
        <v>3</v>
      </c>
      <c r="AS37" s="170">
        <v>20</v>
      </c>
      <c r="AT37" s="171">
        <v>24</v>
      </c>
      <c r="AU37" s="168">
        <v>7</v>
      </c>
      <c r="AV37" s="169">
        <v>4</v>
      </c>
      <c r="AW37" s="170">
        <v>11</v>
      </c>
      <c r="AX37" s="439">
        <v>0</v>
      </c>
      <c r="AY37" s="169">
        <v>15</v>
      </c>
      <c r="AZ37" s="169">
        <v>9</v>
      </c>
      <c r="BA37" s="169">
        <v>2</v>
      </c>
      <c r="BB37" s="169">
        <v>7</v>
      </c>
      <c r="BC37" s="169">
        <v>2</v>
      </c>
      <c r="BD37" s="170">
        <v>35</v>
      </c>
      <c r="BE37" s="171">
        <v>46</v>
      </c>
      <c r="BF37" s="168">
        <v>4</v>
      </c>
      <c r="BG37" s="169">
        <v>4</v>
      </c>
      <c r="BH37" s="170">
        <v>8</v>
      </c>
      <c r="BI37" s="439">
        <v>0</v>
      </c>
      <c r="BJ37" s="169">
        <v>11</v>
      </c>
      <c r="BK37" s="169">
        <v>10</v>
      </c>
      <c r="BL37" s="169">
        <v>5</v>
      </c>
      <c r="BM37" s="169">
        <v>6</v>
      </c>
      <c r="BN37" s="169">
        <v>2</v>
      </c>
      <c r="BO37" s="170">
        <v>34</v>
      </c>
      <c r="BP37" s="171">
        <v>42</v>
      </c>
      <c r="BQ37" s="168">
        <v>2</v>
      </c>
      <c r="BR37" s="169">
        <v>2</v>
      </c>
      <c r="BS37" s="170">
        <v>4</v>
      </c>
      <c r="BT37" s="439">
        <v>0</v>
      </c>
      <c r="BU37" s="169">
        <v>12</v>
      </c>
      <c r="BV37" s="169">
        <v>9</v>
      </c>
      <c r="BW37" s="169">
        <v>4</v>
      </c>
      <c r="BX37" s="169">
        <v>3</v>
      </c>
      <c r="BY37" s="169">
        <v>1</v>
      </c>
      <c r="BZ37" s="170">
        <v>29</v>
      </c>
      <c r="CA37" s="171">
        <v>33</v>
      </c>
      <c r="CB37" s="168">
        <v>0</v>
      </c>
      <c r="CC37" s="169">
        <v>0</v>
      </c>
      <c r="CD37" s="170">
        <v>0</v>
      </c>
      <c r="CE37" s="439">
        <v>0</v>
      </c>
      <c r="CF37" s="169">
        <v>2</v>
      </c>
      <c r="CG37" s="169">
        <v>2</v>
      </c>
      <c r="CH37" s="169">
        <v>0</v>
      </c>
      <c r="CI37" s="169">
        <v>1</v>
      </c>
      <c r="CJ37" s="169">
        <v>1</v>
      </c>
      <c r="CK37" s="170">
        <v>6</v>
      </c>
      <c r="CL37" s="171">
        <v>6</v>
      </c>
      <c r="CM37" s="168">
        <v>17</v>
      </c>
      <c r="CN37" s="169">
        <v>16</v>
      </c>
      <c r="CO37" s="170">
        <v>33</v>
      </c>
      <c r="CP37" s="439">
        <v>0</v>
      </c>
      <c r="CQ37" s="169">
        <v>50</v>
      </c>
      <c r="CR37" s="169">
        <v>38</v>
      </c>
      <c r="CS37" s="169">
        <v>16</v>
      </c>
      <c r="CT37" s="169">
        <v>25</v>
      </c>
      <c r="CU37" s="169">
        <v>10</v>
      </c>
      <c r="CV37" s="170">
        <v>139</v>
      </c>
      <c r="CW37" s="171">
        <v>172</v>
      </c>
      <c r="CX37" s="172">
        <v>44</v>
      </c>
      <c r="CY37" s="164">
        <v>43</v>
      </c>
      <c r="CZ37" s="165">
        <v>87</v>
      </c>
      <c r="DA37" s="439">
        <v>0</v>
      </c>
      <c r="DB37" s="164">
        <v>103</v>
      </c>
      <c r="DC37" s="164">
        <v>52</v>
      </c>
      <c r="DD37" s="164">
        <v>40</v>
      </c>
      <c r="DE37" s="164">
        <v>44</v>
      </c>
      <c r="DF37" s="164">
        <v>25</v>
      </c>
      <c r="DG37" s="166">
        <v>264</v>
      </c>
      <c r="DH37" s="167">
        <v>351</v>
      </c>
      <c r="DI37" s="168">
        <v>0</v>
      </c>
      <c r="DJ37" s="169">
        <v>2</v>
      </c>
      <c r="DK37" s="170">
        <v>2</v>
      </c>
      <c r="DL37" s="439">
        <v>0</v>
      </c>
      <c r="DM37" s="169">
        <v>1</v>
      </c>
      <c r="DN37" s="169">
        <v>0</v>
      </c>
      <c r="DO37" s="169">
        <v>1</v>
      </c>
      <c r="DP37" s="169">
        <v>0</v>
      </c>
      <c r="DQ37" s="169">
        <v>1</v>
      </c>
      <c r="DR37" s="170">
        <v>3</v>
      </c>
      <c r="DS37" s="171">
        <v>5</v>
      </c>
      <c r="DT37" s="168">
        <v>1</v>
      </c>
      <c r="DU37" s="169">
        <v>0</v>
      </c>
      <c r="DV37" s="170">
        <v>1</v>
      </c>
      <c r="DW37" s="439">
        <v>0</v>
      </c>
      <c r="DX37" s="169">
        <v>5</v>
      </c>
      <c r="DY37" s="169">
        <v>2</v>
      </c>
      <c r="DZ37" s="169">
        <v>2</v>
      </c>
      <c r="EA37" s="169">
        <v>2</v>
      </c>
      <c r="EB37" s="169">
        <v>3</v>
      </c>
      <c r="EC37" s="170">
        <v>14</v>
      </c>
      <c r="ED37" s="171">
        <v>15</v>
      </c>
      <c r="EE37" s="168">
        <v>7</v>
      </c>
      <c r="EF37" s="169">
        <v>5</v>
      </c>
      <c r="EG37" s="170">
        <v>12</v>
      </c>
      <c r="EH37" s="439">
        <v>0</v>
      </c>
      <c r="EI37" s="169">
        <v>7</v>
      </c>
      <c r="EJ37" s="169">
        <v>1</v>
      </c>
      <c r="EK37" s="169">
        <v>7</v>
      </c>
      <c r="EL37" s="169">
        <v>2</v>
      </c>
      <c r="EM37" s="169">
        <v>1</v>
      </c>
      <c r="EN37" s="170">
        <v>18</v>
      </c>
      <c r="EO37" s="171">
        <v>30</v>
      </c>
      <c r="EP37" s="168">
        <v>8</v>
      </c>
      <c r="EQ37" s="169">
        <v>8</v>
      </c>
      <c r="ER37" s="170">
        <v>16</v>
      </c>
      <c r="ES37" s="439">
        <v>0</v>
      </c>
      <c r="ET37" s="169">
        <v>20</v>
      </c>
      <c r="EU37" s="169">
        <v>9</v>
      </c>
      <c r="EV37" s="169">
        <v>10</v>
      </c>
      <c r="EW37" s="169">
        <v>4</v>
      </c>
      <c r="EX37" s="169">
        <v>5</v>
      </c>
      <c r="EY37" s="170">
        <v>48</v>
      </c>
      <c r="EZ37" s="171">
        <v>64</v>
      </c>
      <c r="FA37" s="168">
        <v>19</v>
      </c>
      <c r="FB37" s="169">
        <v>21</v>
      </c>
      <c r="FC37" s="170">
        <v>40</v>
      </c>
      <c r="FD37" s="439">
        <v>0</v>
      </c>
      <c r="FE37" s="169">
        <v>37</v>
      </c>
      <c r="FF37" s="169">
        <v>16</v>
      </c>
      <c r="FG37" s="169">
        <v>10</v>
      </c>
      <c r="FH37" s="169">
        <v>13</v>
      </c>
      <c r="FI37" s="169">
        <v>2</v>
      </c>
      <c r="FJ37" s="170">
        <v>78</v>
      </c>
      <c r="FK37" s="171">
        <v>118</v>
      </c>
      <c r="FL37" s="168">
        <v>9</v>
      </c>
      <c r="FM37" s="169">
        <v>7</v>
      </c>
      <c r="FN37" s="170">
        <v>16</v>
      </c>
      <c r="FO37" s="439">
        <v>0</v>
      </c>
      <c r="FP37" s="169">
        <v>33</v>
      </c>
      <c r="FQ37" s="169">
        <v>24</v>
      </c>
      <c r="FR37" s="169">
        <v>10</v>
      </c>
      <c r="FS37" s="169">
        <v>23</v>
      </c>
      <c r="FT37" s="169">
        <v>13</v>
      </c>
      <c r="FU37" s="170">
        <v>103</v>
      </c>
      <c r="FV37" s="171">
        <v>119</v>
      </c>
      <c r="FW37" s="168">
        <v>0</v>
      </c>
      <c r="FX37" s="169">
        <v>0</v>
      </c>
      <c r="FY37" s="170">
        <v>0</v>
      </c>
      <c r="FZ37" s="439">
        <v>0</v>
      </c>
      <c r="GA37" s="169">
        <v>1</v>
      </c>
      <c r="GB37" s="169">
        <v>1</v>
      </c>
      <c r="GC37" s="169">
        <v>1</v>
      </c>
      <c r="GD37" s="169">
        <v>0</v>
      </c>
      <c r="GE37" s="169">
        <v>1</v>
      </c>
      <c r="GF37" s="170">
        <v>4</v>
      </c>
      <c r="GG37" s="171">
        <v>4</v>
      </c>
      <c r="GH37" s="168">
        <v>44</v>
      </c>
      <c r="GI37" s="169">
        <v>43</v>
      </c>
      <c r="GJ37" s="170">
        <v>87</v>
      </c>
      <c r="GK37" s="439">
        <v>0</v>
      </c>
      <c r="GL37" s="169">
        <v>104</v>
      </c>
      <c r="GM37" s="169">
        <v>53</v>
      </c>
      <c r="GN37" s="169">
        <v>41</v>
      </c>
      <c r="GO37" s="169">
        <v>44</v>
      </c>
      <c r="GP37" s="169">
        <v>26</v>
      </c>
      <c r="GQ37" s="170">
        <v>268</v>
      </c>
      <c r="GR37" s="171">
        <v>355</v>
      </c>
      <c r="GS37" s="172">
        <v>61</v>
      </c>
      <c r="GT37" s="164">
        <v>59</v>
      </c>
      <c r="GU37" s="165">
        <v>120</v>
      </c>
      <c r="GV37" s="439">
        <v>0</v>
      </c>
      <c r="GW37" s="164">
        <v>151</v>
      </c>
      <c r="GX37" s="164">
        <v>88</v>
      </c>
      <c r="GY37" s="164">
        <v>56</v>
      </c>
      <c r="GZ37" s="164">
        <v>68</v>
      </c>
      <c r="HA37" s="164">
        <v>34</v>
      </c>
      <c r="HB37" s="166">
        <v>397</v>
      </c>
      <c r="HC37" s="167">
        <v>517</v>
      </c>
      <c r="HD37" s="168">
        <v>0</v>
      </c>
      <c r="HE37" s="169">
        <v>3</v>
      </c>
      <c r="HF37" s="170">
        <v>3</v>
      </c>
      <c r="HG37" s="439">
        <v>0</v>
      </c>
      <c r="HH37" s="169">
        <v>5</v>
      </c>
      <c r="HI37" s="169">
        <v>0</v>
      </c>
      <c r="HJ37" s="169">
        <v>3</v>
      </c>
      <c r="HK37" s="169">
        <v>1</v>
      </c>
      <c r="HL37" s="169">
        <v>2</v>
      </c>
      <c r="HM37" s="170">
        <v>11</v>
      </c>
      <c r="HN37" s="171">
        <v>14</v>
      </c>
      <c r="HO37" s="168">
        <v>3</v>
      </c>
      <c r="HP37" s="169">
        <v>3</v>
      </c>
      <c r="HQ37" s="170">
        <v>6</v>
      </c>
      <c r="HR37" s="439">
        <v>0</v>
      </c>
      <c r="HS37" s="169">
        <v>9</v>
      </c>
      <c r="HT37" s="169">
        <v>4</v>
      </c>
      <c r="HU37" s="169">
        <v>3</v>
      </c>
      <c r="HV37" s="169">
        <v>2</v>
      </c>
      <c r="HW37" s="169">
        <v>3</v>
      </c>
      <c r="HX37" s="170">
        <v>21</v>
      </c>
      <c r="HY37" s="171">
        <v>27</v>
      </c>
      <c r="HZ37" s="168">
        <v>9</v>
      </c>
      <c r="IA37" s="169">
        <v>7</v>
      </c>
      <c r="IB37" s="170">
        <v>16</v>
      </c>
      <c r="IC37" s="439">
        <v>0</v>
      </c>
      <c r="ID37" s="169">
        <v>9</v>
      </c>
      <c r="IE37" s="169">
        <v>7</v>
      </c>
      <c r="IF37" s="169">
        <v>9</v>
      </c>
      <c r="IG37" s="169">
        <v>9</v>
      </c>
      <c r="IH37" s="169">
        <v>4</v>
      </c>
      <c r="II37" s="170">
        <v>38</v>
      </c>
      <c r="IJ37" s="171">
        <v>54</v>
      </c>
      <c r="IK37" s="168">
        <v>15</v>
      </c>
      <c r="IL37" s="169">
        <v>12</v>
      </c>
      <c r="IM37" s="170">
        <v>27</v>
      </c>
      <c r="IN37" s="439">
        <v>0</v>
      </c>
      <c r="IO37" s="169">
        <v>35</v>
      </c>
      <c r="IP37" s="169">
        <v>18</v>
      </c>
      <c r="IQ37" s="169">
        <v>12</v>
      </c>
      <c r="IR37" s="169">
        <v>11</v>
      </c>
      <c r="IS37" s="169">
        <v>7</v>
      </c>
      <c r="IT37" s="170">
        <v>83</v>
      </c>
      <c r="IU37" s="171">
        <v>110</v>
      </c>
      <c r="IV37" s="168">
        <v>23</v>
      </c>
      <c r="IW37" s="169">
        <v>25</v>
      </c>
      <c r="IX37" s="170">
        <v>48</v>
      </c>
      <c r="IY37" s="439">
        <v>0</v>
      </c>
      <c r="IZ37" s="169">
        <v>48</v>
      </c>
      <c r="JA37" s="169">
        <v>26</v>
      </c>
      <c r="JB37" s="169">
        <v>15</v>
      </c>
      <c r="JC37" s="169">
        <v>19</v>
      </c>
      <c r="JD37" s="169">
        <v>4</v>
      </c>
      <c r="JE37" s="170">
        <v>112</v>
      </c>
      <c r="JF37" s="171">
        <v>160</v>
      </c>
      <c r="JG37" s="168">
        <v>11</v>
      </c>
      <c r="JH37" s="169">
        <v>9</v>
      </c>
      <c r="JI37" s="170">
        <v>20</v>
      </c>
      <c r="JJ37" s="439">
        <v>0</v>
      </c>
      <c r="JK37" s="169">
        <v>45</v>
      </c>
      <c r="JL37" s="169">
        <v>33</v>
      </c>
      <c r="JM37" s="169">
        <v>14</v>
      </c>
      <c r="JN37" s="169">
        <v>26</v>
      </c>
      <c r="JO37" s="169">
        <v>14</v>
      </c>
      <c r="JP37" s="170">
        <v>132</v>
      </c>
      <c r="JQ37" s="171">
        <v>152</v>
      </c>
      <c r="JR37" s="168">
        <v>0</v>
      </c>
      <c r="JS37" s="169">
        <v>0</v>
      </c>
      <c r="JT37" s="170">
        <v>0</v>
      </c>
      <c r="JU37" s="439">
        <v>0</v>
      </c>
      <c r="JV37" s="169">
        <v>3</v>
      </c>
      <c r="JW37" s="169">
        <v>3</v>
      </c>
      <c r="JX37" s="169">
        <v>1</v>
      </c>
      <c r="JY37" s="169">
        <v>1</v>
      </c>
      <c r="JZ37" s="169">
        <v>2</v>
      </c>
      <c r="KA37" s="170">
        <v>10</v>
      </c>
      <c r="KB37" s="171">
        <v>10</v>
      </c>
      <c r="KC37" s="168">
        <v>61</v>
      </c>
      <c r="KD37" s="169">
        <v>59</v>
      </c>
      <c r="KE37" s="170">
        <v>120</v>
      </c>
      <c r="KF37" s="439">
        <v>0</v>
      </c>
      <c r="KG37" s="169">
        <v>154</v>
      </c>
      <c r="KH37" s="169">
        <v>91</v>
      </c>
      <c r="KI37" s="169">
        <v>57</v>
      </c>
      <c r="KJ37" s="169">
        <v>69</v>
      </c>
      <c r="KK37" s="169">
        <v>36</v>
      </c>
      <c r="KL37" s="170">
        <v>407</v>
      </c>
      <c r="KM37" s="171">
        <v>527</v>
      </c>
    </row>
    <row r="38" spans="2:299" s="137" customFormat="1" ht="21" customHeight="1" x14ac:dyDescent="0.2">
      <c r="B38" s="173" t="s">
        <v>35</v>
      </c>
      <c r="C38" s="163">
        <v>62</v>
      </c>
      <c r="D38" s="164">
        <v>51</v>
      </c>
      <c r="E38" s="165">
        <v>113</v>
      </c>
      <c r="F38" s="439">
        <v>0</v>
      </c>
      <c r="G38" s="164">
        <v>148</v>
      </c>
      <c r="H38" s="164">
        <v>77</v>
      </c>
      <c r="I38" s="164">
        <v>63</v>
      </c>
      <c r="J38" s="164">
        <v>54</v>
      </c>
      <c r="K38" s="164">
        <v>28</v>
      </c>
      <c r="L38" s="166">
        <v>370</v>
      </c>
      <c r="M38" s="167">
        <v>483</v>
      </c>
      <c r="N38" s="168">
        <v>3</v>
      </c>
      <c r="O38" s="169">
        <v>5</v>
      </c>
      <c r="P38" s="170">
        <v>8</v>
      </c>
      <c r="Q38" s="439">
        <v>0</v>
      </c>
      <c r="R38" s="169">
        <v>12</v>
      </c>
      <c r="S38" s="169">
        <v>5</v>
      </c>
      <c r="T38" s="169">
        <v>5</v>
      </c>
      <c r="U38" s="169">
        <v>3</v>
      </c>
      <c r="V38" s="169">
        <v>4</v>
      </c>
      <c r="W38" s="170">
        <v>29</v>
      </c>
      <c r="X38" s="171">
        <v>37</v>
      </c>
      <c r="Y38" s="168">
        <v>4</v>
      </c>
      <c r="Z38" s="169">
        <v>3</v>
      </c>
      <c r="AA38" s="170">
        <v>7</v>
      </c>
      <c r="AB38" s="439">
        <v>0</v>
      </c>
      <c r="AC38" s="169">
        <v>9</v>
      </c>
      <c r="AD38" s="169">
        <v>7</v>
      </c>
      <c r="AE38" s="169">
        <v>7</v>
      </c>
      <c r="AF38" s="169">
        <v>3</v>
      </c>
      <c r="AG38" s="169">
        <v>3</v>
      </c>
      <c r="AH38" s="170">
        <v>29</v>
      </c>
      <c r="AI38" s="171">
        <v>36</v>
      </c>
      <c r="AJ38" s="168">
        <v>11</v>
      </c>
      <c r="AK38" s="169">
        <v>9</v>
      </c>
      <c r="AL38" s="170">
        <v>20</v>
      </c>
      <c r="AM38" s="439">
        <v>0</v>
      </c>
      <c r="AN38" s="169">
        <v>24</v>
      </c>
      <c r="AO38" s="169">
        <v>7</v>
      </c>
      <c r="AP38" s="169">
        <v>10</v>
      </c>
      <c r="AQ38" s="169">
        <v>9</v>
      </c>
      <c r="AR38" s="169">
        <v>7</v>
      </c>
      <c r="AS38" s="170">
        <v>57</v>
      </c>
      <c r="AT38" s="171">
        <v>77</v>
      </c>
      <c r="AU38" s="168">
        <v>19</v>
      </c>
      <c r="AV38" s="169">
        <v>19</v>
      </c>
      <c r="AW38" s="170">
        <v>38</v>
      </c>
      <c r="AX38" s="439">
        <v>0</v>
      </c>
      <c r="AY38" s="169">
        <v>49</v>
      </c>
      <c r="AZ38" s="169">
        <v>19</v>
      </c>
      <c r="BA38" s="169">
        <v>13</v>
      </c>
      <c r="BB38" s="169">
        <v>12</v>
      </c>
      <c r="BC38" s="169">
        <v>6</v>
      </c>
      <c r="BD38" s="170">
        <v>99</v>
      </c>
      <c r="BE38" s="171">
        <v>137</v>
      </c>
      <c r="BF38" s="168">
        <v>15</v>
      </c>
      <c r="BG38" s="169">
        <v>10</v>
      </c>
      <c r="BH38" s="170">
        <v>25</v>
      </c>
      <c r="BI38" s="439">
        <v>0</v>
      </c>
      <c r="BJ38" s="169">
        <v>33</v>
      </c>
      <c r="BK38" s="169">
        <v>21</v>
      </c>
      <c r="BL38" s="169">
        <v>13</v>
      </c>
      <c r="BM38" s="169">
        <v>11</v>
      </c>
      <c r="BN38" s="169">
        <v>3</v>
      </c>
      <c r="BO38" s="170">
        <v>81</v>
      </c>
      <c r="BP38" s="171">
        <v>106</v>
      </c>
      <c r="BQ38" s="168">
        <v>10</v>
      </c>
      <c r="BR38" s="169">
        <v>5</v>
      </c>
      <c r="BS38" s="170">
        <v>15</v>
      </c>
      <c r="BT38" s="439">
        <v>0</v>
      </c>
      <c r="BU38" s="169">
        <v>21</v>
      </c>
      <c r="BV38" s="169">
        <v>18</v>
      </c>
      <c r="BW38" s="169">
        <v>15</v>
      </c>
      <c r="BX38" s="169">
        <v>16</v>
      </c>
      <c r="BY38" s="169">
        <v>5</v>
      </c>
      <c r="BZ38" s="170">
        <v>75</v>
      </c>
      <c r="CA38" s="171">
        <v>90</v>
      </c>
      <c r="CB38" s="168">
        <v>1</v>
      </c>
      <c r="CC38" s="169">
        <v>2</v>
      </c>
      <c r="CD38" s="170">
        <v>3</v>
      </c>
      <c r="CE38" s="439">
        <v>0</v>
      </c>
      <c r="CF38" s="169">
        <v>4</v>
      </c>
      <c r="CG38" s="169">
        <v>3</v>
      </c>
      <c r="CH38" s="169">
        <v>1</v>
      </c>
      <c r="CI38" s="169">
        <v>3</v>
      </c>
      <c r="CJ38" s="169">
        <v>1</v>
      </c>
      <c r="CK38" s="170">
        <v>12</v>
      </c>
      <c r="CL38" s="171">
        <v>15</v>
      </c>
      <c r="CM38" s="168">
        <v>63</v>
      </c>
      <c r="CN38" s="169">
        <v>53</v>
      </c>
      <c r="CO38" s="170">
        <v>116</v>
      </c>
      <c r="CP38" s="439">
        <v>0</v>
      </c>
      <c r="CQ38" s="169">
        <v>152</v>
      </c>
      <c r="CR38" s="169">
        <v>80</v>
      </c>
      <c r="CS38" s="169">
        <v>64</v>
      </c>
      <c r="CT38" s="169">
        <v>57</v>
      </c>
      <c r="CU38" s="169">
        <v>29</v>
      </c>
      <c r="CV38" s="170">
        <v>382</v>
      </c>
      <c r="CW38" s="171">
        <v>498</v>
      </c>
      <c r="CX38" s="172">
        <v>144</v>
      </c>
      <c r="CY38" s="164">
        <v>164</v>
      </c>
      <c r="CZ38" s="165">
        <v>308</v>
      </c>
      <c r="DA38" s="439">
        <v>0</v>
      </c>
      <c r="DB38" s="164">
        <v>306</v>
      </c>
      <c r="DC38" s="164">
        <v>175</v>
      </c>
      <c r="DD38" s="164">
        <v>155</v>
      </c>
      <c r="DE38" s="164">
        <v>145</v>
      </c>
      <c r="DF38" s="164">
        <v>101</v>
      </c>
      <c r="DG38" s="166">
        <v>882</v>
      </c>
      <c r="DH38" s="167">
        <v>1190</v>
      </c>
      <c r="DI38" s="168">
        <v>1</v>
      </c>
      <c r="DJ38" s="169">
        <v>5</v>
      </c>
      <c r="DK38" s="170">
        <v>6</v>
      </c>
      <c r="DL38" s="439">
        <v>0</v>
      </c>
      <c r="DM38" s="169">
        <v>5</v>
      </c>
      <c r="DN38" s="169">
        <v>3</v>
      </c>
      <c r="DO38" s="169">
        <v>3</v>
      </c>
      <c r="DP38" s="169">
        <v>3</v>
      </c>
      <c r="DQ38" s="169">
        <v>1</v>
      </c>
      <c r="DR38" s="170">
        <v>15</v>
      </c>
      <c r="DS38" s="171">
        <v>21</v>
      </c>
      <c r="DT38" s="168">
        <v>12</v>
      </c>
      <c r="DU38" s="169">
        <v>9</v>
      </c>
      <c r="DV38" s="170">
        <v>21</v>
      </c>
      <c r="DW38" s="439">
        <v>0</v>
      </c>
      <c r="DX38" s="169">
        <v>15</v>
      </c>
      <c r="DY38" s="169">
        <v>7</v>
      </c>
      <c r="DZ38" s="169">
        <v>7</v>
      </c>
      <c r="EA38" s="169">
        <v>8</v>
      </c>
      <c r="EB38" s="169">
        <v>4</v>
      </c>
      <c r="EC38" s="170">
        <v>41</v>
      </c>
      <c r="ED38" s="171">
        <v>62</v>
      </c>
      <c r="EE38" s="168">
        <v>22</v>
      </c>
      <c r="EF38" s="169">
        <v>33</v>
      </c>
      <c r="EG38" s="170">
        <v>55</v>
      </c>
      <c r="EH38" s="439">
        <v>0</v>
      </c>
      <c r="EI38" s="169">
        <v>24</v>
      </c>
      <c r="EJ38" s="169">
        <v>15</v>
      </c>
      <c r="EK38" s="169">
        <v>7</v>
      </c>
      <c r="EL38" s="169">
        <v>6</v>
      </c>
      <c r="EM38" s="169">
        <v>11</v>
      </c>
      <c r="EN38" s="170">
        <v>63</v>
      </c>
      <c r="EO38" s="171">
        <v>118</v>
      </c>
      <c r="EP38" s="168">
        <v>50</v>
      </c>
      <c r="EQ38" s="169">
        <v>32</v>
      </c>
      <c r="ER38" s="170">
        <v>82</v>
      </c>
      <c r="ES38" s="439">
        <v>0</v>
      </c>
      <c r="ET38" s="169">
        <v>66</v>
      </c>
      <c r="EU38" s="169">
        <v>37</v>
      </c>
      <c r="EV38" s="169">
        <v>30</v>
      </c>
      <c r="EW38" s="169">
        <v>21</v>
      </c>
      <c r="EX38" s="169">
        <v>16</v>
      </c>
      <c r="EY38" s="170">
        <v>170</v>
      </c>
      <c r="EZ38" s="171">
        <v>252</v>
      </c>
      <c r="FA38" s="168">
        <v>39</v>
      </c>
      <c r="FB38" s="169">
        <v>55</v>
      </c>
      <c r="FC38" s="170">
        <v>94</v>
      </c>
      <c r="FD38" s="439">
        <v>0</v>
      </c>
      <c r="FE38" s="169">
        <v>104</v>
      </c>
      <c r="FF38" s="169">
        <v>43</v>
      </c>
      <c r="FG38" s="169">
        <v>45</v>
      </c>
      <c r="FH38" s="169">
        <v>41</v>
      </c>
      <c r="FI38" s="169">
        <v>25</v>
      </c>
      <c r="FJ38" s="170">
        <v>258</v>
      </c>
      <c r="FK38" s="171">
        <v>352</v>
      </c>
      <c r="FL38" s="168">
        <v>20</v>
      </c>
      <c r="FM38" s="169">
        <v>30</v>
      </c>
      <c r="FN38" s="170">
        <v>50</v>
      </c>
      <c r="FO38" s="439">
        <v>0</v>
      </c>
      <c r="FP38" s="169">
        <v>92</v>
      </c>
      <c r="FQ38" s="169">
        <v>70</v>
      </c>
      <c r="FR38" s="169">
        <v>63</v>
      </c>
      <c r="FS38" s="169">
        <v>66</v>
      </c>
      <c r="FT38" s="169">
        <v>44</v>
      </c>
      <c r="FU38" s="170">
        <v>335</v>
      </c>
      <c r="FV38" s="171">
        <v>385</v>
      </c>
      <c r="FW38" s="168">
        <v>0</v>
      </c>
      <c r="FX38" s="169">
        <v>1</v>
      </c>
      <c r="FY38" s="170">
        <v>1</v>
      </c>
      <c r="FZ38" s="439">
        <v>0</v>
      </c>
      <c r="GA38" s="169">
        <v>2</v>
      </c>
      <c r="GB38" s="169">
        <v>5</v>
      </c>
      <c r="GC38" s="169">
        <v>1</v>
      </c>
      <c r="GD38" s="169">
        <v>0</v>
      </c>
      <c r="GE38" s="169">
        <v>1</v>
      </c>
      <c r="GF38" s="170">
        <v>9</v>
      </c>
      <c r="GG38" s="171">
        <v>10</v>
      </c>
      <c r="GH38" s="168">
        <v>144</v>
      </c>
      <c r="GI38" s="169">
        <v>165</v>
      </c>
      <c r="GJ38" s="170">
        <v>309</v>
      </c>
      <c r="GK38" s="439">
        <v>0</v>
      </c>
      <c r="GL38" s="169">
        <v>308</v>
      </c>
      <c r="GM38" s="169">
        <v>180</v>
      </c>
      <c r="GN38" s="169">
        <v>156</v>
      </c>
      <c r="GO38" s="169">
        <v>145</v>
      </c>
      <c r="GP38" s="169">
        <v>102</v>
      </c>
      <c r="GQ38" s="170">
        <v>891</v>
      </c>
      <c r="GR38" s="171">
        <v>1200</v>
      </c>
      <c r="GS38" s="172">
        <v>206</v>
      </c>
      <c r="GT38" s="164">
        <v>215</v>
      </c>
      <c r="GU38" s="165">
        <v>421</v>
      </c>
      <c r="GV38" s="439">
        <v>0</v>
      </c>
      <c r="GW38" s="164">
        <v>454</v>
      </c>
      <c r="GX38" s="164">
        <v>252</v>
      </c>
      <c r="GY38" s="164">
        <v>218</v>
      </c>
      <c r="GZ38" s="164">
        <v>199</v>
      </c>
      <c r="HA38" s="164">
        <v>129</v>
      </c>
      <c r="HB38" s="166">
        <v>1252</v>
      </c>
      <c r="HC38" s="167">
        <v>1673</v>
      </c>
      <c r="HD38" s="168">
        <v>4</v>
      </c>
      <c r="HE38" s="169">
        <v>10</v>
      </c>
      <c r="HF38" s="170">
        <v>14</v>
      </c>
      <c r="HG38" s="439">
        <v>0</v>
      </c>
      <c r="HH38" s="169">
        <v>17</v>
      </c>
      <c r="HI38" s="169">
        <v>8</v>
      </c>
      <c r="HJ38" s="169">
        <v>8</v>
      </c>
      <c r="HK38" s="169">
        <v>6</v>
      </c>
      <c r="HL38" s="169">
        <v>5</v>
      </c>
      <c r="HM38" s="170">
        <v>44</v>
      </c>
      <c r="HN38" s="171">
        <v>58</v>
      </c>
      <c r="HO38" s="168">
        <v>16</v>
      </c>
      <c r="HP38" s="169">
        <v>12</v>
      </c>
      <c r="HQ38" s="170">
        <v>28</v>
      </c>
      <c r="HR38" s="439">
        <v>0</v>
      </c>
      <c r="HS38" s="169">
        <v>24</v>
      </c>
      <c r="HT38" s="169">
        <v>14</v>
      </c>
      <c r="HU38" s="169">
        <v>14</v>
      </c>
      <c r="HV38" s="169">
        <v>11</v>
      </c>
      <c r="HW38" s="169">
        <v>7</v>
      </c>
      <c r="HX38" s="170">
        <v>70</v>
      </c>
      <c r="HY38" s="171">
        <v>98</v>
      </c>
      <c r="HZ38" s="168">
        <v>33</v>
      </c>
      <c r="IA38" s="169">
        <v>42</v>
      </c>
      <c r="IB38" s="170">
        <v>75</v>
      </c>
      <c r="IC38" s="439">
        <v>0</v>
      </c>
      <c r="ID38" s="169">
        <v>48</v>
      </c>
      <c r="IE38" s="169">
        <v>22</v>
      </c>
      <c r="IF38" s="169">
        <v>17</v>
      </c>
      <c r="IG38" s="169">
        <v>15</v>
      </c>
      <c r="IH38" s="169">
        <v>18</v>
      </c>
      <c r="II38" s="170">
        <v>120</v>
      </c>
      <c r="IJ38" s="171">
        <v>195</v>
      </c>
      <c r="IK38" s="168">
        <v>69</v>
      </c>
      <c r="IL38" s="169">
        <v>51</v>
      </c>
      <c r="IM38" s="170">
        <v>120</v>
      </c>
      <c r="IN38" s="439">
        <v>0</v>
      </c>
      <c r="IO38" s="169">
        <v>115</v>
      </c>
      <c r="IP38" s="169">
        <v>56</v>
      </c>
      <c r="IQ38" s="169">
        <v>43</v>
      </c>
      <c r="IR38" s="169">
        <v>33</v>
      </c>
      <c r="IS38" s="169">
        <v>22</v>
      </c>
      <c r="IT38" s="170">
        <v>269</v>
      </c>
      <c r="IU38" s="171">
        <v>389</v>
      </c>
      <c r="IV38" s="168">
        <v>54</v>
      </c>
      <c r="IW38" s="169">
        <v>65</v>
      </c>
      <c r="IX38" s="170">
        <v>119</v>
      </c>
      <c r="IY38" s="439">
        <v>0</v>
      </c>
      <c r="IZ38" s="169">
        <v>137</v>
      </c>
      <c r="JA38" s="169">
        <v>64</v>
      </c>
      <c r="JB38" s="169">
        <v>58</v>
      </c>
      <c r="JC38" s="169">
        <v>52</v>
      </c>
      <c r="JD38" s="169">
        <v>28</v>
      </c>
      <c r="JE38" s="170">
        <v>339</v>
      </c>
      <c r="JF38" s="171">
        <v>458</v>
      </c>
      <c r="JG38" s="168">
        <v>30</v>
      </c>
      <c r="JH38" s="169">
        <v>35</v>
      </c>
      <c r="JI38" s="170">
        <v>65</v>
      </c>
      <c r="JJ38" s="439">
        <v>0</v>
      </c>
      <c r="JK38" s="169">
        <v>113</v>
      </c>
      <c r="JL38" s="169">
        <v>88</v>
      </c>
      <c r="JM38" s="169">
        <v>78</v>
      </c>
      <c r="JN38" s="169">
        <v>82</v>
      </c>
      <c r="JO38" s="169">
        <v>49</v>
      </c>
      <c r="JP38" s="170">
        <v>410</v>
      </c>
      <c r="JQ38" s="171">
        <v>475</v>
      </c>
      <c r="JR38" s="168">
        <v>1</v>
      </c>
      <c r="JS38" s="169">
        <v>3</v>
      </c>
      <c r="JT38" s="170">
        <v>4</v>
      </c>
      <c r="JU38" s="439">
        <v>0</v>
      </c>
      <c r="JV38" s="169">
        <v>6</v>
      </c>
      <c r="JW38" s="169">
        <v>8</v>
      </c>
      <c r="JX38" s="169">
        <v>2</v>
      </c>
      <c r="JY38" s="169">
        <v>3</v>
      </c>
      <c r="JZ38" s="169">
        <v>2</v>
      </c>
      <c r="KA38" s="170">
        <v>21</v>
      </c>
      <c r="KB38" s="171">
        <v>25</v>
      </c>
      <c r="KC38" s="168">
        <v>207</v>
      </c>
      <c r="KD38" s="169">
        <v>218</v>
      </c>
      <c r="KE38" s="170">
        <v>425</v>
      </c>
      <c r="KF38" s="439">
        <v>0</v>
      </c>
      <c r="KG38" s="169">
        <v>460</v>
      </c>
      <c r="KH38" s="169">
        <v>260</v>
      </c>
      <c r="KI38" s="169">
        <v>220</v>
      </c>
      <c r="KJ38" s="169">
        <v>202</v>
      </c>
      <c r="KK38" s="169">
        <v>131</v>
      </c>
      <c r="KL38" s="170">
        <v>1273</v>
      </c>
      <c r="KM38" s="171">
        <v>1698</v>
      </c>
    </row>
    <row r="39" spans="2:299" s="137" customFormat="1" ht="21" customHeight="1" x14ac:dyDescent="0.2">
      <c r="B39" s="173" t="s">
        <v>36</v>
      </c>
      <c r="C39" s="163">
        <v>60</v>
      </c>
      <c r="D39" s="164">
        <v>87</v>
      </c>
      <c r="E39" s="165">
        <v>147</v>
      </c>
      <c r="F39" s="439">
        <v>0</v>
      </c>
      <c r="G39" s="164">
        <v>168</v>
      </c>
      <c r="H39" s="164">
        <v>152</v>
      </c>
      <c r="I39" s="164">
        <v>113</v>
      </c>
      <c r="J39" s="164">
        <v>96</v>
      </c>
      <c r="K39" s="164">
        <v>47</v>
      </c>
      <c r="L39" s="166">
        <v>576</v>
      </c>
      <c r="M39" s="167">
        <v>723</v>
      </c>
      <c r="N39" s="168">
        <v>3</v>
      </c>
      <c r="O39" s="169">
        <v>5</v>
      </c>
      <c r="P39" s="170">
        <v>8</v>
      </c>
      <c r="Q39" s="439">
        <v>0</v>
      </c>
      <c r="R39" s="169">
        <v>8</v>
      </c>
      <c r="S39" s="169">
        <v>14</v>
      </c>
      <c r="T39" s="169">
        <v>9</v>
      </c>
      <c r="U39" s="169">
        <v>6</v>
      </c>
      <c r="V39" s="169">
        <v>6</v>
      </c>
      <c r="W39" s="170">
        <v>43</v>
      </c>
      <c r="X39" s="171">
        <v>51</v>
      </c>
      <c r="Y39" s="168">
        <v>4</v>
      </c>
      <c r="Z39" s="169">
        <v>13</v>
      </c>
      <c r="AA39" s="170">
        <v>17</v>
      </c>
      <c r="AB39" s="439">
        <v>0</v>
      </c>
      <c r="AC39" s="169">
        <v>15</v>
      </c>
      <c r="AD39" s="169">
        <v>25</v>
      </c>
      <c r="AE39" s="169">
        <v>15</v>
      </c>
      <c r="AF39" s="169">
        <v>12</v>
      </c>
      <c r="AG39" s="169">
        <v>5</v>
      </c>
      <c r="AH39" s="170">
        <v>72</v>
      </c>
      <c r="AI39" s="171">
        <v>89</v>
      </c>
      <c r="AJ39" s="168">
        <v>16</v>
      </c>
      <c r="AK39" s="169">
        <v>12</v>
      </c>
      <c r="AL39" s="170">
        <v>28</v>
      </c>
      <c r="AM39" s="439">
        <v>0</v>
      </c>
      <c r="AN39" s="169">
        <v>37</v>
      </c>
      <c r="AO39" s="169">
        <v>25</v>
      </c>
      <c r="AP39" s="169">
        <v>22</v>
      </c>
      <c r="AQ39" s="169">
        <v>14</v>
      </c>
      <c r="AR39" s="169">
        <v>11</v>
      </c>
      <c r="AS39" s="170">
        <v>109</v>
      </c>
      <c r="AT39" s="171">
        <v>137</v>
      </c>
      <c r="AU39" s="168">
        <v>16</v>
      </c>
      <c r="AV39" s="169">
        <v>27</v>
      </c>
      <c r="AW39" s="170">
        <v>43</v>
      </c>
      <c r="AX39" s="439">
        <v>0</v>
      </c>
      <c r="AY39" s="169">
        <v>49</v>
      </c>
      <c r="AZ39" s="169">
        <v>33</v>
      </c>
      <c r="BA39" s="169">
        <v>30</v>
      </c>
      <c r="BB39" s="169">
        <v>28</v>
      </c>
      <c r="BC39" s="169">
        <v>13</v>
      </c>
      <c r="BD39" s="170">
        <v>153</v>
      </c>
      <c r="BE39" s="171">
        <v>196</v>
      </c>
      <c r="BF39" s="168">
        <v>15</v>
      </c>
      <c r="BG39" s="169">
        <v>17</v>
      </c>
      <c r="BH39" s="170">
        <v>32</v>
      </c>
      <c r="BI39" s="439">
        <v>0</v>
      </c>
      <c r="BJ39" s="169">
        <v>42</v>
      </c>
      <c r="BK39" s="169">
        <v>32</v>
      </c>
      <c r="BL39" s="169">
        <v>19</v>
      </c>
      <c r="BM39" s="169">
        <v>21</v>
      </c>
      <c r="BN39" s="169">
        <v>7</v>
      </c>
      <c r="BO39" s="170">
        <v>121</v>
      </c>
      <c r="BP39" s="171">
        <v>153</v>
      </c>
      <c r="BQ39" s="168">
        <v>6</v>
      </c>
      <c r="BR39" s="169">
        <v>13</v>
      </c>
      <c r="BS39" s="170">
        <v>19</v>
      </c>
      <c r="BT39" s="439">
        <v>0</v>
      </c>
      <c r="BU39" s="169">
        <v>17</v>
      </c>
      <c r="BV39" s="169">
        <v>23</v>
      </c>
      <c r="BW39" s="169">
        <v>18</v>
      </c>
      <c r="BX39" s="169">
        <v>15</v>
      </c>
      <c r="BY39" s="169">
        <v>5</v>
      </c>
      <c r="BZ39" s="170">
        <v>78</v>
      </c>
      <c r="CA39" s="171">
        <v>97</v>
      </c>
      <c r="CB39" s="168">
        <v>2</v>
      </c>
      <c r="CC39" s="169">
        <v>1</v>
      </c>
      <c r="CD39" s="170">
        <v>3</v>
      </c>
      <c r="CE39" s="439">
        <v>0</v>
      </c>
      <c r="CF39" s="169">
        <v>6</v>
      </c>
      <c r="CG39" s="169">
        <v>3</v>
      </c>
      <c r="CH39" s="169">
        <v>6</v>
      </c>
      <c r="CI39" s="169">
        <v>8</v>
      </c>
      <c r="CJ39" s="169">
        <v>2</v>
      </c>
      <c r="CK39" s="170">
        <v>25</v>
      </c>
      <c r="CL39" s="171">
        <v>28</v>
      </c>
      <c r="CM39" s="168">
        <v>62</v>
      </c>
      <c r="CN39" s="169">
        <v>88</v>
      </c>
      <c r="CO39" s="170">
        <v>150</v>
      </c>
      <c r="CP39" s="439">
        <v>0</v>
      </c>
      <c r="CQ39" s="169">
        <v>174</v>
      </c>
      <c r="CR39" s="169">
        <v>155</v>
      </c>
      <c r="CS39" s="169">
        <v>119</v>
      </c>
      <c r="CT39" s="169">
        <v>104</v>
      </c>
      <c r="CU39" s="169">
        <v>49</v>
      </c>
      <c r="CV39" s="170">
        <v>601</v>
      </c>
      <c r="CW39" s="171">
        <v>751</v>
      </c>
      <c r="CX39" s="172">
        <v>103</v>
      </c>
      <c r="CY39" s="164">
        <v>186</v>
      </c>
      <c r="CZ39" s="165">
        <v>289</v>
      </c>
      <c r="DA39" s="439">
        <v>0</v>
      </c>
      <c r="DB39" s="164">
        <v>248</v>
      </c>
      <c r="DC39" s="164">
        <v>233</v>
      </c>
      <c r="DD39" s="164">
        <v>185</v>
      </c>
      <c r="DE39" s="164">
        <v>158</v>
      </c>
      <c r="DF39" s="164">
        <v>130</v>
      </c>
      <c r="DG39" s="166">
        <v>954</v>
      </c>
      <c r="DH39" s="167">
        <v>1243</v>
      </c>
      <c r="DI39" s="168">
        <v>1</v>
      </c>
      <c r="DJ39" s="169">
        <v>3</v>
      </c>
      <c r="DK39" s="170">
        <v>4</v>
      </c>
      <c r="DL39" s="439">
        <v>0</v>
      </c>
      <c r="DM39" s="169">
        <v>7</v>
      </c>
      <c r="DN39" s="169">
        <v>7</v>
      </c>
      <c r="DO39" s="169">
        <v>5</v>
      </c>
      <c r="DP39" s="169">
        <v>3</v>
      </c>
      <c r="DQ39" s="169">
        <v>2</v>
      </c>
      <c r="DR39" s="170">
        <v>24</v>
      </c>
      <c r="DS39" s="171">
        <v>28</v>
      </c>
      <c r="DT39" s="168">
        <v>6</v>
      </c>
      <c r="DU39" s="169">
        <v>22</v>
      </c>
      <c r="DV39" s="170">
        <v>28</v>
      </c>
      <c r="DW39" s="439">
        <v>0</v>
      </c>
      <c r="DX39" s="169">
        <v>20</v>
      </c>
      <c r="DY39" s="169">
        <v>17</v>
      </c>
      <c r="DZ39" s="169">
        <v>11</v>
      </c>
      <c r="EA39" s="169">
        <v>12</v>
      </c>
      <c r="EB39" s="169">
        <v>12</v>
      </c>
      <c r="EC39" s="170">
        <v>72</v>
      </c>
      <c r="ED39" s="171">
        <v>100</v>
      </c>
      <c r="EE39" s="168">
        <v>19</v>
      </c>
      <c r="EF39" s="169">
        <v>26</v>
      </c>
      <c r="EG39" s="170">
        <v>45</v>
      </c>
      <c r="EH39" s="439">
        <v>0</v>
      </c>
      <c r="EI39" s="169">
        <v>35</v>
      </c>
      <c r="EJ39" s="169">
        <v>38</v>
      </c>
      <c r="EK39" s="169">
        <v>17</v>
      </c>
      <c r="EL39" s="169">
        <v>22</v>
      </c>
      <c r="EM39" s="169">
        <v>12</v>
      </c>
      <c r="EN39" s="170">
        <v>124</v>
      </c>
      <c r="EO39" s="171">
        <v>169</v>
      </c>
      <c r="EP39" s="168">
        <v>42</v>
      </c>
      <c r="EQ39" s="169">
        <v>57</v>
      </c>
      <c r="ER39" s="170">
        <v>99</v>
      </c>
      <c r="ES39" s="439">
        <v>0</v>
      </c>
      <c r="ET39" s="169">
        <v>73</v>
      </c>
      <c r="EU39" s="169">
        <v>59</v>
      </c>
      <c r="EV39" s="169">
        <v>33</v>
      </c>
      <c r="EW39" s="169">
        <v>27</v>
      </c>
      <c r="EX39" s="169">
        <v>26</v>
      </c>
      <c r="EY39" s="170">
        <v>218</v>
      </c>
      <c r="EZ39" s="171">
        <v>317</v>
      </c>
      <c r="FA39" s="168">
        <v>21</v>
      </c>
      <c r="FB39" s="169">
        <v>55</v>
      </c>
      <c r="FC39" s="170">
        <v>76</v>
      </c>
      <c r="FD39" s="439">
        <v>0</v>
      </c>
      <c r="FE39" s="169">
        <v>69</v>
      </c>
      <c r="FF39" s="169">
        <v>47</v>
      </c>
      <c r="FG39" s="169">
        <v>56</v>
      </c>
      <c r="FH39" s="169">
        <v>38</v>
      </c>
      <c r="FI39" s="169">
        <v>36</v>
      </c>
      <c r="FJ39" s="170">
        <v>246</v>
      </c>
      <c r="FK39" s="171">
        <v>322</v>
      </c>
      <c r="FL39" s="168">
        <v>14</v>
      </c>
      <c r="FM39" s="169">
        <v>23</v>
      </c>
      <c r="FN39" s="170">
        <v>37</v>
      </c>
      <c r="FO39" s="439">
        <v>0</v>
      </c>
      <c r="FP39" s="169">
        <v>44</v>
      </c>
      <c r="FQ39" s="169">
        <v>65</v>
      </c>
      <c r="FR39" s="169">
        <v>63</v>
      </c>
      <c r="FS39" s="169">
        <v>56</v>
      </c>
      <c r="FT39" s="169">
        <v>42</v>
      </c>
      <c r="FU39" s="170">
        <v>270</v>
      </c>
      <c r="FV39" s="171">
        <v>307</v>
      </c>
      <c r="FW39" s="168">
        <v>1</v>
      </c>
      <c r="FX39" s="169">
        <v>3</v>
      </c>
      <c r="FY39" s="170">
        <v>4</v>
      </c>
      <c r="FZ39" s="439">
        <v>0</v>
      </c>
      <c r="GA39" s="169">
        <v>2</v>
      </c>
      <c r="GB39" s="169">
        <v>4</v>
      </c>
      <c r="GC39" s="169">
        <v>2</v>
      </c>
      <c r="GD39" s="169">
        <v>4</v>
      </c>
      <c r="GE39" s="169">
        <v>4</v>
      </c>
      <c r="GF39" s="170">
        <v>16</v>
      </c>
      <c r="GG39" s="171">
        <v>20</v>
      </c>
      <c r="GH39" s="168">
        <v>104</v>
      </c>
      <c r="GI39" s="169">
        <v>189</v>
      </c>
      <c r="GJ39" s="170">
        <v>293</v>
      </c>
      <c r="GK39" s="439">
        <v>0</v>
      </c>
      <c r="GL39" s="169">
        <v>250</v>
      </c>
      <c r="GM39" s="169">
        <v>237</v>
      </c>
      <c r="GN39" s="169">
        <v>187</v>
      </c>
      <c r="GO39" s="169">
        <v>162</v>
      </c>
      <c r="GP39" s="169">
        <v>134</v>
      </c>
      <c r="GQ39" s="170">
        <v>970</v>
      </c>
      <c r="GR39" s="171">
        <v>1263</v>
      </c>
      <c r="GS39" s="172">
        <v>163</v>
      </c>
      <c r="GT39" s="164">
        <v>273</v>
      </c>
      <c r="GU39" s="165">
        <v>436</v>
      </c>
      <c r="GV39" s="439">
        <v>0</v>
      </c>
      <c r="GW39" s="164">
        <v>416</v>
      </c>
      <c r="GX39" s="164">
        <v>385</v>
      </c>
      <c r="GY39" s="164">
        <v>298</v>
      </c>
      <c r="GZ39" s="164">
        <v>254</v>
      </c>
      <c r="HA39" s="164">
        <v>177</v>
      </c>
      <c r="HB39" s="166">
        <v>1530</v>
      </c>
      <c r="HC39" s="167">
        <v>1966</v>
      </c>
      <c r="HD39" s="168">
        <v>4</v>
      </c>
      <c r="HE39" s="169">
        <v>8</v>
      </c>
      <c r="HF39" s="170">
        <v>12</v>
      </c>
      <c r="HG39" s="439">
        <v>0</v>
      </c>
      <c r="HH39" s="169">
        <v>15</v>
      </c>
      <c r="HI39" s="169">
        <v>21</v>
      </c>
      <c r="HJ39" s="169">
        <v>14</v>
      </c>
      <c r="HK39" s="169">
        <v>9</v>
      </c>
      <c r="HL39" s="169">
        <v>8</v>
      </c>
      <c r="HM39" s="170">
        <v>67</v>
      </c>
      <c r="HN39" s="171">
        <v>79</v>
      </c>
      <c r="HO39" s="168">
        <v>10</v>
      </c>
      <c r="HP39" s="169">
        <v>35</v>
      </c>
      <c r="HQ39" s="170">
        <v>45</v>
      </c>
      <c r="HR39" s="439">
        <v>0</v>
      </c>
      <c r="HS39" s="169">
        <v>35</v>
      </c>
      <c r="HT39" s="169">
        <v>42</v>
      </c>
      <c r="HU39" s="169">
        <v>26</v>
      </c>
      <c r="HV39" s="169">
        <v>24</v>
      </c>
      <c r="HW39" s="169">
        <v>17</v>
      </c>
      <c r="HX39" s="170">
        <v>144</v>
      </c>
      <c r="HY39" s="171">
        <v>189</v>
      </c>
      <c r="HZ39" s="168">
        <v>35</v>
      </c>
      <c r="IA39" s="169">
        <v>38</v>
      </c>
      <c r="IB39" s="170">
        <v>73</v>
      </c>
      <c r="IC39" s="439">
        <v>0</v>
      </c>
      <c r="ID39" s="169">
        <v>72</v>
      </c>
      <c r="IE39" s="169">
        <v>63</v>
      </c>
      <c r="IF39" s="169">
        <v>39</v>
      </c>
      <c r="IG39" s="169">
        <v>36</v>
      </c>
      <c r="IH39" s="169">
        <v>23</v>
      </c>
      <c r="II39" s="170">
        <v>233</v>
      </c>
      <c r="IJ39" s="171">
        <v>306</v>
      </c>
      <c r="IK39" s="168">
        <v>58</v>
      </c>
      <c r="IL39" s="169">
        <v>84</v>
      </c>
      <c r="IM39" s="170">
        <v>142</v>
      </c>
      <c r="IN39" s="439">
        <v>0</v>
      </c>
      <c r="IO39" s="169">
        <v>122</v>
      </c>
      <c r="IP39" s="169">
        <v>92</v>
      </c>
      <c r="IQ39" s="169">
        <v>63</v>
      </c>
      <c r="IR39" s="169">
        <v>55</v>
      </c>
      <c r="IS39" s="169">
        <v>39</v>
      </c>
      <c r="IT39" s="170">
        <v>371</v>
      </c>
      <c r="IU39" s="171">
        <v>513</v>
      </c>
      <c r="IV39" s="168">
        <v>36</v>
      </c>
      <c r="IW39" s="169">
        <v>72</v>
      </c>
      <c r="IX39" s="170">
        <v>108</v>
      </c>
      <c r="IY39" s="439">
        <v>0</v>
      </c>
      <c r="IZ39" s="169">
        <v>111</v>
      </c>
      <c r="JA39" s="169">
        <v>79</v>
      </c>
      <c r="JB39" s="169">
        <v>75</v>
      </c>
      <c r="JC39" s="169">
        <v>59</v>
      </c>
      <c r="JD39" s="169">
        <v>43</v>
      </c>
      <c r="JE39" s="170">
        <v>367</v>
      </c>
      <c r="JF39" s="171">
        <v>475</v>
      </c>
      <c r="JG39" s="168">
        <v>20</v>
      </c>
      <c r="JH39" s="169">
        <v>36</v>
      </c>
      <c r="JI39" s="170">
        <v>56</v>
      </c>
      <c r="JJ39" s="439">
        <v>0</v>
      </c>
      <c r="JK39" s="169">
        <v>61</v>
      </c>
      <c r="JL39" s="169">
        <v>88</v>
      </c>
      <c r="JM39" s="169">
        <v>81</v>
      </c>
      <c r="JN39" s="169">
        <v>71</v>
      </c>
      <c r="JO39" s="169">
        <v>47</v>
      </c>
      <c r="JP39" s="170">
        <v>348</v>
      </c>
      <c r="JQ39" s="171">
        <v>404</v>
      </c>
      <c r="JR39" s="168">
        <v>3</v>
      </c>
      <c r="JS39" s="169">
        <v>4</v>
      </c>
      <c r="JT39" s="170">
        <v>7</v>
      </c>
      <c r="JU39" s="439">
        <v>0</v>
      </c>
      <c r="JV39" s="169">
        <v>8</v>
      </c>
      <c r="JW39" s="169">
        <v>7</v>
      </c>
      <c r="JX39" s="169">
        <v>8</v>
      </c>
      <c r="JY39" s="169">
        <v>12</v>
      </c>
      <c r="JZ39" s="169">
        <v>6</v>
      </c>
      <c r="KA39" s="170">
        <v>41</v>
      </c>
      <c r="KB39" s="171">
        <v>48</v>
      </c>
      <c r="KC39" s="168">
        <v>166</v>
      </c>
      <c r="KD39" s="169">
        <v>277</v>
      </c>
      <c r="KE39" s="170">
        <v>443</v>
      </c>
      <c r="KF39" s="439">
        <v>0</v>
      </c>
      <c r="KG39" s="169">
        <v>424</v>
      </c>
      <c r="KH39" s="169">
        <v>392</v>
      </c>
      <c r="KI39" s="169">
        <v>306</v>
      </c>
      <c r="KJ39" s="169">
        <v>266</v>
      </c>
      <c r="KK39" s="169">
        <v>183</v>
      </c>
      <c r="KL39" s="170">
        <v>1571</v>
      </c>
      <c r="KM39" s="171">
        <v>2014</v>
      </c>
    </row>
    <row r="40" spans="2:299" s="137" customFormat="1" ht="21" customHeight="1" thickBot="1" x14ac:dyDescent="0.25">
      <c r="B40" s="175" t="s">
        <v>37</v>
      </c>
      <c r="C40" s="176">
        <v>4</v>
      </c>
      <c r="D40" s="177">
        <v>1</v>
      </c>
      <c r="E40" s="178">
        <v>5</v>
      </c>
      <c r="F40" s="440">
        <v>0</v>
      </c>
      <c r="G40" s="177">
        <v>9</v>
      </c>
      <c r="H40" s="177">
        <v>6</v>
      </c>
      <c r="I40" s="177">
        <v>8</v>
      </c>
      <c r="J40" s="177">
        <v>6</v>
      </c>
      <c r="K40" s="177">
        <v>3</v>
      </c>
      <c r="L40" s="179">
        <v>32</v>
      </c>
      <c r="M40" s="180">
        <v>37</v>
      </c>
      <c r="N40" s="181">
        <v>1</v>
      </c>
      <c r="O40" s="182">
        <v>1</v>
      </c>
      <c r="P40" s="183">
        <v>2</v>
      </c>
      <c r="Q40" s="440">
        <v>0</v>
      </c>
      <c r="R40" s="182">
        <v>0</v>
      </c>
      <c r="S40" s="182">
        <v>0</v>
      </c>
      <c r="T40" s="182">
        <v>0</v>
      </c>
      <c r="U40" s="182">
        <v>1</v>
      </c>
      <c r="V40" s="182">
        <v>0</v>
      </c>
      <c r="W40" s="183">
        <v>1</v>
      </c>
      <c r="X40" s="184">
        <v>3</v>
      </c>
      <c r="Y40" s="181">
        <v>1</v>
      </c>
      <c r="Z40" s="182">
        <v>0</v>
      </c>
      <c r="AA40" s="183">
        <v>1</v>
      </c>
      <c r="AB40" s="440">
        <v>0</v>
      </c>
      <c r="AC40" s="182">
        <v>0</v>
      </c>
      <c r="AD40" s="182">
        <v>1</v>
      </c>
      <c r="AE40" s="182">
        <v>2</v>
      </c>
      <c r="AF40" s="182">
        <v>1</v>
      </c>
      <c r="AG40" s="182">
        <v>1</v>
      </c>
      <c r="AH40" s="183">
        <v>5</v>
      </c>
      <c r="AI40" s="184">
        <v>6</v>
      </c>
      <c r="AJ40" s="181">
        <v>0</v>
      </c>
      <c r="AK40" s="182">
        <v>0</v>
      </c>
      <c r="AL40" s="183">
        <v>0</v>
      </c>
      <c r="AM40" s="440">
        <v>0</v>
      </c>
      <c r="AN40" s="182">
        <v>2</v>
      </c>
      <c r="AO40" s="182">
        <v>1</v>
      </c>
      <c r="AP40" s="182">
        <v>3</v>
      </c>
      <c r="AQ40" s="182">
        <v>0</v>
      </c>
      <c r="AR40" s="182">
        <v>0</v>
      </c>
      <c r="AS40" s="183">
        <v>6</v>
      </c>
      <c r="AT40" s="184">
        <v>6</v>
      </c>
      <c r="AU40" s="181">
        <v>1</v>
      </c>
      <c r="AV40" s="182">
        <v>0</v>
      </c>
      <c r="AW40" s="183">
        <v>1</v>
      </c>
      <c r="AX40" s="440">
        <v>0</v>
      </c>
      <c r="AY40" s="182">
        <v>3</v>
      </c>
      <c r="AZ40" s="182">
        <v>1</v>
      </c>
      <c r="BA40" s="182">
        <v>1</v>
      </c>
      <c r="BB40" s="182">
        <v>1</v>
      </c>
      <c r="BC40" s="182">
        <v>0</v>
      </c>
      <c r="BD40" s="183">
        <v>6</v>
      </c>
      <c r="BE40" s="184">
        <v>7</v>
      </c>
      <c r="BF40" s="181">
        <v>0</v>
      </c>
      <c r="BG40" s="182">
        <v>0</v>
      </c>
      <c r="BH40" s="183">
        <v>0</v>
      </c>
      <c r="BI40" s="440">
        <v>0</v>
      </c>
      <c r="BJ40" s="182">
        <v>1</v>
      </c>
      <c r="BK40" s="182">
        <v>2</v>
      </c>
      <c r="BL40" s="182">
        <v>2</v>
      </c>
      <c r="BM40" s="182">
        <v>2</v>
      </c>
      <c r="BN40" s="182">
        <v>1</v>
      </c>
      <c r="BO40" s="183">
        <v>8</v>
      </c>
      <c r="BP40" s="184">
        <v>8</v>
      </c>
      <c r="BQ40" s="181">
        <v>1</v>
      </c>
      <c r="BR40" s="182">
        <v>0</v>
      </c>
      <c r="BS40" s="183">
        <v>1</v>
      </c>
      <c r="BT40" s="440">
        <v>0</v>
      </c>
      <c r="BU40" s="182">
        <v>3</v>
      </c>
      <c r="BV40" s="182">
        <v>1</v>
      </c>
      <c r="BW40" s="182">
        <v>0</v>
      </c>
      <c r="BX40" s="182">
        <v>1</v>
      </c>
      <c r="BY40" s="182">
        <v>1</v>
      </c>
      <c r="BZ40" s="183">
        <v>6</v>
      </c>
      <c r="CA40" s="184">
        <v>7</v>
      </c>
      <c r="CB40" s="181">
        <v>0</v>
      </c>
      <c r="CC40" s="182">
        <v>0</v>
      </c>
      <c r="CD40" s="183">
        <v>0</v>
      </c>
      <c r="CE40" s="440">
        <v>0</v>
      </c>
      <c r="CF40" s="182">
        <v>0</v>
      </c>
      <c r="CG40" s="182">
        <v>1</v>
      </c>
      <c r="CH40" s="182">
        <v>0</v>
      </c>
      <c r="CI40" s="182">
        <v>1</v>
      </c>
      <c r="CJ40" s="182">
        <v>0</v>
      </c>
      <c r="CK40" s="183">
        <v>2</v>
      </c>
      <c r="CL40" s="184">
        <v>2</v>
      </c>
      <c r="CM40" s="181">
        <v>4</v>
      </c>
      <c r="CN40" s="182">
        <v>1</v>
      </c>
      <c r="CO40" s="183">
        <v>5</v>
      </c>
      <c r="CP40" s="440">
        <v>0</v>
      </c>
      <c r="CQ40" s="182">
        <v>9</v>
      </c>
      <c r="CR40" s="182">
        <v>7</v>
      </c>
      <c r="CS40" s="182">
        <v>8</v>
      </c>
      <c r="CT40" s="182">
        <v>7</v>
      </c>
      <c r="CU40" s="182">
        <v>3</v>
      </c>
      <c r="CV40" s="183">
        <v>34</v>
      </c>
      <c r="CW40" s="184">
        <v>39</v>
      </c>
      <c r="CX40" s="185">
        <v>18</v>
      </c>
      <c r="CY40" s="177">
        <v>2</v>
      </c>
      <c r="CZ40" s="178">
        <v>20</v>
      </c>
      <c r="DA40" s="440">
        <v>0</v>
      </c>
      <c r="DB40" s="177">
        <v>22</v>
      </c>
      <c r="DC40" s="177">
        <v>19</v>
      </c>
      <c r="DD40" s="177">
        <v>24</v>
      </c>
      <c r="DE40" s="177">
        <v>18</v>
      </c>
      <c r="DF40" s="177">
        <v>16</v>
      </c>
      <c r="DG40" s="179">
        <v>99</v>
      </c>
      <c r="DH40" s="180">
        <v>119</v>
      </c>
      <c r="DI40" s="181">
        <v>0</v>
      </c>
      <c r="DJ40" s="182">
        <v>0</v>
      </c>
      <c r="DK40" s="183">
        <v>0</v>
      </c>
      <c r="DL40" s="440">
        <v>0</v>
      </c>
      <c r="DM40" s="182">
        <v>0</v>
      </c>
      <c r="DN40" s="182">
        <v>0</v>
      </c>
      <c r="DO40" s="182">
        <v>1</v>
      </c>
      <c r="DP40" s="182">
        <v>0</v>
      </c>
      <c r="DQ40" s="182">
        <v>1</v>
      </c>
      <c r="DR40" s="183">
        <v>2</v>
      </c>
      <c r="DS40" s="184">
        <v>2</v>
      </c>
      <c r="DT40" s="181">
        <v>2</v>
      </c>
      <c r="DU40" s="182">
        <v>0</v>
      </c>
      <c r="DV40" s="183">
        <v>2</v>
      </c>
      <c r="DW40" s="440">
        <v>0</v>
      </c>
      <c r="DX40" s="182">
        <v>0</v>
      </c>
      <c r="DY40" s="182">
        <v>0</v>
      </c>
      <c r="DZ40" s="182">
        <v>0</v>
      </c>
      <c r="EA40" s="182">
        <v>2</v>
      </c>
      <c r="EB40" s="182">
        <v>1</v>
      </c>
      <c r="EC40" s="183">
        <v>3</v>
      </c>
      <c r="ED40" s="184">
        <v>5</v>
      </c>
      <c r="EE40" s="181">
        <v>1</v>
      </c>
      <c r="EF40" s="182">
        <v>0</v>
      </c>
      <c r="EG40" s="183">
        <v>1</v>
      </c>
      <c r="EH40" s="440">
        <v>0</v>
      </c>
      <c r="EI40" s="182">
        <v>1</v>
      </c>
      <c r="EJ40" s="182">
        <v>3</v>
      </c>
      <c r="EK40" s="182">
        <v>3</v>
      </c>
      <c r="EL40" s="182">
        <v>1</v>
      </c>
      <c r="EM40" s="182">
        <v>0</v>
      </c>
      <c r="EN40" s="183">
        <v>8</v>
      </c>
      <c r="EO40" s="184">
        <v>9</v>
      </c>
      <c r="EP40" s="181">
        <v>6</v>
      </c>
      <c r="EQ40" s="182">
        <v>1</v>
      </c>
      <c r="ER40" s="183">
        <v>7</v>
      </c>
      <c r="ES40" s="440">
        <v>0</v>
      </c>
      <c r="ET40" s="182">
        <v>6</v>
      </c>
      <c r="EU40" s="182">
        <v>4</v>
      </c>
      <c r="EV40" s="182">
        <v>4</v>
      </c>
      <c r="EW40" s="182">
        <v>4</v>
      </c>
      <c r="EX40" s="182">
        <v>4</v>
      </c>
      <c r="EY40" s="183">
        <v>22</v>
      </c>
      <c r="EZ40" s="184">
        <v>29</v>
      </c>
      <c r="FA40" s="181">
        <v>6</v>
      </c>
      <c r="FB40" s="182">
        <v>1</v>
      </c>
      <c r="FC40" s="183">
        <v>7</v>
      </c>
      <c r="FD40" s="440">
        <v>0</v>
      </c>
      <c r="FE40" s="182">
        <v>7</v>
      </c>
      <c r="FF40" s="182">
        <v>6</v>
      </c>
      <c r="FG40" s="182">
        <v>7</v>
      </c>
      <c r="FH40" s="182">
        <v>4</v>
      </c>
      <c r="FI40" s="182">
        <v>6</v>
      </c>
      <c r="FJ40" s="183">
        <v>30</v>
      </c>
      <c r="FK40" s="184">
        <v>37</v>
      </c>
      <c r="FL40" s="181">
        <v>3</v>
      </c>
      <c r="FM40" s="182">
        <v>0</v>
      </c>
      <c r="FN40" s="183">
        <v>3</v>
      </c>
      <c r="FO40" s="440">
        <v>0</v>
      </c>
      <c r="FP40" s="182">
        <v>8</v>
      </c>
      <c r="FQ40" s="182">
        <v>6</v>
      </c>
      <c r="FR40" s="182">
        <v>9</v>
      </c>
      <c r="FS40" s="182">
        <v>7</v>
      </c>
      <c r="FT40" s="182">
        <v>4</v>
      </c>
      <c r="FU40" s="183">
        <v>34</v>
      </c>
      <c r="FV40" s="184">
        <v>37</v>
      </c>
      <c r="FW40" s="181">
        <v>0</v>
      </c>
      <c r="FX40" s="182">
        <v>0</v>
      </c>
      <c r="FY40" s="183">
        <v>0</v>
      </c>
      <c r="FZ40" s="440">
        <v>0</v>
      </c>
      <c r="GA40" s="182">
        <v>0</v>
      </c>
      <c r="GB40" s="182">
        <v>2</v>
      </c>
      <c r="GC40" s="182">
        <v>0</v>
      </c>
      <c r="GD40" s="182">
        <v>0</v>
      </c>
      <c r="GE40" s="182">
        <v>0</v>
      </c>
      <c r="GF40" s="183">
        <v>2</v>
      </c>
      <c r="GG40" s="184">
        <v>2</v>
      </c>
      <c r="GH40" s="181">
        <v>18</v>
      </c>
      <c r="GI40" s="182">
        <v>2</v>
      </c>
      <c r="GJ40" s="183">
        <v>20</v>
      </c>
      <c r="GK40" s="440">
        <v>0</v>
      </c>
      <c r="GL40" s="182">
        <v>22</v>
      </c>
      <c r="GM40" s="182">
        <v>21</v>
      </c>
      <c r="GN40" s="182">
        <v>24</v>
      </c>
      <c r="GO40" s="182">
        <v>18</v>
      </c>
      <c r="GP40" s="182">
        <v>16</v>
      </c>
      <c r="GQ40" s="183">
        <v>101</v>
      </c>
      <c r="GR40" s="184">
        <v>121</v>
      </c>
      <c r="GS40" s="185">
        <v>22</v>
      </c>
      <c r="GT40" s="177">
        <v>3</v>
      </c>
      <c r="GU40" s="178">
        <v>25</v>
      </c>
      <c r="GV40" s="440">
        <v>0</v>
      </c>
      <c r="GW40" s="177">
        <v>31</v>
      </c>
      <c r="GX40" s="177">
        <v>25</v>
      </c>
      <c r="GY40" s="177">
        <v>32</v>
      </c>
      <c r="GZ40" s="177">
        <v>24</v>
      </c>
      <c r="HA40" s="177">
        <v>19</v>
      </c>
      <c r="HB40" s="179">
        <v>131</v>
      </c>
      <c r="HC40" s="180">
        <v>156</v>
      </c>
      <c r="HD40" s="181">
        <v>1</v>
      </c>
      <c r="HE40" s="182">
        <v>1</v>
      </c>
      <c r="HF40" s="183">
        <v>2</v>
      </c>
      <c r="HG40" s="440">
        <v>0</v>
      </c>
      <c r="HH40" s="182">
        <v>0</v>
      </c>
      <c r="HI40" s="182">
        <v>0</v>
      </c>
      <c r="HJ40" s="182">
        <v>1</v>
      </c>
      <c r="HK40" s="182">
        <v>1</v>
      </c>
      <c r="HL40" s="182">
        <v>1</v>
      </c>
      <c r="HM40" s="183">
        <v>3</v>
      </c>
      <c r="HN40" s="184">
        <v>5</v>
      </c>
      <c r="HO40" s="181">
        <v>3</v>
      </c>
      <c r="HP40" s="182">
        <v>0</v>
      </c>
      <c r="HQ40" s="183">
        <v>3</v>
      </c>
      <c r="HR40" s="440">
        <v>0</v>
      </c>
      <c r="HS40" s="182">
        <v>0</v>
      </c>
      <c r="HT40" s="182">
        <v>1</v>
      </c>
      <c r="HU40" s="182">
        <v>2</v>
      </c>
      <c r="HV40" s="182">
        <v>3</v>
      </c>
      <c r="HW40" s="182">
        <v>2</v>
      </c>
      <c r="HX40" s="183">
        <v>8</v>
      </c>
      <c r="HY40" s="184">
        <v>11</v>
      </c>
      <c r="HZ40" s="181">
        <v>1</v>
      </c>
      <c r="IA40" s="182">
        <v>0</v>
      </c>
      <c r="IB40" s="183">
        <v>1</v>
      </c>
      <c r="IC40" s="440">
        <v>0</v>
      </c>
      <c r="ID40" s="182">
        <v>3</v>
      </c>
      <c r="IE40" s="182">
        <v>4</v>
      </c>
      <c r="IF40" s="182">
        <v>6</v>
      </c>
      <c r="IG40" s="182">
        <v>1</v>
      </c>
      <c r="IH40" s="182">
        <v>0</v>
      </c>
      <c r="II40" s="183">
        <v>14</v>
      </c>
      <c r="IJ40" s="184">
        <v>15</v>
      </c>
      <c r="IK40" s="181">
        <v>7</v>
      </c>
      <c r="IL40" s="182">
        <v>1</v>
      </c>
      <c r="IM40" s="183">
        <v>8</v>
      </c>
      <c r="IN40" s="440">
        <v>0</v>
      </c>
      <c r="IO40" s="182">
        <v>9</v>
      </c>
      <c r="IP40" s="182">
        <v>5</v>
      </c>
      <c r="IQ40" s="182">
        <v>5</v>
      </c>
      <c r="IR40" s="182">
        <v>5</v>
      </c>
      <c r="IS40" s="182">
        <v>4</v>
      </c>
      <c r="IT40" s="183">
        <v>28</v>
      </c>
      <c r="IU40" s="184">
        <v>36</v>
      </c>
      <c r="IV40" s="181">
        <v>6</v>
      </c>
      <c r="IW40" s="182">
        <v>1</v>
      </c>
      <c r="IX40" s="183">
        <v>7</v>
      </c>
      <c r="IY40" s="440">
        <v>0</v>
      </c>
      <c r="IZ40" s="182">
        <v>8</v>
      </c>
      <c r="JA40" s="182">
        <v>8</v>
      </c>
      <c r="JB40" s="182">
        <v>9</v>
      </c>
      <c r="JC40" s="182">
        <v>6</v>
      </c>
      <c r="JD40" s="182">
        <v>7</v>
      </c>
      <c r="JE40" s="183">
        <v>38</v>
      </c>
      <c r="JF40" s="184">
        <v>45</v>
      </c>
      <c r="JG40" s="181">
        <v>4</v>
      </c>
      <c r="JH40" s="182">
        <v>0</v>
      </c>
      <c r="JI40" s="183">
        <v>4</v>
      </c>
      <c r="JJ40" s="440">
        <v>0</v>
      </c>
      <c r="JK40" s="182">
        <v>11</v>
      </c>
      <c r="JL40" s="182">
        <v>7</v>
      </c>
      <c r="JM40" s="182">
        <v>9</v>
      </c>
      <c r="JN40" s="182">
        <v>8</v>
      </c>
      <c r="JO40" s="182">
        <v>5</v>
      </c>
      <c r="JP40" s="183">
        <v>40</v>
      </c>
      <c r="JQ40" s="184">
        <v>44</v>
      </c>
      <c r="JR40" s="181">
        <v>0</v>
      </c>
      <c r="JS40" s="182">
        <v>0</v>
      </c>
      <c r="JT40" s="183">
        <v>0</v>
      </c>
      <c r="JU40" s="440">
        <v>0</v>
      </c>
      <c r="JV40" s="182">
        <v>0</v>
      </c>
      <c r="JW40" s="182">
        <v>3</v>
      </c>
      <c r="JX40" s="182">
        <v>0</v>
      </c>
      <c r="JY40" s="182">
        <v>1</v>
      </c>
      <c r="JZ40" s="182">
        <v>0</v>
      </c>
      <c r="KA40" s="183">
        <v>4</v>
      </c>
      <c r="KB40" s="184">
        <v>4</v>
      </c>
      <c r="KC40" s="181">
        <v>22</v>
      </c>
      <c r="KD40" s="182">
        <v>3</v>
      </c>
      <c r="KE40" s="183">
        <v>25</v>
      </c>
      <c r="KF40" s="440">
        <v>0</v>
      </c>
      <c r="KG40" s="182">
        <v>31</v>
      </c>
      <c r="KH40" s="182">
        <v>28</v>
      </c>
      <c r="KI40" s="182">
        <v>32</v>
      </c>
      <c r="KJ40" s="182">
        <v>25</v>
      </c>
      <c r="KK40" s="182">
        <v>19</v>
      </c>
      <c r="KL40" s="183">
        <v>135</v>
      </c>
      <c r="KM40" s="184">
        <v>160</v>
      </c>
    </row>
    <row r="41" spans="2:299" ht="32.25" customHeight="1" x14ac:dyDescent="0.2"/>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38" customWidth="1"/>
    <col min="2" max="2" width="9.77734375" style="138" customWidth="1"/>
    <col min="3" max="3" width="8.88671875" style="138" customWidth="1"/>
    <col min="4" max="4" width="8.109375" style="138" customWidth="1"/>
    <col min="5" max="5" width="10.109375" style="138" bestFit="1" customWidth="1"/>
    <col min="6" max="6" width="9.6640625" style="138" bestFit="1" customWidth="1"/>
    <col min="7" max="7" width="9.109375" style="138" bestFit="1" customWidth="1"/>
    <col min="8" max="8" width="9.6640625" style="138" bestFit="1" customWidth="1"/>
    <col min="9" max="9" width="9.109375" style="138" bestFit="1" customWidth="1"/>
    <col min="10" max="11" width="9" style="138"/>
    <col min="12" max="12" width="9.6640625" style="138" customWidth="1"/>
    <col min="13" max="22" width="8.77734375" style="138" customWidth="1"/>
    <col min="23" max="42" width="9.6640625" style="138" customWidth="1"/>
    <col min="43" max="16384" width="9" style="138"/>
  </cols>
  <sheetData>
    <row r="1" spans="2:43" ht="24" customHeight="1" x14ac:dyDescent="0.2">
      <c r="B1" s="10" t="s">
        <v>56</v>
      </c>
      <c r="F1" s="127">
        <f>第１表!F2</f>
        <v>6</v>
      </c>
      <c r="G1" s="41">
        <f>第１表!G2</f>
        <v>4</v>
      </c>
      <c r="H1" s="503">
        <f>IF(G1&lt;3,G1-2+12,G1-2)</f>
        <v>2</v>
      </c>
      <c r="I1" s="503"/>
    </row>
    <row r="2" spans="2:43" ht="24" customHeight="1" thickBot="1" x14ac:dyDescent="0.25">
      <c r="B2" s="10" t="s">
        <v>155</v>
      </c>
      <c r="F2" s="10" t="s">
        <v>137</v>
      </c>
    </row>
    <row r="3" spans="2:43" ht="21" customHeight="1" x14ac:dyDescent="0.2">
      <c r="B3" s="555"/>
      <c r="C3" s="552" t="s">
        <v>57</v>
      </c>
      <c r="D3" s="553"/>
      <c r="E3" s="553"/>
      <c r="F3" s="553"/>
      <c r="G3" s="553"/>
      <c r="H3" s="553"/>
      <c r="I3" s="553"/>
      <c r="J3" s="553"/>
      <c r="K3" s="553"/>
      <c r="L3" s="553"/>
      <c r="M3" s="552" t="s">
        <v>58</v>
      </c>
      <c r="N3" s="558"/>
      <c r="O3" s="558"/>
      <c r="P3" s="558"/>
      <c r="Q3" s="558"/>
      <c r="R3" s="558"/>
      <c r="S3" s="558"/>
      <c r="T3" s="558"/>
      <c r="U3" s="558"/>
      <c r="V3" s="558"/>
      <c r="W3" s="552" t="s">
        <v>59</v>
      </c>
      <c r="X3" s="553"/>
      <c r="Y3" s="553"/>
      <c r="Z3" s="553"/>
      <c r="AA3" s="553"/>
      <c r="AB3" s="553"/>
      <c r="AC3" s="553"/>
      <c r="AD3" s="553"/>
      <c r="AE3" s="553"/>
      <c r="AF3" s="553"/>
      <c r="AG3" s="552" t="s">
        <v>148</v>
      </c>
      <c r="AH3" s="553"/>
      <c r="AI3" s="553"/>
      <c r="AJ3" s="553"/>
      <c r="AK3" s="553"/>
      <c r="AL3" s="553"/>
      <c r="AM3" s="553"/>
      <c r="AN3" s="553"/>
      <c r="AO3" s="553"/>
      <c r="AP3" s="554"/>
    </row>
    <row r="4" spans="2:43" ht="21" customHeight="1" x14ac:dyDescent="0.2">
      <c r="B4" s="557"/>
      <c r="C4" s="535" t="s">
        <v>61</v>
      </c>
      <c r="D4" s="536"/>
      <c r="E4" s="537"/>
      <c r="F4" s="538" t="s">
        <v>62</v>
      </c>
      <c r="G4" s="539"/>
      <c r="H4" s="539"/>
      <c r="I4" s="539"/>
      <c r="J4" s="539"/>
      <c r="K4" s="540"/>
      <c r="L4" s="549" t="s">
        <v>52</v>
      </c>
      <c r="M4" s="535" t="s">
        <v>61</v>
      </c>
      <c r="N4" s="536"/>
      <c r="O4" s="537"/>
      <c r="P4" s="538" t="s">
        <v>62</v>
      </c>
      <c r="Q4" s="539"/>
      <c r="R4" s="539"/>
      <c r="S4" s="539"/>
      <c r="T4" s="539"/>
      <c r="U4" s="540"/>
      <c r="V4" s="541" t="s">
        <v>52</v>
      </c>
      <c r="W4" s="535" t="s">
        <v>61</v>
      </c>
      <c r="X4" s="536"/>
      <c r="Y4" s="537"/>
      <c r="Z4" s="538" t="s">
        <v>62</v>
      </c>
      <c r="AA4" s="539"/>
      <c r="AB4" s="539"/>
      <c r="AC4" s="539"/>
      <c r="AD4" s="539"/>
      <c r="AE4" s="540"/>
      <c r="AF4" s="549" t="s">
        <v>52</v>
      </c>
      <c r="AG4" s="535" t="s">
        <v>61</v>
      </c>
      <c r="AH4" s="536"/>
      <c r="AI4" s="537"/>
      <c r="AJ4" s="538" t="s">
        <v>62</v>
      </c>
      <c r="AK4" s="539"/>
      <c r="AL4" s="539"/>
      <c r="AM4" s="539"/>
      <c r="AN4" s="539"/>
      <c r="AO4" s="540"/>
      <c r="AP4" s="541" t="s">
        <v>52</v>
      </c>
    </row>
    <row r="5" spans="2:43" ht="30" customHeight="1" thickBot="1" x14ac:dyDescent="0.25">
      <c r="B5" s="139" t="s">
        <v>42</v>
      </c>
      <c r="C5" s="245" t="s">
        <v>43</v>
      </c>
      <c r="D5" s="246" t="s">
        <v>44</v>
      </c>
      <c r="E5" s="246" t="s">
        <v>45</v>
      </c>
      <c r="F5" s="247" t="s">
        <v>47</v>
      </c>
      <c r="G5" s="248" t="s">
        <v>48</v>
      </c>
      <c r="H5" s="248" t="s">
        <v>49</v>
      </c>
      <c r="I5" s="249" t="s">
        <v>50</v>
      </c>
      <c r="J5" s="246" t="s">
        <v>51</v>
      </c>
      <c r="K5" s="250" t="s">
        <v>95</v>
      </c>
      <c r="L5" s="550"/>
      <c r="M5" s="245" t="s">
        <v>43</v>
      </c>
      <c r="N5" s="246" t="s">
        <v>44</v>
      </c>
      <c r="O5" s="250" t="s">
        <v>45</v>
      </c>
      <c r="P5" s="251" t="s">
        <v>47</v>
      </c>
      <c r="Q5" s="248" t="s">
        <v>48</v>
      </c>
      <c r="R5" s="248" t="s">
        <v>49</v>
      </c>
      <c r="S5" s="249" t="s">
        <v>50</v>
      </c>
      <c r="T5" s="246" t="s">
        <v>51</v>
      </c>
      <c r="U5" s="250" t="s">
        <v>45</v>
      </c>
      <c r="V5" s="542"/>
      <c r="W5" s="245" t="s">
        <v>43</v>
      </c>
      <c r="X5" s="246" t="s">
        <v>44</v>
      </c>
      <c r="Y5" s="246" t="s">
        <v>45</v>
      </c>
      <c r="Z5" s="247" t="s">
        <v>47</v>
      </c>
      <c r="AA5" s="248" t="s">
        <v>48</v>
      </c>
      <c r="AB5" s="248" t="s">
        <v>49</v>
      </c>
      <c r="AC5" s="249" t="s">
        <v>50</v>
      </c>
      <c r="AD5" s="246" t="s">
        <v>51</v>
      </c>
      <c r="AE5" s="250" t="s">
        <v>45</v>
      </c>
      <c r="AF5" s="550"/>
      <c r="AG5" s="245" t="s">
        <v>43</v>
      </c>
      <c r="AH5" s="246" t="s">
        <v>44</v>
      </c>
      <c r="AI5" s="246" t="s">
        <v>45</v>
      </c>
      <c r="AJ5" s="247" t="s">
        <v>47</v>
      </c>
      <c r="AK5" s="248" t="s">
        <v>48</v>
      </c>
      <c r="AL5" s="248" t="s">
        <v>49</v>
      </c>
      <c r="AM5" s="249" t="s">
        <v>50</v>
      </c>
      <c r="AN5" s="246" t="s">
        <v>51</v>
      </c>
      <c r="AO5" s="250" t="s">
        <v>45</v>
      </c>
      <c r="AP5" s="542"/>
    </row>
    <row r="6" spans="2:43" ht="21" customHeight="1" x14ac:dyDescent="0.2">
      <c r="B6" s="151" t="s">
        <v>4</v>
      </c>
      <c r="C6" s="227">
        <v>0</v>
      </c>
      <c r="D6" s="229">
        <v>0</v>
      </c>
      <c r="E6" s="229">
        <v>0</v>
      </c>
      <c r="F6" s="230">
        <v>15</v>
      </c>
      <c r="G6" s="228">
        <v>71</v>
      </c>
      <c r="H6" s="228">
        <v>457</v>
      </c>
      <c r="I6" s="228">
        <v>677</v>
      </c>
      <c r="J6" s="229">
        <v>347</v>
      </c>
      <c r="K6" s="252">
        <v>1567</v>
      </c>
      <c r="L6" s="253">
        <v>1567</v>
      </c>
      <c r="M6" s="227">
        <v>0</v>
      </c>
      <c r="N6" s="229">
        <v>0</v>
      </c>
      <c r="O6" s="252">
        <v>0</v>
      </c>
      <c r="P6" s="232">
        <v>89</v>
      </c>
      <c r="Q6" s="228">
        <v>164</v>
      </c>
      <c r="R6" s="228">
        <v>265</v>
      </c>
      <c r="S6" s="228">
        <v>313</v>
      </c>
      <c r="T6" s="229">
        <v>158</v>
      </c>
      <c r="U6" s="252">
        <v>989</v>
      </c>
      <c r="V6" s="231">
        <v>989</v>
      </c>
      <c r="W6" s="232">
        <v>0</v>
      </c>
      <c r="X6" s="229">
        <v>0</v>
      </c>
      <c r="Y6" s="229">
        <v>0</v>
      </c>
      <c r="Z6" s="230">
        <v>0</v>
      </c>
      <c r="AA6" s="228">
        <v>0</v>
      </c>
      <c r="AB6" s="228">
        <v>0</v>
      </c>
      <c r="AC6" s="228">
        <v>5</v>
      </c>
      <c r="AD6" s="229">
        <v>4</v>
      </c>
      <c r="AE6" s="252">
        <v>9</v>
      </c>
      <c r="AF6" s="253">
        <v>9</v>
      </c>
      <c r="AG6" s="227">
        <v>0</v>
      </c>
      <c r="AH6" s="229">
        <v>0</v>
      </c>
      <c r="AI6" s="229">
        <v>0</v>
      </c>
      <c r="AJ6" s="230">
        <v>0</v>
      </c>
      <c r="AK6" s="228">
        <v>3</v>
      </c>
      <c r="AL6" s="228">
        <v>0</v>
      </c>
      <c r="AM6" s="228">
        <v>12</v>
      </c>
      <c r="AN6" s="229">
        <v>14</v>
      </c>
      <c r="AO6" s="252">
        <v>29</v>
      </c>
      <c r="AP6" s="254">
        <v>29</v>
      </c>
      <c r="AQ6" s="255"/>
    </row>
    <row r="7" spans="2:43" ht="21" customHeight="1" x14ac:dyDescent="0.2">
      <c r="B7" s="162" t="s">
        <v>5</v>
      </c>
      <c r="C7" s="233">
        <v>0</v>
      </c>
      <c r="D7" s="235">
        <v>0</v>
      </c>
      <c r="E7" s="235">
        <v>0</v>
      </c>
      <c r="F7" s="236">
        <v>11</v>
      </c>
      <c r="G7" s="234">
        <v>56</v>
      </c>
      <c r="H7" s="234">
        <v>231</v>
      </c>
      <c r="I7" s="234">
        <v>290</v>
      </c>
      <c r="J7" s="235">
        <v>156</v>
      </c>
      <c r="K7" s="256">
        <v>744</v>
      </c>
      <c r="L7" s="257">
        <v>744</v>
      </c>
      <c r="M7" s="233">
        <v>0</v>
      </c>
      <c r="N7" s="235">
        <v>0</v>
      </c>
      <c r="O7" s="256">
        <v>0</v>
      </c>
      <c r="P7" s="238">
        <v>43</v>
      </c>
      <c r="Q7" s="234">
        <v>87</v>
      </c>
      <c r="R7" s="234">
        <v>130</v>
      </c>
      <c r="S7" s="234">
        <v>166</v>
      </c>
      <c r="T7" s="235">
        <v>76</v>
      </c>
      <c r="U7" s="256">
        <v>502</v>
      </c>
      <c r="V7" s="237">
        <v>502</v>
      </c>
      <c r="W7" s="238">
        <v>0</v>
      </c>
      <c r="X7" s="235">
        <v>0</v>
      </c>
      <c r="Y7" s="235">
        <v>0</v>
      </c>
      <c r="Z7" s="236">
        <v>0</v>
      </c>
      <c r="AA7" s="234">
        <v>0</v>
      </c>
      <c r="AB7" s="234">
        <v>0</v>
      </c>
      <c r="AC7" s="234">
        <v>4</v>
      </c>
      <c r="AD7" s="235">
        <v>2</v>
      </c>
      <c r="AE7" s="256">
        <v>6</v>
      </c>
      <c r="AF7" s="257">
        <v>6</v>
      </c>
      <c r="AG7" s="233">
        <v>0</v>
      </c>
      <c r="AH7" s="235">
        <v>0</v>
      </c>
      <c r="AI7" s="235">
        <v>0</v>
      </c>
      <c r="AJ7" s="236">
        <v>0</v>
      </c>
      <c r="AK7" s="234">
        <v>0</v>
      </c>
      <c r="AL7" s="234">
        <v>0</v>
      </c>
      <c r="AM7" s="234">
        <v>3</v>
      </c>
      <c r="AN7" s="235">
        <v>4</v>
      </c>
      <c r="AO7" s="256">
        <v>7</v>
      </c>
      <c r="AP7" s="258">
        <v>7</v>
      </c>
      <c r="AQ7" s="255"/>
    </row>
    <row r="8" spans="2:43" ht="21" customHeight="1" x14ac:dyDescent="0.2">
      <c r="B8" s="173" t="s">
        <v>6</v>
      </c>
      <c r="C8" s="233">
        <v>0</v>
      </c>
      <c r="D8" s="235">
        <v>0</v>
      </c>
      <c r="E8" s="235">
        <v>0</v>
      </c>
      <c r="F8" s="236">
        <v>2</v>
      </c>
      <c r="G8" s="234">
        <v>6</v>
      </c>
      <c r="H8" s="234">
        <v>46</v>
      </c>
      <c r="I8" s="234">
        <v>82</v>
      </c>
      <c r="J8" s="235">
        <v>39</v>
      </c>
      <c r="K8" s="256">
        <v>175</v>
      </c>
      <c r="L8" s="257">
        <v>175</v>
      </c>
      <c r="M8" s="233">
        <v>0</v>
      </c>
      <c r="N8" s="235">
        <v>0</v>
      </c>
      <c r="O8" s="256">
        <v>0</v>
      </c>
      <c r="P8" s="238">
        <v>8</v>
      </c>
      <c r="Q8" s="234">
        <v>16</v>
      </c>
      <c r="R8" s="234">
        <v>32</v>
      </c>
      <c r="S8" s="234">
        <v>31</v>
      </c>
      <c r="T8" s="235">
        <v>22</v>
      </c>
      <c r="U8" s="256">
        <v>109</v>
      </c>
      <c r="V8" s="237">
        <v>109</v>
      </c>
      <c r="W8" s="238">
        <v>0</v>
      </c>
      <c r="X8" s="235">
        <v>0</v>
      </c>
      <c r="Y8" s="235">
        <v>0</v>
      </c>
      <c r="Z8" s="236">
        <v>0</v>
      </c>
      <c r="AA8" s="234">
        <v>0</v>
      </c>
      <c r="AB8" s="234">
        <v>0</v>
      </c>
      <c r="AC8" s="234">
        <v>0</v>
      </c>
      <c r="AD8" s="235">
        <v>1</v>
      </c>
      <c r="AE8" s="256">
        <v>1</v>
      </c>
      <c r="AF8" s="257">
        <v>1</v>
      </c>
      <c r="AG8" s="233">
        <v>0</v>
      </c>
      <c r="AH8" s="235">
        <v>0</v>
      </c>
      <c r="AI8" s="235">
        <v>0</v>
      </c>
      <c r="AJ8" s="236">
        <v>0</v>
      </c>
      <c r="AK8" s="234">
        <v>1</v>
      </c>
      <c r="AL8" s="234">
        <v>0</v>
      </c>
      <c r="AM8" s="234">
        <v>0</v>
      </c>
      <c r="AN8" s="235">
        <v>3</v>
      </c>
      <c r="AO8" s="256">
        <v>4</v>
      </c>
      <c r="AP8" s="258">
        <v>4</v>
      </c>
      <c r="AQ8" s="255"/>
    </row>
    <row r="9" spans="2:43" ht="21" customHeight="1" x14ac:dyDescent="0.2">
      <c r="B9" s="173" t="s">
        <v>14</v>
      </c>
      <c r="C9" s="233">
        <v>0</v>
      </c>
      <c r="D9" s="235">
        <v>0</v>
      </c>
      <c r="E9" s="235">
        <v>0</v>
      </c>
      <c r="F9" s="236">
        <v>0</v>
      </c>
      <c r="G9" s="234">
        <v>0</v>
      </c>
      <c r="H9" s="234">
        <v>32</v>
      </c>
      <c r="I9" s="234">
        <v>47</v>
      </c>
      <c r="J9" s="235">
        <v>28</v>
      </c>
      <c r="K9" s="256">
        <v>107</v>
      </c>
      <c r="L9" s="257">
        <v>107</v>
      </c>
      <c r="M9" s="233">
        <v>0</v>
      </c>
      <c r="N9" s="235">
        <v>0</v>
      </c>
      <c r="O9" s="256">
        <v>0</v>
      </c>
      <c r="P9" s="238">
        <v>0</v>
      </c>
      <c r="Q9" s="234">
        <v>9</v>
      </c>
      <c r="R9" s="234">
        <v>15</v>
      </c>
      <c r="S9" s="234">
        <v>16</v>
      </c>
      <c r="T9" s="235">
        <v>12</v>
      </c>
      <c r="U9" s="256">
        <v>52</v>
      </c>
      <c r="V9" s="237">
        <v>52</v>
      </c>
      <c r="W9" s="238">
        <v>0</v>
      </c>
      <c r="X9" s="235">
        <v>0</v>
      </c>
      <c r="Y9" s="235">
        <v>0</v>
      </c>
      <c r="Z9" s="236">
        <v>0</v>
      </c>
      <c r="AA9" s="234">
        <v>0</v>
      </c>
      <c r="AB9" s="234">
        <v>0</v>
      </c>
      <c r="AC9" s="234">
        <v>0</v>
      </c>
      <c r="AD9" s="235">
        <v>1</v>
      </c>
      <c r="AE9" s="256">
        <v>1</v>
      </c>
      <c r="AF9" s="257">
        <v>1</v>
      </c>
      <c r="AG9" s="233">
        <v>0</v>
      </c>
      <c r="AH9" s="235">
        <v>0</v>
      </c>
      <c r="AI9" s="235">
        <v>0</v>
      </c>
      <c r="AJ9" s="236">
        <v>0</v>
      </c>
      <c r="AK9" s="234">
        <v>0</v>
      </c>
      <c r="AL9" s="234">
        <v>0</v>
      </c>
      <c r="AM9" s="234">
        <v>3</v>
      </c>
      <c r="AN9" s="235">
        <v>4</v>
      </c>
      <c r="AO9" s="256">
        <v>7</v>
      </c>
      <c r="AP9" s="258">
        <v>7</v>
      </c>
      <c r="AQ9" s="255"/>
    </row>
    <row r="10" spans="2:43" ht="21" customHeight="1" x14ac:dyDescent="0.2">
      <c r="B10" s="173" t="s">
        <v>7</v>
      </c>
      <c r="C10" s="233">
        <v>0</v>
      </c>
      <c r="D10" s="235">
        <v>0</v>
      </c>
      <c r="E10" s="235">
        <v>0</v>
      </c>
      <c r="F10" s="236">
        <v>0</v>
      </c>
      <c r="G10" s="234">
        <v>2</v>
      </c>
      <c r="H10" s="234">
        <v>19</v>
      </c>
      <c r="I10" s="234">
        <v>50</v>
      </c>
      <c r="J10" s="235">
        <v>26</v>
      </c>
      <c r="K10" s="256">
        <v>97</v>
      </c>
      <c r="L10" s="257">
        <v>97</v>
      </c>
      <c r="M10" s="233">
        <v>0</v>
      </c>
      <c r="N10" s="235">
        <v>0</v>
      </c>
      <c r="O10" s="256">
        <v>0</v>
      </c>
      <c r="P10" s="238">
        <v>11</v>
      </c>
      <c r="Q10" s="234">
        <v>6</v>
      </c>
      <c r="R10" s="234">
        <v>11</v>
      </c>
      <c r="S10" s="234">
        <v>19</v>
      </c>
      <c r="T10" s="235">
        <v>4</v>
      </c>
      <c r="U10" s="256">
        <v>51</v>
      </c>
      <c r="V10" s="237">
        <v>51</v>
      </c>
      <c r="W10" s="238">
        <v>0</v>
      </c>
      <c r="X10" s="235">
        <v>0</v>
      </c>
      <c r="Y10" s="235">
        <v>0</v>
      </c>
      <c r="Z10" s="236">
        <v>0</v>
      </c>
      <c r="AA10" s="234">
        <v>0</v>
      </c>
      <c r="AB10" s="234">
        <v>0</v>
      </c>
      <c r="AC10" s="234">
        <v>0</v>
      </c>
      <c r="AD10" s="235">
        <v>0</v>
      </c>
      <c r="AE10" s="256">
        <v>0</v>
      </c>
      <c r="AF10" s="257">
        <v>0</v>
      </c>
      <c r="AG10" s="233">
        <v>0</v>
      </c>
      <c r="AH10" s="235">
        <v>0</v>
      </c>
      <c r="AI10" s="235">
        <v>0</v>
      </c>
      <c r="AJ10" s="236">
        <v>0</v>
      </c>
      <c r="AK10" s="234">
        <v>0</v>
      </c>
      <c r="AL10" s="234">
        <v>0</v>
      </c>
      <c r="AM10" s="234">
        <v>0</v>
      </c>
      <c r="AN10" s="235">
        <v>0</v>
      </c>
      <c r="AO10" s="256">
        <v>0</v>
      </c>
      <c r="AP10" s="258">
        <v>0</v>
      </c>
      <c r="AQ10" s="255"/>
    </row>
    <row r="11" spans="2:43" ht="21" customHeight="1" x14ac:dyDescent="0.2">
      <c r="B11" s="173" t="s">
        <v>8</v>
      </c>
      <c r="C11" s="233">
        <v>0</v>
      </c>
      <c r="D11" s="235">
        <v>0</v>
      </c>
      <c r="E11" s="235">
        <v>0</v>
      </c>
      <c r="F11" s="236">
        <v>1</v>
      </c>
      <c r="G11" s="234">
        <v>2</v>
      </c>
      <c r="H11" s="234">
        <v>10</v>
      </c>
      <c r="I11" s="234">
        <v>9</v>
      </c>
      <c r="J11" s="235">
        <v>7</v>
      </c>
      <c r="K11" s="256">
        <v>29</v>
      </c>
      <c r="L11" s="257">
        <v>29</v>
      </c>
      <c r="M11" s="233">
        <v>0</v>
      </c>
      <c r="N11" s="235">
        <v>0</v>
      </c>
      <c r="O11" s="256">
        <v>0</v>
      </c>
      <c r="P11" s="238">
        <v>4</v>
      </c>
      <c r="Q11" s="234">
        <v>2</v>
      </c>
      <c r="R11" s="234">
        <v>9</v>
      </c>
      <c r="S11" s="234">
        <v>4</v>
      </c>
      <c r="T11" s="235">
        <v>3</v>
      </c>
      <c r="U11" s="256">
        <v>22</v>
      </c>
      <c r="V11" s="237">
        <v>22</v>
      </c>
      <c r="W11" s="238">
        <v>0</v>
      </c>
      <c r="X11" s="235">
        <v>0</v>
      </c>
      <c r="Y11" s="235">
        <v>0</v>
      </c>
      <c r="Z11" s="236">
        <v>0</v>
      </c>
      <c r="AA11" s="234">
        <v>0</v>
      </c>
      <c r="AB11" s="234">
        <v>0</v>
      </c>
      <c r="AC11" s="234">
        <v>0</v>
      </c>
      <c r="AD11" s="235">
        <v>0</v>
      </c>
      <c r="AE11" s="256">
        <v>0</v>
      </c>
      <c r="AF11" s="257">
        <v>0</v>
      </c>
      <c r="AG11" s="233">
        <v>0</v>
      </c>
      <c r="AH11" s="235">
        <v>0</v>
      </c>
      <c r="AI11" s="235">
        <v>0</v>
      </c>
      <c r="AJ11" s="236">
        <v>0</v>
      </c>
      <c r="AK11" s="234">
        <v>0</v>
      </c>
      <c r="AL11" s="234">
        <v>0</v>
      </c>
      <c r="AM11" s="234">
        <v>1</v>
      </c>
      <c r="AN11" s="235">
        <v>0</v>
      </c>
      <c r="AO11" s="256">
        <v>1</v>
      </c>
      <c r="AP11" s="258">
        <v>1</v>
      </c>
      <c r="AQ11" s="255"/>
    </row>
    <row r="12" spans="2:43" ht="21" customHeight="1" x14ac:dyDescent="0.2">
      <c r="B12" s="173" t="s">
        <v>9</v>
      </c>
      <c r="C12" s="233">
        <v>0</v>
      </c>
      <c r="D12" s="235">
        <v>0</v>
      </c>
      <c r="E12" s="235">
        <v>0</v>
      </c>
      <c r="F12" s="236">
        <v>0</v>
      </c>
      <c r="G12" s="234">
        <v>0</v>
      </c>
      <c r="H12" s="234">
        <v>14</v>
      </c>
      <c r="I12" s="234">
        <v>25</v>
      </c>
      <c r="J12" s="235">
        <v>8</v>
      </c>
      <c r="K12" s="256">
        <v>47</v>
      </c>
      <c r="L12" s="257">
        <v>47</v>
      </c>
      <c r="M12" s="233">
        <v>0</v>
      </c>
      <c r="N12" s="235">
        <v>0</v>
      </c>
      <c r="O12" s="256">
        <v>0</v>
      </c>
      <c r="P12" s="238">
        <v>1</v>
      </c>
      <c r="Q12" s="234">
        <v>4</v>
      </c>
      <c r="R12" s="234">
        <v>8</v>
      </c>
      <c r="S12" s="234">
        <v>6</v>
      </c>
      <c r="T12" s="235">
        <v>2</v>
      </c>
      <c r="U12" s="256">
        <v>21</v>
      </c>
      <c r="V12" s="237">
        <v>21</v>
      </c>
      <c r="W12" s="238">
        <v>0</v>
      </c>
      <c r="X12" s="235">
        <v>0</v>
      </c>
      <c r="Y12" s="235">
        <v>0</v>
      </c>
      <c r="Z12" s="236">
        <v>0</v>
      </c>
      <c r="AA12" s="234">
        <v>0</v>
      </c>
      <c r="AB12" s="234">
        <v>0</v>
      </c>
      <c r="AC12" s="234">
        <v>0</v>
      </c>
      <c r="AD12" s="235">
        <v>0</v>
      </c>
      <c r="AE12" s="256">
        <v>0</v>
      </c>
      <c r="AF12" s="257">
        <v>0</v>
      </c>
      <c r="AG12" s="233">
        <v>0</v>
      </c>
      <c r="AH12" s="235">
        <v>0</v>
      </c>
      <c r="AI12" s="235">
        <v>0</v>
      </c>
      <c r="AJ12" s="236">
        <v>0</v>
      </c>
      <c r="AK12" s="234">
        <v>0</v>
      </c>
      <c r="AL12" s="234">
        <v>0</v>
      </c>
      <c r="AM12" s="234">
        <v>0</v>
      </c>
      <c r="AN12" s="235">
        <v>0</v>
      </c>
      <c r="AO12" s="256">
        <v>0</v>
      </c>
      <c r="AP12" s="258">
        <v>0</v>
      </c>
      <c r="AQ12" s="255"/>
    </row>
    <row r="13" spans="2:43" ht="21" customHeight="1" x14ac:dyDescent="0.2">
      <c r="B13" s="173" t="s">
        <v>10</v>
      </c>
      <c r="C13" s="233">
        <v>0</v>
      </c>
      <c r="D13" s="235">
        <v>0</v>
      </c>
      <c r="E13" s="235">
        <v>0</v>
      </c>
      <c r="F13" s="236">
        <v>1</v>
      </c>
      <c r="G13" s="234">
        <v>1</v>
      </c>
      <c r="H13" s="234">
        <v>21</v>
      </c>
      <c r="I13" s="234">
        <v>34</v>
      </c>
      <c r="J13" s="235">
        <v>13</v>
      </c>
      <c r="K13" s="256">
        <v>70</v>
      </c>
      <c r="L13" s="257">
        <v>70</v>
      </c>
      <c r="M13" s="233">
        <v>0</v>
      </c>
      <c r="N13" s="235">
        <v>0</v>
      </c>
      <c r="O13" s="256">
        <v>0</v>
      </c>
      <c r="P13" s="238">
        <v>5</v>
      </c>
      <c r="Q13" s="234">
        <v>4</v>
      </c>
      <c r="R13" s="234">
        <v>7</v>
      </c>
      <c r="S13" s="234">
        <v>11</v>
      </c>
      <c r="T13" s="235">
        <v>5</v>
      </c>
      <c r="U13" s="256">
        <v>32</v>
      </c>
      <c r="V13" s="237">
        <v>32</v>
      </c>
      <c r="W13" s="238">
        <v>0</v>
      </c>
      <c r="X13" s="235">
        <v>0</v>
      </c>
      <c r="Y13" s="235">
        <v>0</v>
      </c>
      <c r="Z13" s="236">
        <v>0</v>
      </c>
      <c r="AA13" s="234">
        <v>0</v>
      </c>
      <c r="AB13" s="234">
        <v>0</v>
      </c>
      <c r="AC13" s="234">
        <v>0</v>
      </c>
      <c r="AD13" s="235">
        <v>0</v>
      </c>
      <c r="AE13" s="256">
        <v>0</v>
      </c>
      <c r="AF13" s="257">
        <v>0</v>
      </c>
      <c r="AG13" s="233">
        <v>0</v>
      </c>
      <c r="AH13" s="235">
        <v>0</v>
      </c>
      <c r="AI13" s="235">
        <v>0</v>
      </c>
      <c r="AJ13" s="236">
        <v>0</v>
      </c>
      <c r="AK13" s="234">
        <v>0</v>
      </c>
      <c r="AL13" s="234">
        <v>0</v>
      </c>
      <c r="AM13" s="234">
        <v>0</v>
      </c>
      <c r="AN13" s="235">
        <v>1</v>
      </c>
      <c r="AO13" s="256">
        <v>1</v>
      </c>
      <c r="AP13" s="258">
        <v>1</v>
      </c>
      <c r="AQ13" s="255"/>
    </row>
    <row r="14" spans="2:43" ht="21" customHeight="1" x14ac:dyDescent="0.2">
      <c r="B14" s="173" t="s">
        <v>11</v>
      </c>
      <c r="C14" s="233">
        <v>0</v>
      </c>
      <c r="D14" s="235">
        <v>0</v>
      </c>
      <c r="E14" s="235">
        <v>0</v>
      </c>
      <c r="F14" s="236">
        <v>0</v>
      </c>
      <c r="G14" s="234">
        <v>0</v>
      </c>
      <c r="H14" s="234">
        <v>4</v>
      </c>
      <c r="I14" s="234">
        <v>17</v>
      </c>
      <c r="J14" s="235">
        <v>3</v>
      </c>
      <c r="K14" s="256">
        <v>24</v>
      </c>
      <c r="L14" s="257">
        <v>24</v>
      </c>
      <c r="M14" s="233">
        <v>0</v>
      </c>
      <c r="N14" s="235">
        <v>0</v>
      </c>
      <c r="O14" s="256">
        <v>0</v>
      </c>
      <c r="P14" s="238">
        <v>3</v>
      </c>
      <c r="Q14" s="234">
        <v>2</v>
      </c>
      <c r="R14" s="234">
        <v>3</v>
      </c>
      <c r="S14" s="234">
        <v>6</v>
      </c>
      <c r="T14" s="235">
        <v>6</v>
      </c>
      <c r="U14" s="256">
        <v>20</v>
      </c>
      <c r="V14" s="237">
        <v>20</v>
      </c>
      <c r="W14" s="238">
        <v>0</v>
      </c>
      <c r="X14" s="235">
        <v>0</v>
      </c>
      <c r="Y14" s="235">
        <v>0</v>
      </c>
      <c r="Z14" s="236">
        <v>0</v>
      </c>
      <c r="AA14" s="234">
        <v>0</v>
      </c>
      <c r="AB14" s="234">
        <v>0</v>
      </c>
      <c r="AC14" s="234">
        <v>0</v>
      </c>
      <c r="AD14" s="235">
        <v>0</v>
      </c>
      <c r="AE14" s="256">
        <v>0</v>
      </c>
      <c r="AF14" s="257">
        <v>0</v>
      </c>
      <c r="AG14" s="233">
        <v>0</v>
      </c>
      <c r="AH14" s="235">
        <v>0</v>
      </c>
      <c r="AI14" s="235">
        <v>0</v>
      </c>
      <c r="AJ14" s="236">
        <v>0</v>
      </c>
      <c r="AK14" s="234">
        <v>0</v>
      </c>
      <c r="AL14" s="234">
        <v>0</v>
      </c>
      <c r="AM14" s="234">
        <v>1</v>
      </c>
      <c r="AN14" s="235">
        <v>0</v>
      </c>
      <c r="AO14" s="256">
        <v>1</v>
      </c>
      <c r="AP14" s="258">
        <v>1</v>
      </c>
      <c r="AQ14" s="255"/>
    </row>
    <row r="15" spans="2:43" ht="21" customHeight="1" x14ac:dyDescent="0.2">
      <c r="B15" s="173" t="s">
        <v>12</v>
      </c>
      <c r="C15" s="233">
        <v>0</v>
      </c>
      <c r="D15" s="235">
        <v>0</v>
      </c>
      <c r="E15" s="235">
        <v>0</v>
      </c>
      <c r="F15" s="236">
        <v>0</v>
      </c>
      <c r="G15" s="234">
        <v>0</v>
      </c>
      <c r="H15" s="234">
        <v>10</v>
      </c>
      <c r="I15" s="234">
        <v>11</v>
      </c>
      <c r="J15" s="235">
        <v>6</v>
      </c>
      <c r="K15" s="256">
        <v>27</v>
      </c>
      <c r="L15" s="257">
        <v>27</v>
      </c>
      <c r="M15" s="233">
        <v>0</v>
      </c>
      <c r="N15" s="235">
        <v>0</v>
      </c>
      <c r="O15" s="256">
        <v>0</v>
      </c>
      <c r="P15" s="238">
        <v>1</v>
      </c>
      <c r="Q15" s="234">
        <v>3</v>
      </c>
      <c r="R15" s="234">
        <v>9</v>
      </c>
      <c r="S15" s="234">
        <v>10</v>
      </c>
      <c r="T15" s="235">
        <v>6</v>
      </c>
      <c r="U15" s="256">
        <v>29</v>
      </c>
      <c r="V15" s="237">
        <v>29</v>
      </c>
      <c r="W15" s="238">
        <v>0</v>
      </c>
      <c r="X15" s="235">
        <v>0</v>
      </c>
      <c r="Y15" s="235">
        <v>0</v>
      </c>
      <c r="Z15" s="236">
        <v>0</v>
      </c>
      <c r="AA15" s="234">
        <v>0</v>
      </c>
      <c r="AB15" s="234">
        <v>0</v>
      </c>
      <c r="AC15" s="234">
        <v>0</v>
      </c>
      <c r="AD15" s="235">
        <v>0</v>
      </c>
      <c r="AE15" s="256">
        <v>0</v>
      </c>
      <c r="AF15" s="257">
        <v>0</v>
      </c>
      <c r="AG15" s="233">
        <v>0</v>
      </c>
      <c r="AH15" s="235">
        <v>0</v>
      </c>
      <c r="AI15" s="235">
        <v>0</v>
      </c>
      <c r="AJ15" s="236">
        <v>0</v>
      </c>
      <c r="AK15" s="234">
        <v>0</v>
      </c>
      <c r="AL15" s="234">
        <v>0</v>
      </c>
      <c r="AM15" s="234">
        <v>0</v>
      </c>
      <c r="AN15" s="235">
        <v>0</v>
      </c>
      <c r="AO15" s="256">
        <v>0</v>
      </c>
      <c r="AP15" s="258">
        <v>0</v>
      </c>
      <c r="AQ15" s="255"/>
    </row>
    <row r="16" spans="2:43" ht="21" customHeight="1" x14ac:dyDescent="0.2">
      <c r="B16" s="173" t="s">
        <v>13</v>
      </c>
      <c r="C16" s="233">
        <v>0</v>
      </c>
      <c r="D16" s="235">
        <v>0</v>
      </c>
      <c r="E16" s="235">
        <v>0</v>
      </c>
      <c r="F16" s="236">
        <v>0</v>
      </c>
      <c r="G16" s="234">
        <v>0</v>
      </c>
      <c r="H16" s="234">
        <v>6</v>
      </c>
      <c r="I16" s="234">
        <v>10</v>
      </c>
      <c r="J16" s="235">
        <v>5</v>
      </c>
      <c r="K16" s="256">
        <v>21</v>
      </c>
      <c r="L16" s="257">
        <v>21</v>
      </c>
      <c r="M16" s="233">
        <v>0</v>
      </c>
      <c r="N16" s="235">
        <v>0</v>
      </c>
      <c r="O16" s="256">
        <v>0</v>
      </c>
      <c r="P16" s="238">
        <v>0</v>
      </c>
      <c r="Q16" s="234">
        <v>1</v>
      </c>
      <c r="R16" s="234">
        <v>6</v>
      </c>
      <c r="S16" s="234">
        <v>1</v>
      </c>
      <c r="T16" s="235">
        <v>0</v>
      </c>
      <c r="U16" s="256">
        <v>8</v>
      </c>
      <c r="V16" s="237">
        <v>8</v>
      </c>
      <c r="W16" s="238">
        <v>0</v>
      </c>
      <c r="X16" s="235">
        <v>0</v>
      </c>
      <c r="Y16" s="235">
        <v>0</v>
      </c>
      <c r="Z16" s="236">
        <v>0</v>
      </c>
      <c r="AA16" s="234">
        <v>0</v>
      </c>
      <c r="AB16" s="234">
        <v>0</v>
      </c>
      <c r="AC16" s="234">
        <v>0</v>
      </c>
      <c r="AD16" s="235">
        <v>0</v>
      </c>
      <c r="AE16" s="256">
        <v>0</v>
      </c>
      <c r="AF16" s="257">
        <v>0</v>
      </c>
      <c r="AG16" s="233">
        <v>0</v>
      </c>
      <c r="AH16" s="235">
        <v>0</v>
      </c>
      <c r="AI16" s="235">
        <v>0</v>
      </c>
      <c r="AJ16" s="236">
        <v>0</v>
      </c>
      <c r="AK16" s="234">
        <v>0</v>
      </c>
      <c r="AL16" s="234">
        <v>0</v>
      </c>
      <c r="AM16" s="234">
        <v>0</v>
      </c>
      <c r="AN16" s="235">
        <v>0</v>
      </c>
      <c r="AO16" s="256">
        <v>0</v>
      </c>
      <c r="AP16" s="258">
        <v>0</v>
      </c>
      <c r="AQ16" s="255"/>
    </row>
    <row r="17" spans="2:43" ht="21" customHeight="1" x14ac:dyDescent="0.2">
      <c r="B17" s="173" t="s">
        <v>15</v>
      </c>
      <c r="C17" s="233">
        <v>0</v>
      </c>
      <c r="D17" s="235">
        <v>0</v>
      </c>
      <c r="E17" s="235">
        <v>0</v>
      </c>
      <c r="F17" s="236">
        <v>0</v>
      </c>
      <c r="G17" s="234">
        <v>0</v>
      </c>
      <c r="H17" s="234">
        <v>3</v>
      </c>
      <c r="I17" s="234">
        <v>12</v>
      </c>
      <c r="J17" s="235">
        <v>2</v>
      </c>
      <c r="K17" s="256">
        <v>17</v>
      </c>
      <c r="L17" s="257">
        <v>17</v>
      </c>
      <c r="M17" s="233">
        <v>0</v>
      </c>
      <c r="N17" s="235">
        <v>0</v>
      </c>
      <c r="O17" s="256">
        <v>0</v>
      </c>
      <c r="P17" s="238">
        <v>1</v>
      </c>
      <c r="Q17" s="234">
        <v>2</v>
      </c>
      <c r="R17" s="234">
        <v>2</v>
      </c>
      <c r="S17" s="234">
        <v>4</v>
      </c>
      <c r="T17" s="235">
        <v>1</v>
      </c>
      <c r="U17" s="256">
        <v>10</v>
      </c>
      <c r="V17" s="237">
        <v>10</v>
      </c>
      <c r="W17" s="238">
        <v>0</v>
      </c>
      <c r="X17" s="235">
        <v>0</v>
      </c>
      <c r="Y17" s="235">
        <v>0</v>
      </c>
      <c r="Z17" s="236">
        <v>0</v>
      </c>
      <c r="AA17" s="234">
        <v>0</v>
      </c>
      <c r="AB17" s="234">
        <v>0</v>
      </c>
      <c r="AC17" s="234">
        <v>0</v>
      </c>
      <c r="AD17" s="235">
        <v>0</v>
      </c>
      <c r="AE17" s="256">
        <v>0</v>
      </c>
      <c r="AF17" s="257">
        <v>0</v>
      </c>
      <c r="AG17" s="233">
        <v>0</v>
      </c>
      <c r="AH17" s="235">
        <v>0</v>
      </c>
      <c r="AI17" s="235">
        <v>0</v>
      </c>
      <c r="AJ17" s="236">
        <v>0</v>
      </c>
      <c r="AK17" s="234">
        <v>0</v>
      </c>
      <c r="AL17" s="234">
        <v>0</v>
      </c>
      <c r="AM17" s="234">
        <v>0</v>
      </c>
      <c r="AN17" s="235">
        <v>0</v>
      </c>
      <c r="AO17" s="256">
        <v>0</v>
      </c>
      <c r="AP17" s="258">
        <v>0</v>
      </c>
      <c r="AQ17" s="255"/>
    </row>
    <row r="18" spans="2:43" ht="21" customHeight="1" x14ac:dyDescent="0.2">
      <c r="B18" s="173" t="s">
        <v>16</v>
      </c>
      <c r="C18" s="233">
        <v>0</v>
      </c>
      <c r="D18" s="235">
        <v>0</v>
      </c>
      <c r="E18" s="235">
        <v>0</v>
      </c>
      <c r="F18" s="236">
        <v>0</v>
      </c>
      <c r="G18" s="234">
        <v>1</v>
      </c>
      <c r="H18" s="234">
        <v>6</v>
      </c>
      <c r="I18" s="234">
        <v>9</v>
      </c>
      <c r="J18" s="235">
        <v>6</v>
      </c>
      <c r="K18" s="256">
        <v>22</v>
      </c>
      <c r="L18" s="257">
        <v>22</v>
      </c>
      <c r="M18" s="233">
        <v>0</v>
      </c>
      <c r="N18" s="235">
        <v>0</v>
      </c>
      <c r="O18" s="256">
        <v>0</v>
      </c>
      <c r="P18" s="238">
        <v>3</v>
      </c>
      <c r="Q18" s="234">
        <v>6</v>
      </c>
      <c r="R18" s="234">
        <v>3</v>
      </c>
      <c r="S18" s="234">
        <v>7</v>
      </c>
      <c r="T18" s="235">
        <v>0</v>
      </c>
      <c r="U18" s="256">
        <v>19</v>
      </c>
      <c r="V18" s="237">
        <v>19</v>
      </c>
      <c r="W18" s="238">
        <v>0</v>
      </c>
      <c r="X18" s="235">
        <v>0</v>
      </c>
      <c r="Y18" s="235">
        <v>0</v>
      </c>
      <c r="Z18" s="236">
        <v>0</v>
      </c>
      <c r="AA18" s="234">
        <v>0</v>
      </c>
      <c r="AB18" s="234">
        <v>0</v>
      </c>
      <c r="AC18" s="234">
        <v>0</v>
      </c>
      <c r="AD18" s="235">
        <v>0</v>
      </c>
      <c r="AE18" s="256">
        <v>0</v>
      </c>
      <c r="AF18" s="257">
        <v>0</v>
      </c>
      <c r="AG18" s="233">
        <v>0</v>
      </c>
      <c r="AH18" s="235">
        <v>0</v>
      </c>
      <c r="AI18" s="235">
        <v>0</v>
      </c>
      <c r="AJ18" s="236">
        <v>0</v>
      </c>
      <c r="AK18" s="234">
        <v>0</v>
      </c>
      <c r="AL18" s="234">
        <v>0</v>
      </c>
      <c r="AM18" s="234">
        <v>0</v>
      </c>
      <c r="AN18" s="235">
        <v>1</v>
      </c>
      <c r="AO18" s="256">
        <v>1</v>
      </c>
      <c r="AP18" s="258">
        <v>1</v>
      </c>
      <c r="AQ18" s="255"/>
    </row>
    <row r="19" spans="2:43" ht="21" customHeight="1" x14ac:dyDescent="0.2">
      <c r="B19" s="173" t="s">
        <v>17</v>
      </c>
      <c r="C19" s="233">
        <v>0</v>
      </c>
      <c r="D19" s="235">
        <v>0</v>
      </c>
      <c r="E19" s="235">
        <v>0</v>
      </c>
      <c r="F19" s="236">
        <v>0</v>
      </c>
      <c r="G19" s="234">
        <v>0</v>
      </c>
      <c r="H19" s="234">
        <v>10</v>
      </c>
      <c r="I19" s="234">
        <v>12</v>
      </c>
      <c r="J19" s="235">
        <v>9</v>
      </c>
      <c r="K19" s="256">
        <v>31</v>
      </c>
      <c r="L19" s="257">
        <v>31</v>
      </c>
      <c r="M19" s="233">
        <v>0</v>
      </c>
      <c r="N19" s="235">
        <v>0</v>
      </c>
      <c r="O19" s="256">
        <v>0</v>
      </c>
      <c r="P19" s="238">
        <v>2</v>
      </c>
      <c r="Q19" s="234">
        <v>3</v>
      </c>
      <c r="R19" s="234">
        <v>5</v>
      </c>
      <c r="S19" s="234">
        <v>4</v>
      </c>
      <c r="T19" s="235">
        <v>5</v>
      </c>
      <c r="U19" s="256">
        <v>19</v>
      </c>
      <c r="V19" s="237">
        <v>19</v>
      </c>
      <c r="W19" s="238">
        <v>0</v>
      </c>
      <c r="X19" s="235">
        <v>0</v>
      </c>
      <c r="Y19" s="235">
        <v>0</v>
      </c>
      <c r="Z19" s="236">
        <v>0</v>
      </c>
      <c r="AA19" s="234">
        <v>0</v>
      </c>
      <c r="AB19" s="234">
        <v>0</v>
      </c>
      <c r="AC19" s="234">
        <v>0</v>
      </c>
      <c r="AD19" s="235">
        <v>0</v>
      </c>
      <c r="AE19" s="256">
        <v>0</v>
      </c>
      <c r="AF19" s="257">
        <v>0</v>
      </c>
      <c r="AG19" s="233">
        <v>0</v>
      </c>
      <c r="AH19" s="235">
        <v>0</v>
      </c>
      <c r="AI19" s="235">
        <v>0</v>
      </c>
      <c r="AJ19" s="236">
        <v>0</v>
      </c>
      <c r="AK19" s="234">
        <v>0</v>
      </c>
      <c r="AL19" s="234">
        <v>0</v>
      </c>
      <c r="AM19" s="234">
        <v>1</v>
      </c>
      <c r="AN19" s="235">
        <v>0</v>
      </c>
      <c r="AO19" s="256">
        <v>1</v>
      </c>
      <c r="AP19" s="258">
        <v>1</v>
      </c>
      <c r="AQ19" s="255"/>
    </row>
    <row r="20" spans="2:43" ht="21" customHeight="1" x14ac:dyDescent="0.2">
      <c r="B20" s="173" t="s">
        <v>18</v>
      </c>
      <c r="C20" s="233">
        <v>0</v>
      </c>
      <c r="D20" s="235">
        <v>0</v>
      </c>
      <c r="E20" s="235">
        <v>0</v>
      </c>
      <c r="F20" s="236">
        <v>0</v>
      </c>
      <c r="G20" s="234">
        <v>0</v>
      </c>
      <c r="H20" s="234">
        <v>7</v>
      </c>
      <c r="I20" s="234">
        <v>20</v>
      </c>
      <c r="J20" s="235">
        <v>7</v>
      </c>
      <c r="K20" s="256">
        <v>34</v>
      </c>
      <c r="L20" s="257">
        <v>34</v>
      </c>
      <c r="M20" s="233">
        <v>0</v>
      </c>
      <c r="N20" s="235">
        <v>0</v>
      </c>
      <c r="O20" s="256">
        <v>0</v>
      </c>
      <c r="P20" s="238">
        <v>0</v>
      </c>
      <c r="Q20" s="234">
        <v>6</v>
      </c>
      <c r="R20" s="234">
        <v>6</v>
      </c>
      <c r="S20" s="234">
        <v>5</v>
      </c>
      <c r="T20" s="235">
        <v>2</v>
      </c>
      <c r="U20" s="256">
        <v>19</v>
      </c>
      <c r="V20" s="237">
        <v>19</v>
      </c>
      <c r="W20" s="238">
        <v>0</v>
      </c>
      <c r="X20" s="235">
        <v>0</v>
      </c>
      <c r="Y20" s="235">
        <v>0</v>
      </c>
      <c r="Z20" s="236">
        <v>0</v>
      </c>
      <c r="AA20" s="234">
        <v>0</v>
      </c>
      <c r="AB20" s="234">
        <v>0</v>
      </c>
      <c r="AC20" s="234">
        <v>1</v>
      </c>
      <c r="AD20" s="235">
        <v>0</v>
      </c>
      <c r="AE20" s="256">
        <v>1</v>
      </c>
      <c r="AF20" s="257">
        <v>1</v>
      </c>
      <c r="AG20" s="233">
        <v>0</v>
      </c>
      <c r="AH20" s="235">
        <v>0</v>
      </c>
      <c r="AI20" s="235">
        <v>0</v>
      </c>
      <c r="AJ20" s="236">
        <v>0</v>
      </c>
      <c r="AK20" s="234">
        <v>0</v>
      </c>
      <c r="AL20" s="234">
        <v>0</v>
      </c>
      <c r="AM20" s="234">
        <v>0</v>
      </c>
      <c r="AN20" s="235">
        <v>1</v>
      </c>
      <c r="AO20" s="256">
        <v>1</v>
      </c>
      <c r="AP20" s="258">
        <v>1</v>
      </c>
      <c r="AQ20" s="255"/>
    </row>
    <row r="21" spans="2:43" ht="21" customHeight="1" x14ac:dyDescent="0.2">
      <c r="B21" s="173" t="s">
        <v>19</v>
      </c>
      <c r="C21" s="233">
        <v>0</v>
      </c>
      <c r="D21" s="235">
        <v>0</v>
      </c>
      <c r="E21" s="235">
        <v>0</v>
      </c>
      <c r="F21" s="236">
        <v>0</v>
      </c>
      <c r="G21" s="234">
        <v>0</v>
      </c>
      <c r="H21" s="234">
        <v>6</v>
      </c>
      <c r="I21" s="234">
        <v>5</v>
      </c>
      <c r="J21" s="235">
        <v>3</v>
      </c>
      <c r="K21" s="256">
        <v>14</v>
      </c>
      <c r="L21" s="257">
        <v>14</v>
      </c>
      <c r="M21" s="233">
        <v>0</v>
      </c>
      <c r="N21" s="235">
        <v>0</v>
      </c>
      <c r="O21" s="256">
        <v>0</v>
      </c>
      <c r="P21" s="238">
        <v>1</v>
      </c>
      <c r="Q21" s="234">
        <v>0</v>
      </c>
      <c r="R21" s="234">
        <v>2</v>
      </c>
      <c r="S21" s="234">
        <v>3</v>
      </c>
      <c r="T21" s="235">
        <v>2</v>
      </c>
      <c r="U21" s="256">
        <v>8</v>
      </c>
      <c r="V21" s="237">
        <v>8</v>
      </c>
      <c r="W21" s="238">
        <v>0</v>
      </c>
      <c r="X21" s="235">
        <v>0</v>
      </c>
      <c r="Y21" s="235">
        <v>0</v>
      </c>
      <c r="Z21" s="236">
        <v>0</v>
      </c>
      <c r="AA21" s="234">
        <v>0</v>
      </c>
      <c r="AB21" s="234">
        <v>0</v>
      </c>
      <c r="AC21" s="234">
        <v>0</v>
      </c>
      <c r="AD21" s="235">
        <v>0</v>
      </c>
      <c r="AE21" s="256">
        <v>0</v>
      </c>
      <c r="AF21" s="257">
        <v>0</v>
      </c>
      <c r="AG21" s="233">
        <v>0</v>
      </c>
      <c r="AH21" s="235">
        <v>0</v>
      </c>
      <c r="AI21" s="235">
        <v>0</v>
      </c>
      <c r="AJ21" s="236">
        <v>0</v>
      </c>
      <c r="AK21" s="234">
        <v>0</v>
      </c>
      <c r="AL21" s="234">
        <v>0</v>
      </c>
      <c r="AM21" s="234">
        <v>0</v>
      </c>
      <c r="AN21" s="235">
        <v>0</v>
      </c>
      <c r="AO21" s="256">
        <v>0</v>
      </c>
      <c r="AP21" s="258">
        <v>0</v>
      </c>
      <c r="AQ21" s="255"/>
    </row>
    <row r="22" spans="2:43" ht="21" customHeight="1" x14ac:dyDescent="0.2">
      <c r="B22" s="173" t="s">
        <v>20</v>
      </c>
      <c r="C22" s="233">
        <v>0</v>
      </c>
      <c r="D22" s="235">
        <v>0</v>
      </c>
      <c r="E22" s="235">
        <v>0</v>
      </c>
      <c r="F22" s="236">
        <v>0</v>
      </c>
      <c r="G22" s="234">
        <v>1</v>
      </c>
      <c r="H22" s="234">
        <v>7</v>
      </c>
      <c r="I22" s="234">
        <v>12</v>
      </c>
      <c r="J22" s="235">
        <v>3</v>
      </c>
      <c r="K22" s="256">
        <v>23</v>
      </c>
      <c r="L22" s="257">
        <v>23</v>
      </c>
      <c r="M22" s="233">
        <v>0</v>
      </c>
      <c r="N22" s="235">
        <v>0</v>
      </c>
      <c r="O22" s="256">
        <v>0</v>
      </c>
      <c r="P22" s="238">
        <v>0</v>
      </c>
      <c r="Q22" s="234">
        <v>1</v>
      </c>
      <c r="R22" s="234">
        <v>0</v>
      </c>
      <c r="S22" s="234">
        <v>1</v>
      </c>
      <c r="T22" s="235">
        <v>0</v>
      </c>
      <c r="U22" s="256">
        <v>2</v>
      </c>
      <c r="V22" s="237">
        <v>2</v>
      </c>
      <c r="W22" s="238">
        <v>0</v>
      </c>
      <c r="X22" s="235">
        <v>0</v>
      </c>
      <c r="Y22" s="235">
        <v>0</v>
      </c>
      <c r="Z22" s="236">
        <v>0</v>
      </c>
      <c r="AA22" s="234">
        <v>0</v>
      </c>
      <c r="AB22" s="234">
        <v>0</v>
      </c>
      <c r="AC22" s="234">
        <v>0</v>
      </c>
      <c r="AD22" s="235">
        <v>0</v>
      </c>
      <c r="AE22" s="256">
        <v>0</v>
      </c>
      <c r="AF22" s="257">
        <v>0</v>
      </c>
      <c r="AG22" s="233">
        <v>0</v>
      </c>
      <c r="AH22" s="235">
        <v>0</v>
      </c>
      <c r="AI22" s="235">
        <v>0</v>
      </c>
      <c r="AJ22" s="236">
        <v>0</v>
      </c>
      <c r="AK22" s="234">
        <v>0</v>
      </c>
      <c r="AL22" s="234">
        <v>0</v>
      </c>
      <c r="AM22" s="234">
        <v>0</v>
      </c>
      <c r="AN22" s="235">
        <v>0</v>
      </c>
      <c r="AO22" s="256">
        <v>0</v>
      </c>
      <c r="AP22" s="258">
        <v>0</v>
      </c>
      <c r="AQ22" s="255"/>
    </row>
    <row r="23" spans="2:43" ht="21" customHeight="1" x14ac:dyDescent="0.2">
      <c r="B23" s="173" t="s">
        <v>21</v>
      </c>
      <c r="C23" s="233">
        <v>0</v>
      </c>
      <c r="D23" s="235">
        <v>0</v>
      </c>
      <c r="E23" s="235">
        <v>0</v>
      </c>
      <c r="F23" s="236">
        <v>0</v>
      </c>
      <c r="G23" s="234">
        <v>0</v>
      </c>
      <c r="H23" s="234">
        <v>4</v>
      </c>
      <c r="I23" s="234">
        <v>9</v>
      </c>
      <c r="J23" s="235">
        <v>9</v>
      </c>
      <c r="K23" s="256">
        <v>22</v>
      </c>
      <c r="L23" s="257">
        <v>22</v>
      </c>
      <c r="M23" s="233">
        <v>0</v>
      </c>
      <c r="N23" s="235">
        <v>0</v>
      </c>
      <c r="O23" s="256">
        <v>0</v>
      </c>
      <c r="P23" s="238">
        <v>0</v>
      </c>
      <c r="Q23" s="234">
        <v>0</v>
      </c>
      <c r="R23" s="234">
        <v>3</v>
      </c>
      <c r="S23" s="234">
        <v>0</v>
      </c>
      <c r="T23" s="235">
        <v>0</v>
      </c>
      <c r="U23" s="256">
        <v>3</v>
      </c>
      <c r="V23" s="237">
        <v>3</v>
      </c>
      <c r="W23" s="238">
        <v>0</v>
      </c>
      <c r="X23" s="235">
        <v>0</v>
      </c>
      <c r="Y23" s="235">
        <v>0</v>
      </c>
      <c r="Z23" s="236">
        <v>0</v>
      </c>
      <c r="AA23" s="234">
        <v>0</v>
      </c>
      <c r="AB23" s="234">
        <v>0</v>
      </c>
      <c r="AC23" s="234">
        <v>0</v>
      </c>
      <c r="AD23" s="235">
        <v>0</v>
      </c>
      <c r="AE23" s="256">
        <v>0</v>
      </c>
      <c r="AF23" s="257">
        <v>0</v>
      </c>
      <c r="AG23" s="233">
        <v>0</v>
      </c>
      <c r="AH23" s="235">
        <v>0</v>
      </c>
      <c r="AI23" s="235">
        <v>0</v>
      </c>
      <c r="AJ23" s="236">
        <v>0</v>
      </c>
      <c r="AK23" s="234">
        <v>0</v>
      </c>
      <c r="AL23" s="234">
        <v>0</v>
      </c>
      <c r="AM23" s="234">
        <v>1</v>
      </c>
      <c r="AN23" s="235">
        <v>0</v>
      </c>
      <c r="AO23" s="256">
        <v>1</v>
      </c>
      <c r="AP23" s="258">
        <v>1</v>
      </c>
      <c r="AQ23" s="255"/>
    </row>
    <row r="24" spans="2:43" ht="21" customHeight="1" x14ac:dyDescent="0.2">
      <c r="B24" s="173" t="s">
        <v>22</v>
      </c>
      <c r="C24" s="233">
        <v>0</v>
      </c>
      <c r="D24" s="235">
        <v>0</v>
      </c>
      <c r="E24" s="235">
        <v>0</v>
      </c>
      <c r="F24" s="236">
        <v>0</v>
      </c>
      <c r="G24" s="234">
        <v>0</v>
      </c>
      <c r="H24" s="234">
        <v>4</v>
      </c>
      <c r="I24" s="234">
        <v>3</v>
      </c>
      <c r="J24" s="235">
        <v>3</v>
      </c>
      <c r="K24" s="256">
        <v>10</v>
      </c>
      <c r="L24" s="257">
        <v>10</v>
      </c>
      <c r="M24" s="233">
        <v>0</v>
      </c>
      <c r="N24" s="235">
        <v>0</v>
      </c>
      <c r="O24" s="256">
        <v>0</v>
      </c>
      <c r="P24" s="238">
        <v>1</v>
      </c>
      <c r="Q24" s="234">
        <v>3</v>
      </c>
      <c r="R24" s="234">
        <v>1</v>
      </c>
      <c r="S24" s="234">
        <v>1</v>
      </c>
      <c r="T24" s="235">
        <v>1</v>
      </c>
      <c r="U24" s="256">
        <v>7</v>
      </c>
      <c r="V24" s="237">
        <v>7</v>
      </c>
      <c r="W24" s="238">
        <v>0</v>
      </c>
      <c r="X24" s="235">
        <v>0</v>
      </c>
      <c r="Y24" s="235">
        <v>0</v>
      </c>
      <c r="Z24" s="236">
        <v>0</v>
      </c>
      <c r="AA24" s="234">
        <v>0</v>
      </c>
      <c r="AB24" s="234">
        <v>0</v>
      </c>
      <c r="AC24" s="234">
        <v>0</v>
      </c>
      <c r="AD24" s="235">
        <v>0</v>
      </c>
      <c r="AE24" s="256">
        <v>0</v>
      </c>
      <c r="AF24" s="257">
        <v>0</v>
      </c>
      <c r="AG24" s="233">
        <v>0</v>
      </c>
      <c r="AH24" s="235">
        <v>0</v>
      </c>
      <c r="AI24" s="235">
        <v>0</v>
      </c>
      <c r="AJ24" s="236">
        <v>0</v>
      </c>
      <c r="AK24" s="234">
        <v>0</v>
      </c>
      <c r="AL24" s="234">
        <v>0</v>
      </c>
      <c r="AM24" s="234">
        <v>1</v>
      </c>
      <c r="AN24" s="235">
        <v>0</v>
      </c>
      <c r="AO24" s="256">
        <v>1</v>
      </c>
      <c r="AP24" s="258">
        <v>1</v>
      </c>
      <c r="AQ24" s="255"/>
    </row>
    <row r="25" spans="2:43" ht="21" customHeight="1" x14ac:dyDescent="0.2">
      <c r="B25" s="173" t="s">
        <v>23</v>
      </c>
      <c r="C25" s="233">
        <v>0</v>
      </c>
      <c r="D25" s="235">
        <v>0</v>
      </c>
      <c r="E25" s="235">
        <v>0</v>
      </c>
      <c r="F25" s="236">
        <v>0</v>
      </c>
      <c r="G25" s="234">
        <v>0</v>
      </c>
      <c r="H25" s="234">
        <v>7</v>
      </c>
      <c r="I25" s="234">
        <v>3</v>
      </c>
      <c r="J25" s="235">
        <v>0</v>
      </c>
      <c r="K25" s="256">
        <v>10</v>
      </c>
      <c r="L25" s="257">
        <v>10</v>
      </c>
      <c r="M25" s="233">
        <v>0</v>
      </c>
      <c r="N25" s="235">
        <v>0</v>
      </c>
      <c r="O25" s="256">
        <v>0</v>
      </c>
      <c r="P25" s="238">
        <v>1</v>
      </c>
      <c r="Q25" s="234">
        <v>0</v>
      </c>
      <c r="R25" s="234">
        <v>2</v>
      </c>
      <c r="S25" s="234">
        <v>2</v>
      </c>
      <c r="T25" s="235">
        <v>3</v>
      </c>
      <c r="U25" s="256">
        <v>8</v>
      </c>
      <c r="V25" s="237">
        <v>8</v>
      </c>
      <c r="W25" s="238">
        <v>0</v>
      </c>
      <c r="X25" s="235">
        <v>0</v>
      </c>
      <c r="Y25" s="235">
        <v>0</v>
      </c>
      <c r="Z25" s="236">
        <v>0</v>
      </c>
      <c r="AA25" s="234">
        <v>0</v>
      </c>
      <c r="AB25" s="234">
        <v>0</v>
      </c>
      <c r="AC25" s="234">
        <v>0</v>
      </c>
      <c r="AD25" s="235">
        <v>0</v>
      </c>
      <c r="AE25" s="256">
        <v>0</v>
      </c>
      <c r="AF25" s="257">
        <v>0</v>
      </c>
      <c r="AG25" s="233">
        <v>0</v>
      </c>
      <c r="AH25" s="235">
        <v>0</v>
      </c>
      <c r="AI25" s="235">
        <v>0</v>
      </c>
      <c r="AJ25" s="236">
        <v>0</v>
      </c>
      <c r="AK25" s="234">
        <v>0</v>
      </c>
      <c r="AL25" s="234">
        <v>0</v>
      </c>
      <c r="AM25" s="234">
        <v>0</v>
      </c>
      <c r="AN25" s="235">
        <v>0</v>
      </c>
      <c r="AO25" s="256">
        <v>0</v>
      </c>
      <c r="AP25" s="258">
        <v>0</v>
      </c>
      <c r="AQ25" s="255"/>
    </row>
    <row r="26" spans="2:43" ht="21" customHeight="1" x14ac:dyDescent="0.2">
      <c r="B26" s="173" t="s">
        <v>24</v>
      </c>
      <c r="C26" s="233">
        <v>0</v>
      </c>
      <c r="D26" s="235">
        <v>0</v>
      </c>
      <c r="E26" s="235">
        <v>0</v>
      </c>
      <c r="F26" s="236">
        <v>0</v>
      </c>
      <c r="G26" s="234">
        <v>0</v>
      </c>
      <c r="H26" s="234">
        <v>1</v>
      </c>
      <c r="I26" s="234">
        <v>4</v>
      </c>
      <c r="J26" s="235">
        <v>3</v>
      </c>
      <c r="K26" s="256">
        <v>8</v>
      </c>
      <c r="L26" s="257">
        <v>8</v>
      </c>
      <c r="M26" s="233">
        <v>0</v>
      </c>
      <c r="N26" s="235">
        <v>0</v>
      </c>
      <c r="O26" s="256">
        <v>0</v>
      </c>
      <c r="P26" s="238">
        <v>0</v>
      </c>
      <c r="Q26" s="234">
        <v>2</v>
      </c>
      <c r="R26" s="234">
        <v>3</v>
      </c>
      <c r="S26" s="234">
        <v>2</v>
      </c>
      <c r="T26" s="235">
        <v>0</v>
      </c>
      <c r="U26" s="256">
        <v>7</v>
      </c>
      <c r="V26" s="237">
        <v>7</v>
      </c>
      <c r="W26" s="238">
        <v>0</v>
      </c>
      <c r="X26" s="235">
        <v>0</v>
      </c>
      <c r="Y26" s="235">
        <v>0</v>
      </c>
      <c r="Z26" s="236">
        <v>0</v>
      </c>
      <c r="AA26" s="234">
        <v>0</v>
      </c>
      <c r="AB26" s="234">
        <v>0</v>
      </c>
      <c r="AC26" s="234">
        <v>0</v>
      </c>
      <c r="AD26" s="235">
        <v>0</v>
      </c>
      <c r="AE26" s="256">
        <v>0</v>
      </c>
      <c r="AF26" s="257">
        <v>0</v>
      </c>
      <c r="AG26" s="233">
        <v>0</v>
      </c>
      <c r="AH26" s="235">
        <v>0</v>
      </c>
      <c r="AI26" s="235">
        <v>0</v>
      </c>
      <c r="AJ26" s="236">
        <v>0</v>
      </c>
      <c r="AK26" s="234">
        <v>0</v>
      </c>
      <c r="AL26" s="234">
        <v>0</v>
      </c>
      <c r="AM26" s="234">
        <v>0</v>
      </c>
      <c r="AN26" s="235">
        <v>0</v>
      </c>
      <c r="AO26" s="256">
        <v>0</v>
      </c>
      <c r="AP26" s="258">
        <v>0</v>
      </c>
      <c r="AQ26" s="255"/>
    </row>
    <row r="27" spans="2:43" ht="21" customHeight="1" x14ac:dyDescent="0.2">
      <c r="B27" s="173" t="s">
        <v>25</v>
      </c>
      <c r="C27" s="233">
        <v>0</v>
      </c>
      <c r="D27" s="235">
        <v>0</v>
      </c>
      <c r="E27" s="235">
        <v>0</v>
      </c>
      <c r="F27" s="236">
        <v>0</v>
      </c>
      <c r="G27" s="234">
        <v>1</v>
      </c>
      <c r="H27" s="234">
        <v>3</v>
      </c>
      <c r="I27" s="234">
        <v>1</v>
      </c>
      <c r="J27" s="235">
        <v>2</v>
      </c>
      <c r="K27" s="256">
        <v>7</v>
      </c>
      <c r="L27" s="257">
        <v>7</v>
      </c>
      <c r="M27" s="233">
        <v>0</v>
      </c>
      <c r="N27" s="235">
        <v>0</v>
      </c>
      <c r="O27" s="256">
        <v>0</v>
      </c>
      <c r="P27" s="238">
        <v>1</v>
      </c>
      <c r="Q27" s="234">
        <v>2</v>
      </c>
      <c r="R27" s="234">
        <v>0</v>
      </c>
      <c r="S27" s="234">
        <v>3</v>
      </c>
      <c r="T27" s="235">
        <v>2</v>
      </c>
      <c r="U27" s="256">
        <v>8</v>
      </c>
      <c r="V27" s="237">
        <v>8</v>
      </c>
      <c r="W27" s="238">
        <v>0</v>
      </c>
      <c r="X27" s="235">
        <v>0</v>
      </c>
      <c r="Y27" s="235">
        <v>0</v>
      </c>
      <c r="Z27" s="236">
        <v>0</v>
      </c>
      <c r="AA27" s="234">
        <v>0</v>
      </c>
      <c r="AB27" s="234">
        <v>0</v>
      </c>
      <c r="AC27" s="234">
        <v>0</v>
      </c>
      <c r="AD27" s="235">
        <v>0</v>
      </c>
      <c r="AE27" s="256">
        <v>0</v>
      </c>
      <c r="AF27" s="257">
        <v>0</v>
      </c>
      <c r="AG27" s="233">
        <v>0</v>
      </c>
      <c r="AH27" s="235">
        <v>0</v>
      </c>
      <c r="AI27" s="235">
        <v>0</v>
      </c>
      <c r="AJ27" s="236">
        <v>0</v>
      </c>
      <c r="AK27" s="234">
        <v>0</v>
      </c>
      <c r="AL27" s="234">
        <v>0</v>
      </c>
      <c r="AM27" s="234">
        <v>0</v>
      </c>
      <c r="AN27" s="235">
        <v>0</v>
      </c>
      <c r="AO27" s="256">
        <v>0</v>
      </c>
      <c r="AP27" s="258">
        <v>0</v>
      </c>
      <c r="AQ27" s="255"/>
    </row>
    <row r="28" spans="2:43" ht="21" customHeight="1" x14ac:dyDescent="0.2">
      <c r="B28" s="173" t="s">
        <v>26</v>
      </c>
      <c r="C28" s="233">
        <v>0</v>
      </c>
      <c r="D28" s="235">
        <v>0</v>
      </c>
      <c r="E28" s="235">
        <v>0</v>
      </c>
      <c r="F28" s="236">
        <v>0</v>
      </c>
      <c r="G28" s="234">
        <v>0</v>
      </c>
      <c r="H28" s="234">
        <v>2</v>
      </c>
      <c r="I28" s="234">
        <v>2</v>
      </c>
      <c r="J28" s="235">
        <v>2</v>
      </c>
      <c r="K28" s="256">
        <v>6</v>
      </c>
      <c r="L28" s="257">
        <v>6</v>
      </c>
      <c r="M28" s="233">
        <v>0</v>
      </c>
      <c r="N28" s="235">
        <v>0</v>
      </c>
      <c r="O28" s="256">
        <v>0</v>
      </c>
      <c r="P28" s="238">
        <v>0</v>
      </c>
      <c r="Q28" s="234">
        <v>1</v>
      </c>
      <c r="R28" s="234">
        <v>3</v>
      </c>
      <c r="S28" s="234">
        <v>0</v>
      </c>
      <c r="T28" s="235">
        <v>0</v>
      </c>
      <c r="U28" s="256">
        <v>4</v>
      </c>
      <c r="V28" s="237">
        <v>4</v>
      </c>
      <c r="W28" s="238">
        <v>0</v>
      </c>
      <c r="X28" s="235">
        <v>0</v>
      </c>
      <c r="Y28" s="235">
        <v>0</v>
      </c>
      <c r="Z28" s="236">
        <v>0</v>
      </c>
      <c r="AA28" s="234">
        <v>0</v>
      </c>
      <c r="AB28" s="234">
        <v>0</v>
      </c>
      <c r="AC28" s="234">
        <v>0</v>
      </c>
      <c r="AD28" s="235">
        <v>0</v>
      </c>
      <c r="AE28" s="256">
        <v>0</v>
      </c>
      <c r="AF28" s="257">
        <v>0</v>
      </c>
      <c r="AG28" s="233">
        <v>0</v>
      </c>
      <c r="AH28" s="235">
        <v>0</v>
      </c>
      <c r="AI28" s="235">
        <v>0</v>
      </c>
      <c r="AJ28" s="236">
        <v>0</v>
      </c>
      <c r="AK28" s="234">
        <v>0</v>
      </c>
      <c r="AL28" s="234">
        <v>0</v>
      </c>
      <c r="AM28" s="234">
        <v>0</v>
      </c>
      <c r="AN28" s="235">
        <v>0</v>
      </c>
      <c r="AO28" s="256">
        <v>0</v>
      </c>
      <c r="AP28" s="258">
        <v>0</v>
      </c>
      <c r="AQ28" s="255"/>
    </row>
    <row r="29" spans="2:43" ht="21" customHeight="1" x14ac:dyDescent="0.2">
      <c r="B29" s="173" t="s">
        <v>27</v>
      </c>
      <c r="C29" s="233">
        <v>0</v>
      </c>
      <c r="D29" s="235">
        <v>0</v>
      </c>
      <c r="E29" s="235">
        <v>0</v>
      </c>
      <c r="F29" s="236">
        <v>0</v>
      </c>
      <c r="G29" s="234">
        <v>1</v>
      </c>
      <c r="H29" s="234">
        <v>1</v>
      </c>
      <c r="I29" s="234">
        <v>0</v>
      </c>
      <c r="J29" s="235">
        <v>1</v>
      </c>
      <c r="K29" s="256">
        <v>3</v>
      </c>
      <c r="L29" s="257">
        <v>3</v>
      </c>
      <c r="M29" s="233">
        <v>0</v>
      </c>
      <c r="N29" s="235">
        <v>0</v>
      </c>
      <c r="O29" s="256">
        <v>0</v>
      </c>
      <c r="P29" s="238">
        <v>0</v>
      </c>
      <c r="Q29" s="234">
        <v>2</v>
      </c>
      <c r="R29" s="234">
        <v>1</v>
      </c>
      <c r="S29" s="234">
        <v>5</v>
      </c>
      <c r="T29" s="235">
        <v>1</v>
      </c>
      <c r="U29" s="256">
        <v>9</v>
      </c>
      <c r="V29" s="237">
        <v>9</v>
      </c>
      <c r="W29" s="238">
        <v>0</v>
      </c>
      <c r="X29" s="235">
        <v>0</v>
      </c>
      <c r="Y29" s="235">
        <v>0</v>
      </c>
      <c r="Z29" s="236">
        <v>0</v>
      </c>
      <c r="AA29" s="234">
        <v>0</v>
      </c>
      <c r="AB29" s="234">
        <v>0</v>
      </c>
      <c r="AC29" s="234">
        <v>0</v>
      </c>
      <c r="AD29" s="235">
        <v>0</v>
      </c>
      <c r="AE29" s="256">
        <v>0</v>
      </c>
      <c r="AF29" s="257">
        <v>0</v>
      </c>
      <c r="AG29" s="233">
        <v>0</v>
      </c>
      <c r="AH29" s="235">
        <v>0</v>
      </c>
      <c r="AI29" s="235">
        <v>0</v>
      </c>
      <c r="AJ29" s="236">
        <v>0</v>
      </c>
      <c r="AK29" s="234">
        <v>0</v>
      </c>
      <c r="AL29" s="234">
        <v>0</v>
      </c>
      <c r="AM29" s="234">
        <v>0</v>
      </c>
      <c r="AN29" s="235">
        <v>0</v>
      </c>
      <c r="AO29" s="256">
        <v>0</v>
      </c>
      <c r="AP29" s="258">
        <v>0</v>
      </c>
      <c r="AQ29" s="255"/>
    </row>
    <row r="30" spans="2:43" ht="21" customHeight="1" x14ac:dyDescent="0.2">
      <c r="B30" s="173" t="s">
        <v>28</v>
      </c>
      <c r="C30" s="233">
        <v>0</v>
      </c>
      <c r="D30" s="235">
        <v>0</v>
      </c>
      <c r="E30" s="235">
        <v>0</v>
      </c>
      <c r="F30" s="236">
        <v>0</v>
      </c>
      <c r="G30" s="234">
        <v>0</v>
      </c>
      <c r="H30" s="234">
        <v>0</v>
      </c>
      <c r="I30" s="234">
        <v>1</v>
      </c>
      <c r="J30" s="235">
        <v>1</v>
      </c>
      <c r="K30" s="256">
        <v>2</v>
      </c>
      <c r="L30" s="257">
        <v>2</v>
      </c>
      <c r="M30" s="233">
        <v>0</v>
      </c>
      <c r="N30" s="235">
        <v>0</v>
      </c>
      <c r="O30" s="256">
        <v>0</v>
      </c>
      <c r="P30" s="238">
        <v>0</v>
      </c>
      <c r="Q30" s="234">
        <v>0</v>
      </c>
      <c r="R30" s="234">
        <v>0</v>
      </c>
      <c r="S30" s="234">
        <v>0</v>
      </c>
      <c r="T30" s="235">
        <v>1</v>
      </c>
      <c r="U30" s="256">
        <v>1</v>
      </c>
      <c r="V30" s="237">
        <v>1</v>
      </c>
      <c r="W30" s="238">
        <v>0</v>
      </c>
      <c r="X30" s="235">
        <v>0</v>
      </c>
      <c r="Y30" s="235">
        <v>0</v>
      </c>
      <c r="Z30" s="236">
        <v>0</v>
      </c>
      <c r="AA30" s="234">
        <v>0</v>
      </c>
      <c r="AB30" s="234">
        <v>0</v>
      </c>
      <c r="AC30" s="234">
        <v>0</v>
      </c>
      <c r="AD30" s="235">
        <v>0</v>
      </c>
      <c r="AE30" s="256">
        <v>0</v>
      </c>
      <c r="AF30" s="257">
        <v>0</v>
      </c>
      <c r="AG30" s="233">
        <v>0</v>
      </c>
      <c r="AH30" s="235">
        <v>0</v>
      </c>
      <c r="AI30" s="235">
        <v>0</v>
      </c>
      <c r="AJ30" s="236">
        <v>0</v>
      </c>
      <c r="AK30" s="234">
        <v>0</v>
      </c>
      <c r="AL30" s="234">
        <v>0</v>
      </c>
      <c r="AM30" s="234">
        <v>0</v>
      </c>
      <c r="AN30" s="235">
        <v>0</v>
      </c>
      <c r="AO30" s="256">
        <v>0</v>
      </c>
      <c r="AP30" s="258">
        <v>0</v>
      </c>
      <c r="AQ30" s="255"/>
    </row>
    <row r="31" spans="2:43" ht="21" customHeight="1" x14ac:dyDescent="0.2">
      <c r="B31" s="173" t="s">
        <v>29</v>
      </c>
      <c r="C31" s="233">
        <v>0</v>
      </c>
      <c r="D31" s="235">
        <v>0</v>
      </c>
      <c r="E31" s="235">
        <v>0</v>
      </c>
      <c r="F31" s="236">
        <v>0</v>
      </c>
      <c r="G31" s="234">
        <v>0</v>
      </c>
      <c r="H31" s="234">
        <v>0</v>
      </c>
      <c r="I31" s="234">
        <v>0</v>
      </c>
      <c r="J31" s="235">
        <v>1</v>
      </c>
      <c r="K31" s="256">
        <v>1</v>
      </c>
      <c r="L31" s="257">
        <v>1</v>
      </c>
      <c r="M31" s="233">
        <v>0</v>
      </c>
      <c r="N31" s="235">
        <v>0</v>
      </c>
      <c r="O31" s="256">
        <v>0</v>
      </c>
      <c r="P31" s="238">
        <v>0</v>
      </c>
      <c r="Q31" s="234">
        <v>0</v>
      </c>
      <c r="R31" s="234">
        <v>0</v>
      </c>
      <c r="S31" s="234">
        <v>1</v>
      </c>
      <c r="T31" s="235">
        <v>1</v>
      </c>
      <c r="U31" s="256">
        <v>2</v>
      </c>
      <c r="V31" s="237">
        <v>2</v>
      </c>
      <c r="W31" s="238">
        <v>0</v>
      </c>
      <c r="X31" s="235">
        <v>0</v>
      </c>
      <c r="Y31" s="235">
        <v>0</v>
      </c>
      <c r="Z31" s="236">
        <v>0</v>
      </c>
      <c r="AA31" s="234">
        <v>0</v>
      </c>
      <c r="AB31" s="234">
        <v>0</v>
      </c>
      <c r="AC31" s="234">
        <v>0</v>
      </c>
      <c r="AD31" s="235">
        <v>0</v>
      </c>
      <c r="AE31" s="256">
        <v>0</v>
      </c>
      <c r="AF31" s="257">
        <v>0</v>
      </c>
      <c r="AG31" s="233">
        <v>0</v>
      </c>
      <c r="AH31" s="235">
        <v>0</v>
      </c>
      <c r="AI31" s="235">
        <v>0</v>
      </c>
      <c r="AJ31" s="236">
        <v>0</v>
      </c>
      <c r="AK31" s="234">
        <v>0</v>
      </c>
      <c r="AL31" s="234">
        <v>0</v>
      </c>
      <c r="AM31" s="234">
        <v>0</v>
      </c>
      <c r="AN31" s="235">
        <v>0</v>
      </c>
      <c r="AO31" s="256">
        <v>0</v>
      </c>
      <c r="AP31" s="258">
        <v>0</v>
      </c>
      <c r="AQ31" s="255"/>
    </row>
    <row r="32" spans="2:43" ht="21" customHeight="1" x14ac:dyDescent="0.2">
      <c r="B32" s="173" t="s">
        <v>30</v>
      </c>
      <c r="C32" s="233">
        <v>0</v>
      </c>
      <c r="D32" s="235">
        <v>0</v>
      </c>
      <c r="E32" s="235">
        <v>0</v>
      </c>
      <c r="F32" s="236">
        <v>0</v>
      </c>
      <c r="G32" s="234">
        <v>0</v>
      </c>
      <c r="H32" s="234">
        <v>0</v>
      </c>
      <c r="I32" s="234">
        <v>1</v>
      </c>
      <c r="J32" s="235">
        <v>1</v>
      </c>
      <c r="K32" s="256">
        <v>2</v>
      </c>
      <c r="L32" s="257">
        <v>2</v>
      </c>
      <c r="M32" s="233">
        <v>0</v>
      </c>
      <c r="N32" s="235">
        <v>0</v>
      </c>
      <c r="O32" s="256">
        <v>0</v>
      </c>
      <c r="P32" s="238">
        <v>1</v>
      </c>
      <c r="Q32" s="234">
        <v>1</v>
      </c>
      <c r="R32" s="234">
        <v>1</v>
      </c>
      <c r="S32" s="234">
        <v>2</v>
      </c>
      <c r="T32" s="235">
        <v>0</v>
      </c>
      <c r="U32" s="256">
        <v>5</v>
      </c>
      <c r="V32" s="237">
        <v>5</v>
      </c>
      <c r="W32" s="238">
        <v>0</v>
      </c>
      <c r="X32" s="235">
        <v>0</v>
      </c>
      <c r="Y32" s="235">
        <v>0</v>
      </c>
      <c r="Z32" s="236">
        <v>0</v>
      </c>
      <c r="AA32" s="234">
        <v>0</v>
      </c>
      <c r="AB32" s="234">
        <v>0</v>
      </c>
      <c r="AC32" s="234">
        <v>0</v>
      </c>
      <c r="AD32" s="235">
        <v>0</v>
      </c>
      <c r="AE32" s="256">
        <v>0</v>
      </c>
      <c r="AF32" s="257">
        <v>0</v>
      </c>
      <c r="AG32" s="233">
        <v>0</v>
      </c>
      <c r="AH32" s="235">
        <v>0</v>
      </c>
      <c r="AI32" s="235">
        <v>0</v>
      </c>
      <c r="AJ32" s="236">
        <v>0</v>
      </c>
      <c r="AK32" s="234">
        <v>0</v>
      </c>
      <c r="AL32" s="234">
        <v>0</v>
      </c>
      <c r="AM32" s="234">
        <v>1</v>
      </c>
      <c r="AN32" s="235">
        <v>0</v>
      </c>
      <c r="AO32" s="256">
        <v>1</v>
      </c>
      <c r="AP32" s="258">
        <v>1</v>
      </c>
      <c r="AQ32" s="255"/>
    </row>
    <row r="33" spans="2:43" ht="21" customHeight="1" x14ac:dyDescent="0.2">
      <c r="B33" s="173" t="s">
        <v>31</v>
      </c>
      <c r="C33" s="233">
        <v>0</v>
      </c>
      <c r="D33" s="235">
        <v>0</v>
      </c>
      <c r="E33" s="235">
        <v>0</v>
      </c>
      <c r="F33" s="236">
        <v>0</v>
      </c>
      <c r="G33" s="234">
        <v>0</v>
      </c>
      <c r="H33" s="234">
        <v>2</v>
      </c>
      <c r="I33" s="234">
        <v>1</v>
      </c>
      <c r="J33" s="235">
        <v>0</v>
      </c>
      <c r="K33" s="256">
        <v>3</v>
      </c>
      <c r="L33" s="257">
        <v>3</v>
      </c>
      <c r="M33" s="233">
        <v>0</v>
      </c>
      <c r="N33" s="235">
        <v>0</v>
      </c>
      <c r="O33" s="256">
        <v>0</v>
      </c>
      <c r="P33" s="238">
        <v>0</v>
      </c>
      <c r="Q33" s="234">
        <v>0</v>
      </c>
      <c r="R33" s="234">
        <v>0</v>
      </c>
      <c r="S33" s="234">
        <v>0</v>
      </c>
      <c r="T33" s="235">
        <v>0</v>
      </c>
      <c r="U33" s="256">
        <v>0</v>
      </c>
      <c r="V33" s="237">
        <v>0</v>
      </c>
      <c r="W33" s="238">
        <v>0</v>
      </c>
      <c r="X33" s="235">
        <v>0</v>
      </c>
      <c r="Y33" s="235">
        <v>0</v>
      </c>
      <c r="Z33" s="236">
        <v>0</v>
      </c>
      <c r="AA33" s="234">
        <v>0</v>
      </c>
      <c r="AB33" s="234">
        <v>0</v>
      </c>
      <c r="AC33" s="234">
        <v>0</v>
      </c>
      <c r="AD33" s="235">
        <v>0</v>
      </c>
      <c r="AE33" s="256">
        <v>0</v>
      </c>
      <c r="AF33" s="257">
        <v>0</v>
      </c>
      <c r="AG33" s="233">
        <v>0</v>
      </c>
      <c r="AH33" s="235">
        <v>0</v>
      </c>
      <c r="AI33" s="235">
        <v>0</v>
      </c>
      <c r="AJ33" s="236">
        <v>0</v>
      </c>
      <c r="AK33" s="234">
        <v>0</v>
      </c>
      <c r="AL33" s="234">
        <v>0</v>
      </c>
      <c r="AM33" s="234">
        <v>0</v>
      </c>
      <c r="AN33" s="235">
        <v>0</v>
      </c>
      <c r="AO33" s="256">
        <v>0</v>
      </c>
      <c r="AP33" s="258">
        <v>0</v>
      </c>
      <c r="AQ33" s="255"/>
    </row>
    <row r="34" spans="2:43" ht="21" customHeight="1" x14ac:dyDescent="0.2">
      <c r="B34" s="173" t="s">
        <v>32</v>
      </c>
      <c r="C34" s="233">
        <v>0</v>
      </c>
      <c r="D34" s="235">
        <v>0</v>
      </c>
      <c r="E34" s="235">
        <v>0</v>
      </c>
      <c r="F34" s="236">
        <v>0</v>
      </c>
      <c r="G34" s="234">
        <v>0</v>
      </c>
      <c r="H34" s="234">
        <v>0</v>
      </c>
      <c r="I34" s="234">
        <v>3</v>
      </c>
      <c r="J34" s="235">
        <v>0</v>
      </c>
      <c r="K34" s="256">
        <v>3</v>
      </c>
      <c r="L34" s="257">
        <v>3</v>
      </c>
      <c r="M34" s="233">
        <v>0</v>
      </c>
      <c r="N34" s="235">
        <v>0</v>
      </c>
      <c r="O34" s="256">
        <v>0</v>
      </c>
      <c r="P34" s="238">
        <v>0</v>
      </c>
      <c r="Q34" s="234">
        <v>0</v>
      </c>
      <c r="R34" s="234">
        <v>0</v>
      </c>
      <c r="S34" s="234">
        <v>2</v>
      </c>
      <c r="T34" s="235">
        <v>1</v>
      </c>
      <c r="U34" s="256">
        <v>3</v>
      </c>
      <c r="V34" s="237">
        <v>3</v>
      </c>
      <c r="W34" s="238">
        <v>0</v>
      </c>
      <c r="X34" s="235">
        <v>0</v>
      </c>
      <c r="Y34" s="235">
        <v>0</v>
      </c>
      <c r="Z34" s="236">
        <v>0</v>
      </c>
      <c r="AA34" s="234">
        <v>0</v>
      </c>
      <c r="AB34" s="234">
        <v>0</v>
      </c>
      <c r="AC34" s="234">
        <v>0</v>
      </c>
      <c r="AD34" s="235">
        <v>0</v>
      </c>
      <c r="AE34" s="256">
        <v>0</v>
      </c>
      <c r="AF34" s="257">
        <v>0</v>
      </c>
      <c r="AG34" s="233">
        <v>0</v>
      </c>
      <c r="AH34" s="235">
        <v>0</v>
      </c>
      <c r="AI34" s="235">
        <v>0</v>
      </c>
      <c r="AJ34" s="236">
        <v>0</v>
      </c>
      <c r="AK34" s="234">
        <v>0</v>
      </c>
      <c r="AL34" s="234">
        <v>0</v>
      </c>
      <c r="AM34" s="234">
        <v>0</v>
      </c>
      <c r="AN34" s="235">
        <v>0</v>
      </c>
      <c r="AO34" s="256">
        <v>0</v>
      </c>
      <c r="AP34" s="258">
        <v>0</v>
      </c>
      <c r="AQ34" s="255"/>
    </row>
    <row r="35" spans="2:43" ht="21" customHeight="1" x14ac:dyDescent="0.2">
      <c r="B35" s="173" t="s">
        <v>33</v>
      </c>
      <c r="C35" s="233">
        <v>0</v>
      </c>
      <c r="D35" s="235">
        <v>0</v>
      </c>
      <c r="E35" s="235">
        <v>0</v>
      </c>
      <c r="F35" s="236">
        <v>0</v>
      </c>
      <c r="G35" s="234">
        <v>0</v>
      </c>
      <c r="H35" s="234">
        <v>0</v>
      </c>
      <c r="I35" s="234">
        <v>0</v>
      </c>
      <c r="J35" s="235">
        <v>0</v>
      </c>
      <c r="K35" s="256">
        <v>0</v>
      </c>
      <c r="L35" s="257">
        <v>0</v>
      </c>
      <c r="M35" s="233">
        <v>0</v>
      </c>
      <c r="N35" s="235">
        <v>0</v>
      </c>
      <c r="O35" s="256">
        <v>0</v>
      </c>
      <c r="P35" s="238">
        <v>0</v>
      </c>
      <c r="Q35" s="234">
        <v>0</v>
      </c>
      <c r="R35" s="234">
        <v>0</v>
      </c>
      <c r="S35" s="234">
        <v>0</v>
      </c>
      <c r="T35" s="235">
        <v>0</v>
      </c>
      <c r="U35" s="256">
        <v>0</v>
      </c>
      <c r="V35" s="237">
        <v>0</v>
      </c>
      <c r="W35" s="238">
        <v>0</v>
      </c>
      <c r="X35" s="235">
        <v>0</v>
      </c>
      <c r="Y35" s="235">
        <v>0</v>
      </c>
      <c r="Z35" s="236">
        <v>0</v>
      </c>
      <c r="AA35" s="234">
        <v>0</v>
      </c>
      <c r="AB35" s="234">
        <v>0</v>
      </c>
      <c r="AC35" s="234">
        <v>0</v>
      </c>
      <c r="AD35" s="235">
        <v>0</v>
      </c>
      <c r="AE35" s="256">
        <v>0</v>
      </c>
      <c r="AF35" s="257">
        <v>0</v>
      </c>
      <c r="AG35" s="233">
        <v>0</v>
      </c>
      <c r="AH35" s="235">
        <v>0</v>
      </c>
      <c r="AI35" s="235">
        <v>0</v>
      </c>
      <c r="AJ35" s="236">
        <v>0</v>
      </c>
      <c r="AK35" s="234">
        <v>2</v>
      </c>
      <c r="AL35" s="234">
        <v>0</v>
      </c>
      <c r="AM35" s="234">
        <v>0</v>
      </c>
      <c r="AN35" s="235">
        <v>0</v>
      </c>
      <c r="AO35" s="256">
        <v>2</v>
      </c>
      <c r="AP35" s="258">
        <v>2</v>
      </c>
      <c r="AQ35" s="255"/>
    </row>
    <row r="36" spans="2:43" ht="21" customHeight="1" x14ac:dyDescent="0.2">
      <c r="B36" s="173" t="s">
        <v>34</v>
      </c>
      <c r="C36" s="233">
        <v>0</v>
      </c>
      <c r="D36" s="235">
        <v>0</v>
      </c>
      <c r="E36" s="235">
        <v>0</v>
      </c>
      <c r="F36" s="236">
        <v>0</v>
      </c>
      <c r="G36" s="234">
        <v>0</v>
      </c>
      <c r="H36" s="234">
        <v>0</v>
      </c>
      <c r="I36" s="234">
        <v>1</v>
      </c>
      <c r="J36" s="235">
        <v>0</v>
      </c>
      <c r="K36" s="256">
        <v>1</v>
      </c>
      <c r="L36" s="257">
        <v>1</v>
      </c>
      <c r="M36" s="233">
        <v>0</v>
      </c>
      <c r="N36" s="235">
        <v>0</v>
      </c>
      <c r="O36" s="256">
        <v>0</v>
      </c>
      <c r="P36" s="238">
        <v>0</v>
      </c>
      <c r="Q36" s="234">
        <v>0</v>
      </c>
      <c r="R36" s="234">
        <v>1</v>
      </c>
      <c r="S36" s="234">
        <v>0</v>
      </c>
      <c r="T36" s="235">
        <v>0</v>
      </c>
      <c r="U36" s="256">
        <v>1</v>
      </c>
      <c r="V36" s="237">
        <v>1</v>
      </c>
      <c r="W36" s="238">
        <v>0</v>
      </c>
      <c r="X36" s="235">
        <v>0</v>
      </c>
      <c r="Y36" s="235">
        <v>0</v>
      </c>
      <c r="Z36" s="236">
        <v>0</v>
      </c>
      <c r="AA36" s="234">
        <v>0</v>
      </c>
      <c r="AB36" s="234">
        <v>0</v>
      </c>
      <c r="AC36" s="234">
        <v>0</v>
      </c>
      <c r="AD36" s="235">
        <v>0</v>
      </c>
      <c r="AE36" s="256">
        <v>0</v>
      </c>
      <c r="AF36" s="257">
        <v>0</v>
      </c>
      <c r="AG36" s="233">
        <v>0</v>
      </c>
      <c r="AH36" s="235">
        <v>0</v>
      </c>
      <c r="AI36" s="235">
        <v>0</v>
      </c>
      <c r="AJ36" s="236">
        <v>0</v>
      </c>
      <c r="AK36" s="234">
        <v>0</v>
      </c>
      <c r="AL36" s="234">
        <v>0</v>
      </c>
      <c r="AM36" s="234">
        <v>0</v>
      </c>
      <c r="AN36" s="235">
        <v>0</v>
      </c>
      <c r="AO36" s="256">
        <v>0</v>
      </c>
      <c r="AP36" s="258">
        <v>0</v>
      </c>
      <c r="AQ36" s="255"/>
    </row>
    <row r="37" spans="2:43" ht="21" customHeight="1" x14ac:dyDescent="0.2">
      <c r="B37" s="173" t="s">
        <v>35</v>
      </c>
      <c r="C37" s="233">
        <v>0</v>
      </c>
      <c r="D37" s="235">
        <v>0</v>
      </c>
      <c r="E37" s="235">
        <v>0</v>
      </c>
      <c r="F37" s="236">
        <v>0</v>
      </c>
      <c r="G37" s="234">
        <v>0</v>
      </c>
      <c r="H37" s="234">
        <v>0</v>
      </c>
      <c r="I37" s="234">
        <v>1</v>
      </c>
      <c r="J37" s="235">
        <v>2</v>
      </c>
      <c r="K37" s="256">
        <v>3</v>
      </c>
      <c r="L37" s="257">
        <v>3</v>
      </c>
      <c r="M37" s="233">
        <v>0</v>
      </c>
      <c r="N37" s="235">
        <v>0</v>
      </c>
      <c r="O37" s="256">
        <v>0</v>
      </c>
      <c r="P37" s="238">
        <v>2</v>
      </c>
      <c r="Q37" s="234">
        <v>1</v>
      </c>
      <c r="R37" s="234">
        <v>2</v>
      </c>
      <c r="S37" s="234">
        <v>0</v>
      </c>
      <c r="T37" s="235">
        <v>0</v>
      </c>
      <c r="U37" s="256">
        <v>5</v>
      </c>
      <c r="V37" s="237">
        <v>5</v>
      </c>
      <c r="W37" s="238">
        <v>0</v>
      </c>
      <c r="X37" s="235">
        <v>0</v>
      </c>
      <c r="Y37" s="235">
        <v>0</v>
      </c>
      <c r="Z37" s="236">
        <v>0</v>
      </c>
      <c r="AA37" s="234">
        <v>0</v>
      </c>
      <c r="AB37" s="234">
        <v>0</v>
      </c>
      <c r="AC37" s="234">
        <v>0</v>
      </c>
      <c r="AD37" s="235">
        <v>0</v>
      </c>
      <c r="AE37" s="256">
        <v>0</v>
      </c>
      <c r="AF37" s="257">
        <v>0</v>
      </c>
      <c r="AG37" s="233">
        <v>0</v>
      </c>
      <c r="AH37" s="235">
        <v>0</v>
      </c>
      <c r="AI37" s="235">
        <v>0</v>
      </c>
      <c r="AJ37" s="236">
        <v>0</v>
      </c>
      <c r="AK37" s="234">
        <v>0</v>
      </c>
      <c r="AL37" s="234">
        <v>0</v>
      </c>
      <c r="AM37" s="234">
        <v>0</v>
      </c>
      <c r="AN37" s="235">
        <v>0</v>
      </c>
      <c r="AO37" s="256">
        <v>0</v>
      </c>
      <c r="AP37" s="258">
        <v>0</v>
      </c>
      <c r="AQ37" s="255"/>
    </row>
    <row r="38" spans="2:43" ht="21" customHeight="1" x14ac:dyDescent="0.2">
      <c r="B38" s="173" t="s">
        <v>36</v>
      </c>
      <c r="C38" s="233">
        <v>0</v>
      </c>
      <c r="D38" s="235">
        <v>0</v>
      </c>
      <c r="E38" s="235">
        <v>0</v>
      </c>
      <c r="F38" s="236">
        <v>0</v>
      </c>
      <c r="G38" s="234">
        <v>0</v>
      </c>
      <c r="H38" s="234">
        <v>0</v>
      </c>
      <c r="I38" s="234">
        <v>2</v>
      </c>
      <c r="J38" s="235">
        <v>1</v>
      </c>
      <c r="K38" s="256">
        <v>3</v>
      </c>
      <c r="L38" s="257">
        <v>3</v>
      </c>
      <c r="M38" s="233">
        <v>0</v>
      </c>
      <c r="N38" s="235">
        <v>0</v>
      </c>
      <c r="O38" s="256">
        <v>0</v>
      </c>
      <c r="P38" s="238">
        <v>0</v>
      </c>
      <c r="Q38" s="234">
        <v>0</v>
      </c>
      <c r="R38" s="234">
        <v>0</v>
      </c>
      <c r="S38" s="234">
        <v>1</v>
      </c>
      <c r="T38" s="235">
        <v>2</v>
      </c>
      <c r="U38" s="256">
        <v>3</v>
      </c>
      <c r="V38" s="237">
        <v>3</v>
      </c>
      <c r="W38" s="238">
        <v>0</v>
      </c>
      <c r="X38" s="235">
        <v>0</v>
      </c>
      <c r="Y38" s="235">
        <v>0</v>
      </c>
      <c r="Z38" s="236">
        <v>0</v>
      </c>
      <c r="AA38" s="234">
        <v>0</v>
      </c>
      <c r="AB38" s="234">
        <v>0</v>
      </c>
      <c r="AC38" s="234">
        <v>0</v>
      </c>
      <c r="AD38" s="235">
        <v>0</v>
      </c>
      <c r="AE38" s="256">
        <v>0</v>
      </c>
      <c r="AF38" s="257">
        <v>0</v>
      </c>
      <c r="AG38" s="233">
        <v>0</v>
      </c>
      <c r="AH38" s="235">
        <v>0</v>
      </c>
      <c r="AI38" s="235">
        <v>0</v>
      </c>
      <c r="AJ38" s="236">
        <v>0</v>
      </c>
      <c r="AK38" s="234">
        <v>0</v>
      </c>
      <c r="AL38" s="234">
        <v>0</v>
      </c>
      <c r="AM38" s="234">
        <v>0</v>
      </c>
      <c r="AN38" s="235">
        <v>0</v>
      </c>
      <c r="AO38" s="256">
        <v>0</v>
      </c>
      <c r="AP38" s="258">
        <v>0</v>
      </c>
      <c r="AQ38" s="255"/>
    </row>
    <row r="39" spans="2:43" ht="21" customHeight="1" thickBot="1" x14ac:dyDescent="0.25">
      <c r="B39" s="175" t="s">
        <v>37</v>
      </c>
      <c r="C39" s="239">
        <v>0</v>
      </c>
      <c r="D39" s="241">
        <v>0</v>
      </c>
      <c r="E39" s="241">
        <v>0</v>
      </c>
      <c r="F39" s="242">
        <v>0</v>
      </c>
      <c r="G39" s="240">
        <v>0</v>
      </c>
      <c r="H39" s="240">
        <v>1</v>
      </c>
      <c r="I39" s="240">
        <v>0</v>
      </c>
      <c r="J39" s="241">
        <v>0</v>
      </c>
      <c r="K39" s="259">
        <v>1</v>
      </c>
      <c r="L39" s="260">
        <v>1</v>
      </c>
      <c r="M39" s="239">
        <v>0</v>
      </c>
      <c r="N39" s="241">
        <v>0</v>
      </c>
      <c r="O39" s="259">
        <v>0</v>
      </c>
      <c r="P39" s="244">
        <v>0</v>
      </c>
      <c r="Q39" s="240">
        <v>0</v>
      </c>
      <c r="R39" s="240">
        <v>0</v>
      </c>
      <c r="S39" s="240">
        <v>0</v>
      </c>
      <c r="T39" s="241">
        <v>0</v>
      </c>
      <c r="U39" s="259">
        <v>0</v>
      </c>
      <c r="V39" s="243">
        <v>0</v>
      </c>
      <c r="W39" s="244">
        <v>0</v>
      </c>
      <c r="X39" s="241">
        <v>0</v>
      </c>
      <c r="Y39" s="241">
        <v>0</v>
      </c>
      <c r="Z39" s="242">
        <v>0</v>
      </c>
      <c r="AA39" s="240">
        <v>0</v>
      </c>
      <c r="AB39" s="240">
        <v>0</v>
      </c>
      <c r="AC39" s="240">
        <v>0</v>
      </c>
      <c r="AD39" s="241">
        <v>0</v>
      </c>
      <c r="AE39" s="259">
        <v>0</v>
      </c>
      <c r="AF39" s="260">
        <v>0</v>
      </c>
      <c r="AG39" s="239">
        <v>0</v>
      </c>
      <c r="AH39" s="241">
        <v>0</v>
      </c>
      <c r="AI39" s="241">
        <v>0</v>
      </c>
      <c r="AJ39" s="242">
        <v>0</v>
      </c>
      <c r="AK39" s="240">
        <v>0</v>
      </c>
      <c r="AL39" s="240">
        <v>0</v>
      </c>
      <c r="AM39" s="240">
        <v>0</v>
      </c>
      <c r="AN39" s="241">
        <v>0</v>
      </c>
      <c r="AO39" s="259">
        <v>0</v>
      </c>
      <c r="AP39" s="261">
        <v>0</v>
      </c>
      <c r="AQ39" s="255"/>
    </row>
    <row r="40" spans="2:43" x14ac:dyDescent="0.2">
      <c r="C40" s="262"/>
      <c r="D40" s="262"/>
      <c r="E40" s="262"/>
      <c r="F40" s="262"/>
      <c r="G40" s="262"/>
      <c r="H40" s="262"/>
      <c r="I40" s="262"/>
      <c r="J40" s="262"/>
      <c r="K40" s="262"/>
      <c r="L40" s="262"/>
      <c r="M40" s="255"/>
      <c r="N40" s="255"/>
      <c r="O40" s="255"/>
      <c r="P40" s="255"/>
      <c r="Q40" s="255"/>
      <c r="R40" s="255"/>
      <c r="S40" s="255"/>
      <c r="T40" s="255"/>
      <c r="U40" s="255"/>
      <c r="V40" s="255"/>
      <c r="W40" s="255"/>
      <c r="X40" s="255"/>
      <c r="Y40" s="255"/>
      <c r="Z40" s="255"/>
      <c r="AA40" s="255"/>
      <c r="AB40" s="255"/>
      <c r="AC40" s="255"/>
      <c r="AD40" s="255"/>
      <c r="AE40" s="255"/>
      <c r="AF40" s="255"/>
      <c r="AG40" s="255"/>
      <c r="AH40" s="255"/>
      <c r="AI40" s="255"/>
      <c r="AJ40" s="255"/>
      <c r="AK40" s="255"/>
      <c r="AL40" s="255"/>
      <c r="AM40" s="255"/>
      <c r="AN40" s="255"/>
      <c r="AO40" s="255"/>
      <c r="AP40" s="255"/>
      <c r="AQ40" s="255"/>
    </row>
    <row r="41" spans="2:43" x14ac:dyDescent="0.2">
      <c r="C41" s="262"/>
      <c r="D41" s="262"/>
      <c r="E41" s="262"/>
      <c r="F41" s="262"/>
      <c r="G41" s="262"/>
      <c r="H41" s="262"/>
      <c r="I41" s="262"/>
      <c r="J41" s="262"/>
      <c r="K41" s="262"/>
      <c r="L41" s="262"/>
      <c r="M41" s="255"/>
      <c r="N41" s="255"/>
      <c r="O41" s="255"/>
      <c r="P41" s="255"/>
      <c r="Q41" s="255"/>
      <c r="R41" s="255"/>
      <c r="S41" s="255"/>
      <c r="T41" s="255"/>
      <c r="U41" s="255"/>
      <c r="V41" s="255"/>
      <c r="W41" s="255"/>
      <c r="X41" s="255"/>
      <c r="Y41" s="255"/>
      <c r="Z41" s="255"/>
      <c r="AA41" s="255"/>
      <c r="AB41" s="255"/>
      <c r="AC41" s="255"/>
      <c r="AD41" s="255"/>
      <c r="AE41" s="255"/>
      <c r="AF41" s="255"/>
      <c r="AG41" s="255"/>
      <c r="AH41" s="255"/>
      <c r="AI41" s="255"/>
      <c r="AJ41" s="255"/>
      <c r="AK41" s="255"/>
      <c r="AL41" s="255"/>
      <c r="AM41" s="255"/>
      <c r="AN41" s="255"/>
      <c r="AO41" s="255"/>
      <c r="AP41" s="255"/>
      <c r="AQ41" s="255"/>
    </row>
    <row r="42" spans="2:43" x14ac:dyDescent="0.2">
      <c r="C42" s="262"/>
      <c r="D42" s="262"/>
      <c r="E42" s="262"/>
      <c r="F42" s="262"/>
      <c r="G42" s="262"/>
      <c r="H42" s="262"/>
      <c r="I42" s="262"/>
      <c r="J42" s="262"/>
      <c r="K42" s="262"/>
      <c r="L42" s="262"/>
      <c r="M42" s="255"/>
      <c r="N42" s="255"/>
      <c r="O42" s="255"/>
      <c r="P42" s="255"/>
      <c r="Q42" s="255"/>
      <c r="R42" s="255"/>
      <c r="S42" s="255"/>
      <c r="T42" s="255"/>
      <c r="U42" s="255"/>
      <c r="V42" s="255"/>
      <c r="W42" s="255"/>
      <c r="X42" s="255"/>
      <c r="Y42" s="255"/>
      <c r="Z42" s="255"/>
      <c r="AA42" s="255"/>
      <c r="AB42" s="255"/>
      <c r="AC42" s="255"/>
      <c r="AD42" s="255"/>
      <c r="AE42" s="255"/>
      <c r="AF42" s="255"/>
      <c r="AG42" s="255"/>
      <c r="AH42" s="255"/>
      <c r="AI42" s="255"/>
      <c r="AJ42" s="255"/>
      <c r="AK42" s="255"/>
      <c r="AL42" s="255"/>
      <c r="AM42" s="255"/>
      <c r="AN42" s="255"/>
      <c r="AO42" s="255"/>
      <c r="AP42" s="255"/>
      <c r="AQ42" s="255"/>
    </row>
    <row r="43" spans="2:43" x14ac:dyDescent="0.2">
      <c r="C43" s="262"/>
      <c r="D43" s="262"/>
      <c r="E43" s="262"/>
      <c r="F43" s="262"/>
      <c r="G43" s="262"/>
      <c r="H43" s="262"/>
      <c r="I43" s="262"/>
      <c r="J43" s="262"/>
      <c r="K43" s="262"/>
      <c r="L43" s="262"/>
      <c r="M43" s="255"/>
      <c r="N43" s="255"/>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row>
    <row r="44" spans="2:43" x14ac:dyDescent="0.2">
      <c r="C44" s="262"/>
      <c r="D44" s="262"/>
      <c r="E44" s="262"/>
      <c r="F44" s="262"/>
      <c r="G44" s="262"/>
      <c r="H44" s="262"/>
      <c r="I44" s="262"/>
      <c r="J44" s="262"/>
      <c r="K44" s="262"/>
      <c r="L44" s="262"/>
      <c r="M44" s="255"/>
      <c r="N44" s="255"/>
      <c r="O44" s="255"/>
      <c r="P44" s="255"/>
      <c r="Q44" s="255"/>
      <c r="R44" s="255"/>
      <c r="S44" s="255"/>
      <c r="T44" s="255"/>
      <c r="U44" s="255"/>
      <c r="V44" s="255"/>
      <c r="W44" s="255"/>
      <c r="X44" s="255"/>
      <c r="Y44" s="255"/>
      <c r="Z44" s="255"/>
      <c r="AA44" s="255"/>
      <c r="AB44" s="255"/>
      <c r="AC44" s="255"/>
      <c r="AD44" s="255"/>
      <c r="AE44" s="255"/>
      <c r="AF44" s="255"/>
      <c r="AG44" s="255"/>
      <c r="AH44" s="255"/>
      <c r="AI44" s="255"/>
      <c r="AJ44" s="255"/>
      <c r="AK44" s="255"/>
      <c r="AL44" s="255"/>
      <c r="AM44" s="255"/>
      <c r="AN44" s="255"/>
      <c r="AO44" s="255"/>
      <c r="AP44" s="255"/>
      <c r="AQ44" s="255"/>
    </row>
    <row r="45" spans="2:43" x14ac:dyDescent="0.2">
      <c r="C45" s="137"/>
      <c r="D45" s="137"/>
      <c r="E45" s="137"/>
      <c r="F45" s="137"/>
      <c r="G45" s="137"/>
      <c r="H45" s="137"/>
      <c r="I45" s="137"/>
      <c r="J45" s="137"/>
      <c r="K45" s="137"/>
      <c r="L45" s="137"/>
    </row>
    <row r="46" spans="2:43" x14ac:dyDescent="0.2">
      <c r="C46" s="137"/>
      <c r="D46" s="137"/>
      <c r="E46" s="137"/>
      <c r="F46" s="137"/>
      <c r="G46" s="137"/>
      <c r="H46" s="137"/>
      <c r="I46" s="137"/>
      <c r="J46" s="137"/>
      <c r="K46" s="137"/>
      <c r="L46" s="137"/>
    </row>
    <row r="47" spans="2:43" x14ac:dyDescent="0.2">
      <c r="C47" s="137"/>
      <c r="D47" s="137"/>
      <c r="E47" s="137"/>
      <c r="F47" s="137"/>
      <c r="G47" s="137"/>
      <c r="H47" s="137"/>
      <c r="I47" s="137"/>
      <c r="J47" s="137"/>
      <c r="K47" s="137"/>
      <c r="L47" s="137"/>
    </row>
    <row r="48" spans="2:43" x14ac:dyDescent="0.2">
      <c r="C48" s="137"/>
      <c r="D48" s="137"/>
      <c r="E48" s="137"/>
      <c r="F48" s="137"/>
      <c r="G48" s="137"/>
      <c r="H48" s="137"/>
      <c r="I48" s="137"/>
      <c r="J48" s="137"/>
      <c r="K48" s="137"/>
      <c r="L48" s="137"/>
    </row>
    <row r="49" spans="3:12" x14ac:dyDescent="0.2">
      <c r="C49" s="137"/>
      <c r="D49" s="137"/>
      <c r="E49" s="137"/>
      <c r="F49" s="137"/>
      <c r="G49" s="137"/>
      <c r="H49" s="137"/>
      <c r="I49" s="137"/>
      <c r="J49" s="137"/>
      <c r="K49" s="137"/>
      <c r="L49" s="137"/>
    </row>
    <row r="50" spans="3:12" x14ac:dyDescent="0.2">
      <c r="C50" s="137"/>
      <c r="D50" s="137"/>
      <c r="E50" s="137"/>
      <c r="F50" s="137"/>
      <c r="G50" s="137"/>
      <c r="H50" s="137"/>
      <c r="I50" s="137"/>
      <c r="J50" s="137"/>
      <c r="K50" s="137"/>
      <c r="L50" s="137"/>
    </row>
    <row r="51" spans="3:12" x14ac:dyDescent="0.2">
      <c r="C51" s="137"/>
      <c r="D51" s="137"/>
      <c r="E51" s="137"/>
      <c r="F51" s="137"/>
      <c r="G51" s="137"/>
      <c r="H51" s="137"/>
      <c r="I51" s="137"/>
      <c r="J51" s="137"/>
      <c r="K51" s="137"/>
      <c r="L51" s="137"/>
    </row>
    <row r="52" spans="3:12" x14ac:dyDescent="0.2">
      <c r="C52" s="137"/>
      <c r="D52" s="137"/>
      <c r="E52" s="137"/>
      <c r="F52" s="137"/>
      <c r="G52" s="137"/>
      <c r="H52" s="137"/>
      <c r="I52" s="137"/>
      <c r="J52" s="137"/>
      <c r="K52" s="137"/>
      <c r="L52" s="137"/>
    </row>
    <row r="53" spans="3:12" x14ac:dyDescent="0.2">
      <c r="C53" s="137"/>
      <c r="D53" s="137"/>
      <c r="E53" s="137"/>
      <c r="F53" s="137"/>
      <c r="G53" s="137"/>
      <c r="H53" s="137"/>
      <c r="I53" s="137"/>
      <c r="J53" s="137"/>
      <c r="K53" s="137"/>
      <c r="L53" s="137"/>
    </row>
    <row r="54" spans="3:12" x14ac:dyDescent="0.2">
      <c r="C54" s="137"/>
      <c r="D54" s="137"/>
      <c r="E54" s="137"/>
      <c r="F54" s="137"/>
      <c r="G54" s="137"/>
      <c r="H54" s="137"/>
      <c r="I54" s="137"/>
      <c r="J54" s="137"/>
      <c r="K54" s="137"/>
      <c r="L54" s="137"/>
    </row>
    <row r="55" spans="3:12" x14ac:dyDescent="0.2">
      <c r="C55" s="137"/>
      <c r="D55" s="137"/>
      <c r="E55" s="137"/>
      <c r="F55" s="137"/>
      <c r="G55" s="137"/>
      <c r="H55" s="137"/>
      <c r="I55" s="137"/>
      <c r="J55" s="137"/>
      <c r="K55" s="137"/>
      <c r="L55" s="137"/>
    </row>
    <row r="56" spans="3:12" x14ac:dyDescent="0.2">
      <c r="C56" s="137"/>
      <c r="D56" s="137"/>
      <c r="E56" s="137"/>
      <c r="F56" s="137"/>
      <c r="G56" s="137"/>
      <c r="H56" s="137"/>
      <c r="I56" s="137"/>
      <c r="J56" s="137"/>
      <c r="K56" s="137"/>
      <c r="L56" s="137"/>
    </row>
    <row r="57" spans="3:12" x14ac:dyDescent="0.2">
      <c r="C57" s="137"/>
      <c r="D57" s="137"/>
      <c r="E57" s="137"/>
      <c r="F57" s="137"/>
      <c r="G57" s="137"/>
      <c r="H57" s="137"/>
      <c r="I57" s="137"/>
      <c r="J57" s="137"/>
      <c r="K57" s="137"/>
      <c r="L57" s="137"/>
    </row>
    <row r="58" spans="3:12" x14ac:dyDescent="0.2">
      <c r="C58" s="137"/>
      <c r="D58" s="137"/>
      <c r="E58" s="137"/>
      <c r="F58" s="137"/>
      <c r="G58" s="137"/>
      <c r="H58" s="137"/>
      <c r="I58" s="137"/>
      <c r="J58" s="137"/>
      <c r="K58" s="137"/>
      <c r="L58" s="137"/>
    </row>
    <row r="59" spans="3:12" x14ac:dyDescent="0.2">
      <c r="C59" s="137"/>
      <c r="D59" s="137"/>
      <c r="E59" s="137"/>
      <c r="F59" s="137"/>
      <c r="G59" s="137"/>
      <c r="H59" s="137"/>
      <c r="I59" s="137"/>
      <c r="J59" s="137"/>
      <c r="K59" s="137"/>
      <c r="L59" s="137"/>
    </row>
    <row r="60" spans="3:12" x14ac:dyDescent="0.2">
      <c r="C60" s="137"/>
      <c r="D60" s="137"/>
      <c r="E60" s="137"/>
      <c r="F60" s="137"/>
      <c r="G60" s="137"/>
      <c r="H60" s="137"/>
      <c r="I60" s="137"/>
      <c r="J60" s="137"/>
      <c r="K60" s="137"/>
      <c r="L60" s="137"/>
    </row>
    <row r="61" spans="3:12" x14ac:dyDescent="0.2">
      <c r="C61" s="137"/>
      <c r="D61" s="137"/>
      <c r="E61" s="137"/>
      <c r="F61" s="137"/>
      <c r="G61" s="137"/>
      <c r="H61" s="137"/>
      <c r="I61" s="137"/>
      <c r="J61" s="137"/>
      <c r="K61" s="137"/>
      <c r="L61" s="137"/>
    </row>
    <row r="62" spans="3:12" x14ac:dyDescent="0.2">
      <c r="C62" s="137"/>
      <c r="D62" s="137"/>
      <c r="E62" s="137"/>
      <c r="F62" s="137"/>
      <c r="G62" s="137"/>
      <c r="H62" s="137"/>
      <c r="I62" s="137"/>
      <c r="J62" s="137"/>
      <c r="K62" s="137"/>
      <c r="L62" s="137"/>
    </row>
    <row r="63" spans="3:12" x14ac:dyDescent="0.2">
      <c r="C63" s="137"/>
      <c r="D63" s="137"/>
      <c r="E63" s="137"/>
      <c r="F63" s="137"/>
      <c r="G63" s="137"/>
      <c r="H63" s="137"/>
      <c r="I63" s="137"/>
      <c r="J63" s="137"/>
      <c r="K63" s="137"/>
      <c r="L63" s="137"/>
    </row>
    <row r="64" spans="3:12" x14ac:dyDescent="0.2">
      <c r="C64" s="137"/>
      <c r="D64" s="137"/>
      <c r="E64" s="137"/>
      <c r="F64" s="137"/>
      <c r="G64" s="137"/>
      <c r="H64" s="137"/>
      <c r="I64" s="137"/>
      <c r="J64" s="137"/>
      <c r="K64" s="137"/>
      <c r="L64" s="137"/>
    </row>
    <row r="65" spans="3:12" x14ac:dyDescent="0.2">
      <c r="C65" s="137"/>
      <c r="D65" s="137"/>
      <c r="E65" s="137"/>
      <c r="F65" s="137"/>
      <c r="G65" s="137"/>
      <c r="H65" s="137"/>
      <c r="I65" s="137"/>
      <c r="J65" s="137"/>
      <c r="K65" s="137"/>
      <c r="L65" s="137"/>
    </row>
    <row r="66" spans="3:12" x14ac:dyDescent="0.2">
      <c r="C66" s="137"/>
      <c r="D66" s="137"/>
      <c r="E66" s="137"/>
      <c r="F66" s="137"/>
      <c r="G66" s="137"/>
      <c r="H66" s="137"/>
      <c r="I66" s="137"/>
      <c r="J66" s="137"/>
      <c r="K66" s="137"/>
      <c r="L66" s="137"/>
    </row>
    <row r="67" spans="3:12" x14ac:dyDescent="0.2">
      <c r="C67" s="137"/>
      <c r="D67" s="137"/>
      <c r="E67" s="137"/>
      <c r="F67" s="137"/>
      <c r="G67" s="137"/>
      <c r="H67" s="137"/>
      <c r="I67" s="137"/>
      <c r="J67" s="137"/>
      <c r="K67" s="137"/>
      <c r="L67" s="137"/>
    </row>
    <row r="68" spans="3:12" x14ac:dyDescent="0.2">
      <c r="C68" s="137"/>
      <c r="D68" s="137"/>
      <c r="E68" s="137"/>
      <c r="F68" s="137"/>
      <c r="G68" s="137"/>
      <c r="H68" s="137"/>
      <c r="I68" s="137"/>
      <c r="J68" s="137"/>
      <c r="K68" s="137"/>
      <c r="L68" s="137"/>
    </row>
    <row r="69" spans="3:12" x14ac:dyDescent="0.2">
      <c r="C69" s="137"/>
      <c r="D69" s="137"/>
      <c r="E69" s="137"/>
      <c r="F69" s="137"/>
      <c r="G69" s="137"/>
      <c r="H69" s="137"/>
      <c r="I69" s="137"/>
      <c r="J69" s="137"/>
      <c r="K69" s="137"/>
      <c r="L69" s="137"/>
    </row>
    <row r="70" spans="3:12" x14ac:dyDescent="0.2">
      <c r="C70" s="137"/>
      <c r="D70" s="137"/>
      <c r="E70" s="137"/>
      <c r="F70" s="137"/>
      <c r="G70" s="137"/>
      <c r="H70" s="137"/>
      <c r="I70" s="137"/>
      <c r="J70" s="137"/>
      <c r="K70" s="137"/>
      <c r="L70" s="137"/>
    </row>
    <row r="71" spans="3:12" x14ac:dyDescent="0.2">
      <c r="C71" s="137"/>
      <c r="D71" s="137"/>
      <c r="E71" s="137"/>
      <c r="F71" s="137"/>
      <c r="G71" s="137"/>
      <c r="H71" s="137"/>
      <c r="I71" s="137"/>
      <c r="J71" s="137"/>
      <c r="K71" s="137"/>
      <c r="L71" s="137"/>
    </row>
    <row r="72" spans="3:12" x14ac:dyDescent="0.2">
      <c r="C72" s="137"/>
      <c r="D72" s="137"/>
      <c r="E72" s="137"/>
      <c r="F72" s="137"/>
      <c r="G72" s="137"/>
      <c r="H72" s="137"/>
      <c r="I72" s="137"/>
      <c r="J72" s="137"/>
      <c r="K72" s="137"/>
      <c r="L72" s="137"/>
    </row>
    <row r="73" spans="3:12" x14ac:dyDescent="0.2">
      <c r="C73" s="137"/>
      <c r="D73" s="137"/>
      <c r="E73" s="137"/>
      <c r="F73" s="137"/>
      <c r="G73" s="137"/>
      <c r="H73" s="137"/>
      <c r="I73" s="137"/>
      <c r="J73" s="137"/>
      <c r="K73" s="137"/>
      <c r="L73" s="137"/>
    </row>
    <row r="74" spans="3:12" x14ac:dyDescent="0.2">
      <c r="C74" s="137"/>
      <c r="D74" s="137"/>
      <c r="E74" s="137"/>
      <c r="F74" s="137"/>
      <c r="G74" s="137"/>
      <c r="H74" s="137"/>
      <c r="I74" s="137"/>
      <c r="J74" s="137"/>
      <c r="K74" s="137"/>
      <c r="L74" s="137"/>
    </row>
    <row r="75" spans="3:12" x14ac:dyDescent="0.2">
      <c r="C75" s="137"/>
      <c r="D75" s="137"/>
      <c r="E75" s="137"/>
      <c r="F75" s="137"/>
      <c r="G75" s="137"/>
      <c r="H75" s="137"/>
      <c r="I75" s="137"/>
      <c r="J75" s="137"/>
      <c r="K75" s="137"/>
      <c r="L75" s="137"/>
    </row>
    <row r="76" spans="3:12" x14ac:dyDescent="0.2">
      <c r="C76" s="137"/>
      <c r="D76" s="137"/>
      <c r="E76" s="137"/>
      <c r="F76" s="137"/>
      <c r="G76" s="137"/>
      <c r="H76" s="137"/>
      <c r="I76" s="137"/>
      <c r="J76" s="137"/>
      <c r="K76" s="137"/>
      <c r="L76" s="137"/>
    </row>
    <row r="77" spans="3:12" x14ac:dyDescent="0.2">
      <c r="C77" s="137"/>
      <c r="D77" s="137"/>
      <c r="E77" s="137"/>
      <c r="F77" s="137"/>
      <c r="G77" s="137"/>
      <c r="H77" s="137"/>
      <c r="I77" s="137"/>
      <c r="J77" s="137"/>
      <c r="K77" s="137"/>
      <c r="L77" s="137"/>
    </row>
    <row r="78" spans="3:12" x14ac:dyDescent="0.2">
      <c r="C78" s="137"/>
      <c r="D78" s="137"/>
      <c r="E78" s="137"/>
      <c r="F78" s="137"/>
      <c r="G78" s="137"/>
      <c r="H78" s="137"/>
      <c r="I78" s="137"/>
      <c r="J78" s="137"/>
      <c r="K78" s="137"/>
      <c r="L78" s="137"/>
    </row>
    <row r="79" spans="3:12" x14ac:dyDescent="0.2">
      <c r="C79" s="137"/>
      <c r="D79" s="137"/>
      <c r="E79" s="137"/>
      <c r="F79" s="137"/>
      <c r="G79" s="137"/>
      <c r="H79" s="137"/>
      <c r="I79" s="137"/>
      <c r="J79" s="137"/>
      <c r="K79" s="137"/>
      <c r="L79" s="137"/>
    </row>
    <row r="80" spans="3:12" x14ac:dyDescent="0.2">
      <c r="C80" s="137"/>
      <c r="D80" s="137"/>
      <c r="E80" s="137"/>
      <c r="F80" s="137"/>
      <c r="G80" s="137"/>
      <c r="H80" s="137"/>
      <c r="I80" s="137"/>
      <c r="J80" s="137"/>
      <c r="K80" s="137"/>
      <c r="L80" s="137"/>
    </row>
    <row r="81" spans="3:12" x14ac:dyDescent="0.2">
      <c r="C81" s="137"/>
      <c r="D81" s="137"/>
      <c r="E81" s="137"/>
      <c r="F81" s="137"/>
      <c r="G81" s="137"/>
      <c r="H81" s="137"/>
      <c r="I81" s="137"/>
      <c r="J81" s="137"/>
      <c r="K81" s="137"/>
      <c r="L81" s="137"/>
    </row>
    <row r="82" spans="3:12" x14ac:dyDescent="0.2">
      <c r="C82" s="137"/>
      <c r="D82" s="137"/>
      <c r="E82" s="137"/>
      <c r="F82" s="137"/>
      <c r="G82" s="137"/>
      <c r="H82" s="137"/>
      <c r="I82" s="137"/>
      <c r="J82" s="137"/>
      <c r="K82" s="137"/>
      <c r="L82" s="137"/>
    </row>
    <row r="83" spans="3:12" x14ac:dyDescent="0.2">
      <c r="C83" s="137"/>
      <c r="D83" s="137"/>
      <c r="E83" s="137"/>
      <c r="F83" s="137"/>
      <c r="G83" s="137"/>
      <c r="H83" s="137"/>
      <c r="I83" s="137"/>
      <c r="J83" s="137"/>
      <c r="K83" s="137"/>
      <c r="L83" s="137"/>
    </row>
    <row r="84" spans="3:12" x14ac:dyDescent="0.2">
      <c r="C84" s="137"/>
      <c r="D84" s="137"/>
      <c r="E84" s="137"/>
      <c r="F84" s="137"/>
      <c r="G84" s="137"/>
      <c r="H84" s="137"/>
      <c r="I84" s="137"/>
      <c r="J84" s="137"/>
      <c r="K84" s="137"/>
      <c r="L84" s="137"/>
    </row>
    <row r="85" spans="3:12" x14ac:dyDescent="0.2">
      <c r="C85" s="137"/>
      <c r="D85" s="137"/>
      <c r="E85" s="137"/>
      <c r="F85" s="137"/>
      <c r="G85" s="137"/>
      <c r="H85" s="137"/>
      <c r="I85" s="137"/>
      <c r="J85" s="137"/>
      <c r="K85" s="137"/>
      <c r="L85" s="137"/>
    </row>
    <row r="86" spans="3:12" x14ac:dyDescent="0.2">
      <c r="C86" s="137"/>
      <c r="D86" s="137"/>
      <c r="E86" s="137"/>
      <c r="F86" s="137"/>
      <c r="G86" s="137"/>
      <c r="H86" s="137"/>
      <c r="I86" s="137"/>
      <c r="J86" s="137"/>
      <c r="K86" s="137"/>
      <c r="L86" s="137"/>
    </row>
    <row r="87" spans="3:12" x14ac:dyDescent="0.2">
      <c r="C87" s="137"/>
      <c r="D87" s="137"/>
      <c r="E87" s="137"/>
      <c r="F87" s="137"/>
      <c r="G87" s="137"/>
      <c r="H87" s="137"/>
      <c r="I87" s="137"/>
      <c r="J87" s="137"/>
      <c r="K87" s="137"/>
      <c r="L87" s="137"/>
    </row>
    <row r="88" spans="3:12" x14ac:dyDescent="0.2">
      <c r="C88" s="137"/>
      <c r="D88" s="137"/>
      <c r="E88" s="137"/>
      <c r="F88" s="137"/>
      <c r="G88" s="137"/>
      <c r="H88" s="137"/>
      <c r="I88" s="137"/>
      <c r="J88" s="137"/>
      <c r="K88" s="137"/>
      <c r="L88" s="137"/>
    </row>
    <row r="89" spans="3:12" x14ac:dyDescent="0.2">
      <c r="C89" s="137"/>
      <c r="D89" s="137"/>
      <c r="E89" s="137"/>
      <c r="F89" s="137"/>
      <c r="G89" s="137"/>
      <c r="H89" s="137"/>
      <c r="I89" s="137"/>
      <c r="J89" s="137"/>
      <c r="K89" s="137"/>
      <c r="L89" s="137"/>
    </row>
    <row r="90" spans="3:12" x14ac:dyDescent="0.2">
      <c r="C90" s="137"/>
      <c r="D90" s="137"/>
      <c r="E90" s="137"/>
      <c r="F90" s="137"/>
      <c r="G90" s="137"/>
      <c r="H90" s="137"/>
      <c r="I90" s="137"/>
      <c r="J90" s="137"/>
      <c r="K90" s="137"/>
      <c r="L90" s="137"/>
    </row>
    <row r="91" spans="3:12" x14ac:dyDescent="0.2">
      <c r="C91" s="137"/>
      <c r="D91" s="137"/>
      <c r="E91" s="137"/>
      <c r="F91" s="137"/>
      <c r="G91" s="137"/>
      <c r="H91" s="137"/>
      <c r="I91" s="137"/>
      <c r="J91" s="137"/>
      <c r="K91" s="137"/>
      <c r="L91" s="137"/>
    </row>
    <row r="92" spans="3:12" x14ac:dyDescent="0.2">
      <c r="C92" s="137"/>
      <c r="D92" s="137"/>
      <c r="E92" s="137"/>
      <c r="F92" s="137"/>
      <c r="G92" s="137"/>
      <c r="H92" s="137"/>
      <c r="I92" s="137"/>
      <c r="J92" s="137"/>
      <c r="K92" s="137"/>
      <c r="L92" s="137"/>
    </row>
    <row r="93" spans="3:12" x14ac:dyDescent="0.2">
      <c r="C93" s="137"/>
      <c r="D93" s="137"/>
      <c r="E93" s="137"/>
      <c r="F93" s="137"/>
      <c r="G93" s="137"/>
      <c r="H93" s="137"/>
      <c r="I93" s="137"/>
      <c r="J93" s="137"/>
      <c r="K93" s="137"/>
      <c r="L93" s="137"/>
    </row>
    <row r="94" spans="3:12" x14ac:dyDescent="0.2">
      <c r="C94" s="137"/>
      <c r="D94" s="137"/>
      <c r="E94" s="137"/>
      <c r="F94" s="137"/>
      <c r="G94" s="137"/>
      <c r="H94" s="137"/>
      <c r="I94" s="137"/>
      <c r="J94" s="137"/>
      <c r="K94" s="137"/>
      <c r="L94" s="137"/>
    </row>
    <row r="95" spans="3:12" x14ac:dyDescent="0.2">
      <c r="C95" s="137"/>
      <c r="D95" s="137"/>
      <c r="E95" s="137"/>
      <c r="F95" s="137"/>
      <c r="G95" s="137"/>
      <c r="H95" s="137"/>
      <c r="I95" s="137"/>
      <c r="J95" s="137"/>
      <c r="K95" s="137"/>
      <c r="L95" s="137"/>
    </row>
    <row r="96" spans="3:12" x14ac:dyDescent="0.2">
      <c r="C96" s="137"/>
      <c r="D96" s="137"/>
      <c r="E96" s="137"/>
      <c r="F96" s="137"/>
      <c r="G96" s="137"/>
      <c r="H96" s="137"/>
      <c r="I96" s="137"/>
      <c r="J96" s="137"/>
      <c r="K96" s="137"/>
      <c r="L96" s="137"/>
    </row>
    <row r="97" spans="3:12" x14ac:dyDescent="0.2">
      <c r="C97" s="137"/>
      <c r="D97" s="137"/>
      <c r="E97" s="137"/>
      <c r="F97" s="137"/>
      <c r="G97" s="137"/>
      <c r="H97" s="137"/>
      <c r="I97" s="137"/>
      <c r="J97" s="137"/>
      <c r="K97" s="137"/>
      <c r="L97" s="137"/>
    </row>
    <row r="98" spans="3:12" x14ac:dyDescent="0.2">
      <c r="C98" s="137"/>
      <c r="D98" s="137"/>
      <c r="E98" s="137"/>
      <c r="F98" s="137"/>
      <c r="G98" s="137"/>
      <c r="H98" s="137"/>
      <c r="I98" s="137"/>
      <c r="J98" s="137"/>
      <c r="K98" s="137"/>
      <c r="L98" s="137"/>
    </row>
    <row r="99" spans="3:12" x14ac:dyDescent="0.2">
      <c r="C99" s="137"/>
      <c r="D99" s="137"/>
      <c r="E99" s="137"/>
      <c r="F99" s="137"/>
      <c r="G99" s="137"/>
      <c r="H99" s="137"/>
      <c r="I99" s="137"/>
      <c r="J99" s="137"/>
      <c r="K99" s="137"/>
      <c r="L99" s="137"/>
    </row>
    <row r="100" spans="3:12" x14ac:dyDescent="0.2">
      <c r="C100" s="137"/>
      <c r="D100" s="137"/>
      <c r="E100" s="137"/>
      <c r="F100" s="137"/>
      <c r="G100" s="137"/>
      <c r="H100" s="137"/>
      <c r="I100" s="137"/>
      <c r="J100" s="137"/>
      <c r="K100" s="137"/>
      <c r="L100" s="137"/>
    </row>
    <row r="101" spans="3:12" x14ac:dyDescent="0.2">
      <c r="C101" s="137"/>
      <c r="D101" s="137"/>
      <c r="E101" s="137"/>
      <c r="F101" s="137"/>
      <c r="G101" s="137"/>
      <c r="H101" s="137"/>
      <c r="I101" s="137"/>
      <c r="J101" s="137"/>
      <c r="K101" s="137"/>
      <c r="L101" s="137"/>
    </row>
    <row r="102" spans="3:12" x14ac:dyDescent="0.2">
      <c r="C102" s="137"/>
      <c r="D102" s="137"/>
      <c r="E102" s="137"/>
      <c r="F102" s="137"/>
      <c r="G102" s="137"/>
      <c r="H102" s="137"/>
      <c r="I102" s="137"/>
      <c r="J102" s="137"/>
      <c r="K102" s="137"/>
      <c r="L102" s="137"/>
    </row>
    <row r="103" spans="3:12" x14ac:dyDescent="0.2">
      <c r="C103" s="137"/>
      <c r="D103" s="137"/>
      <c r="E103" s="137"/>
      <c r="F103" s="137"/>
      <c r="G103" s="137"/>
      <c r="H103" s="137"/>
      <c r="I103" s="137"/>
      <c r="J103" s="137"/>
      <c r="K103" s="137"/>
      <c r="L103" s="137"/>
    </row>
    <row r="104" spans="3:12" x14ac:dyDescent="0.2">
      <c r="C104" s="137"/>
      <c r="D104" s="137"/>
      <c r="E104" s="137"/>
      <c r="F104" s="137"/>
      <c r="G104" s="137"/>
      <c r="H104" s="137"/>
      <c r="I104" s="137"/>
      <c r="J104" s="137"/>
      <c r="K104" s="137"/>
      <c r="L104" s="137"/>
    </row>
    <row r="105" spans="3:12" x14ac:dyDescent="0.2">
      <c r="C105" s="137"/>
      <c r="D105" s="137"/>
      <c r="E105" s="137"/>
      <c r="F105" s="137"/>
      <c r="G105" s="137"/>
      <c r="H105" s="137"/>
      <c r="I105" s="137"/>
      <c r="J105" s="137"/>
      <c r="K105" s="137"/>
      <c r="L105" s="137"/>
    </row>
    <row r="106" spans="3:12" x14ac:dyDescent="0.2">
      <c r="C106" s="137"/>
      <c r="D106" s="137"/>
      <c r="E106" s="137"/>
      <c r="F106" s="137"/>
      <c r="G106" s="137"/>
      <c r="H106" s="137"/>
      <c r="I106" s="137"/>
      <c r="J106" s="137"/>
      <c r="K106" s="137"/>
      <c r="L106" s="137"/>
    </row>
    <row r="107" spans="3:12" x14ac:dyDescent="0.2">
      <c r="C107" s="137"/>
      <c r="D107" s="137"/>
      <c r="E107" s="137"/>
      <c r="F107" s="137"/>
      <c r="G107" s="137"/>
      <c r="H107" s="137"/>
      <c r="I107" s="137"/>
      <c r="J107" s="137"/>
      <c r="K107" s="137"/>
      <c r="L107" s="137"/>
    </row>
    <row r="108" spans="3:12" x14ac:dyDescent="0.2">
      <c r="C108" s="137"/>
      <c r="D108" s="137"/>
      <c r="E108" s="137"/>
      <c r="F108" s="137"/>
      <c r="G108" s="137"/>
      <c r="H108" s="137"/>
      <c r="I108" s="137"/>
      <c r="J108" s="137"/>
      <c r="K108" s="137"/>
      <c r="L108" s="137"/>
    </row>
    <row r="109" spans="3:12" x14ac:dyDescent="0.2">
      <c r="C109" s="137"/>
      <c r="D109" s="137"/>
      <c r="E109" s="137"/>
      <c r="F109" s="137"/>
      <c r="G109" s="137"/>
      <c r="H109" s="137"/>
      <c r="I109" s="137"/>
      <c r="J109" s="137"/>
      <c r="K109" s="137"/>
      <c r="L109" s="137"/>
    </row>
    <row r="110" spans="3:12" x14ac:dyDescent="0.2">
      <c r="C110" s="137"/>
      <c r="D110" s="137"/>
      <c r="E110" s="137"/>
      <c r="F110" s="137"/>
      <c r="G110" s="137"/>
      <c r="H110" s="137"/>
      <c r="I110" s="137"/>
      <c r="J110" s="137"/>
      <c r="K110" s="137"/>
      <c r="L110" s="137"/>
    </row>
    <row r="111" spans="3:12" x14ac:dyDescent="0.2">
      <c r="C111" s="137"/>
      <c r="D111" s="137"/>
      <c r="E111" s="137"/>
      <c r="F111" s="137"/>
      <c r="G111" s="137"/>
      <c r="H111" s="137"/>
      <c r="I111" s="137"/>
      <c r="J111" s="137"/>
      <c r="K111" s="137"/>
      <c r="L111" s="137"/>
    </row>
    <row r="112" spans="3:12" x14ac:dyDescent="0.2">
      <c r="C112" s="137"/>
      <c r="D112" s="137"/>
      <c r="E112" s="137"/>
      <c r="F112" s="137"/>
      <c r="G112" s="137"/>
      <c r="H112" s="137"/>
      <c r="I112" s="137"/>
      <c r="J112" s="137"/>
      <c r="K112" s="137"/>
      <c r="L112" s="137"/>
    </row>
    <row r="113" spans="3:12" x14ac:dyDescent="0.2">
      <c r="C113" s="137"/>
      <c r="D113" s="137"/>
      <c r="E113" s="137"/>
      <c r="F113" s="137"/>
      <c r="G113" s="137"/>
      <c r="H113" s="137"/>
      <c r="I113" s="137"/>
      <c r="J113" s="137"/>
      <c r="K113" s="137"/>
      <c r="L113" s="137"/>
    </row>
    <row r="114" spans="3:12" x14ac:dyDescent="0.2">
      <c r="C114" s="137"/>
      <c r="D114" s="137"/>
      <c r="E114" s="137"/>
      <c r="F114" s="137"/>
      <c r="G114" s="137"/>
      <c r="H114" s="137"/>
      <c r="I114" s="137"/>
      <c r="J114" s="137"/>
      <c r="K114" s="137"/>
      <c r="L114" s="137"/>
    </row>
    <row r="115" spans="3:12" x14ac:dyDescent="0.2">
      <c r="C115" s="137"/>
      <c r="D115" s="137"/>
      <c r="E115" s="137"/>
      <c r="F115" s="137"/>
      <c r="G115" s="137"/>
      <c r="H115" s="137"/>
      <c r="I115" s="137"/>
      <c r="J115" s="137"/>
      <c r="K115" s="137"/>
      <c r="L115" s="137"/>
    </row>
    <row r="116" spans="3:12" x14ac:dyDescent="0.2">
      <c r="C116" s="137"/>
      <c r="D116" s="137"/>
      <c r="E116" s="137"/>
      <c r="F116" s="137"/>
      <c r="G116" s="137"/>
      <c r="H116" s="137"/>
      <c r="I116" s="137"/>
      <c r="J116" s="137"/>
      <c r="K116" s="137"/>
      <c r="L116" s="137"/>
    </row>
    <row r="117" spans="3:12" x14ac:dyDescent="0.2">
      <c r="C117" s="137"/>
      <c r="D117" s="137"/>
      <c r="E117" s="137"/>
      <c r="F117" s="137"/>
      <c r="G117" s="137"/>
      <c r="H117" s="137"/>
      <c r="I117" s="137"/>
      <c r="J117" s="137"/>
      <c r="K117" s="137"/>
      <c r="L117" s="137"/>
    </row>
    <row r="118" spans="3:12" x14ac:dyDescent="0.2">
      <c r="C118" s="137"/>
      <c r="D118" s="137"/>
      <c r="E118" s="137"/>
      <c r="F118" s="137"/>
      <c r="G118" s="137"/>
      <c r="H118" s="137"/>
      <c r="I118" s="137"/>
      <c r="J118" s="137"/>
      <c r="K118" s="137"/>
      <c r="L118" s="137"/>
    </row>
    <row r="119" spans="3:12" x14ac:dyDescent="0.2">
      <c r="C119" s="137"/>
      <c r="D119" s="137"/>
      <c r="E119" s="137"/>
      <c r="F119" s="137"/>
      <c r="G119" s="137"/>
      <c r="H119" s="137"/>
      <c r="I119" s="137"/>
      <c r="J119" s="137"/>
      <c r="K119" s="137"/>
      <c r="L119" s="137"/>
    </row>
    <row r="120" spans="3:12" x14ac:dyDescent="0.2">
      <c r="C120" s="137"/>
      <c r="D120" s="137"/>
      <c r="E120" s="137"/>
      <c r="F120" s="137"/>
      <c r="G120" s="137"/>
      <c r="H120" s="137"/>
      <c r="I120" s="137"/>
      <c r="J120" s="137"/>
      <c r="K120" s="137"/>
      <c r="L120" s="137"/>
    </row>
    <row r="121" spans="3:12" x14ac:dyDescent="0.2">
      <c r="C121" s="137"/>
      <c r="D121" s="137"/>
      <c r="E121" s="137"/>
      <c r="F121" s="137"/>
      <c r="G121" s="137"/>
      <c r="H121" s="137"/>
      <c r="I121" s="137"/>
      <c r="J121" s="137"/>
      <c r="K121" s="137"/>
      <c r="L121" s="137"/>
    </row>
    <row r="122" spans="3:12" x14ac:dyDescent="0.2">
      <c r="C122" s="137"/>
      <c r="D122" s="137"/>
      <c r="E122" s="137"/>
      <c r="F122" s="137"/>
      <c r="G122" s="137"/>
      <c r="H122" s="137"/>
      <c r="I122" s="137"/>
      <c r="J122" s="137"/>
      <c r="K122" s="137"/>
      <c r="L122" s="137"/>
    </row>
    <row r="123" spans="3:12" x14ac:dyDescent="0.2">
      <c r="C123" s="137"/>
      <c r="D123" s="137"/>
      <c r="E123" s="137"/>
      <c r="F123" s="137"/>
      <c r="G123" s="137"/>
      <c r="H123" s="137"/>
      <c r="I123" s="137"/>
      <c r="J123" s="137"/>
      <c r="K123" s="137"/>
      <c r="L123" s="137"/>
    </row>
    <row r="124" spans="3:12" x14ac:dyDescent="0.2">
      <c r="C124" s="137"/>
      <c r="D124" s="137"/>
      <c r="E124" s="137"/>
      <c r="F124" s="137"/>
      <c r="G124" s="137"/>
      <c r="H124" s="137"/>
      <c r="I124" s="137"/>
      <c r="J124" s="137"/>
      <c r="K124" s="137"/>
      <c r="L124" s="137"/>
    </row>
    <row r="125" spans="3:12" x14ac:dyDescent="0.2">
      <c r="C125" s="137"/>
      <c r="D125" s="137"/>
      <c r="E125" s="137"/>
      <c r="F125" s="137"/>
      <c r="G125" s="137"/>
      <c r="H125" s="137"/>
      <c r="I125" s="137"/>
      <c r="J125" s="137"/>
      <c r="K125" s="137"/>
      <c r="L125" s="137"/>
    </row>
    <row r="126" spans="3:12" x14ac:dyDescent="0.2">
      <c r="C126" s="137"/>
      <c r="D126" s="137"/>
      <c r="E126" s="137"/>
      <c r="F126" s="137"/>
      <c r="G126" s="137"/>
      <c r="H126" s="137"/>
      <c r="I126" s="137"/>
      <c r="J126" s="137"/>
      <c r="K126" s="137"/>
      <c r="L126" s="137"/>
    </row>
    <row r="127" spans="3:12" x14ac:dyDescent="0.2">
      <c r="C127" s="137"/>
      <c r="D127" s="137"/>
      <c r="E127" s="137"/>
      <c r="F127" s="137"/>
      <c r="G127" s="137"/>
      <c r="H127" s="137"/>
      <c r="I127" s="137"/>
      <c r="J127" s="137"/>
      <c r="K127" s="137"/>
      <c r="L127" s="137"/>
    </row>
    <row r="128" spans="3:12" x14ac:dyDescent="0.2">
      <c r="C128" s="137"/>
      <c r="D128" s="137"/>
      <c r="E128" s="137"/>
      <c r="F128" s="137"/>
      <c r="G128" s="137"/>
      <c r="H128" s="137"/>
      <c r="I128" s="137"/>
      <c r="J128" s="137"/>
      <c r="K128" s="137"/>
      <c r="L128" s="137"/>
    </row>
    <row r="129" spans="3:12" x14ac:dyDescent="0.2">
      <c r="C129" s="137"/>
      <c r="D129" s="137"/>
      <c r="E129" s="137"/>
      <c r="F129" s="137"/>
      <c r="G129" s="137"/>
      <c r="H129" s="137"/>
      <c r="I129" s="137"/>
      <c r="J129" s="137"/>
      <c r="K129" s="137"/>
      <c r="L129" s="137"/>
    </row>
    <row r="130" spans="3:12" x14ac:dyDescent="0.2">
      <c r="C130" s="137"/>
      <c r="D130" s="137"/>
      <c r="E130" s="137"/>
      <c r="F130" s="137"/>
      <c r="G130" s="137"/>
      <c r="H130" s="137"/>
      <c r="I130" s="137"/>
      <c r="J130" s="137"/>
      <c r="K130" s="137"/>
      <c r="L130" s="137"/>
    </row>
    <row r="131" spans="3:12" x14ac:dyDescent="0.2">
      <c r="C131" s="137"/>
      <c r="D131" s="137"/>
      <c r="E131" s="137"/>
      <c r="F131" s="137"/>
      <c r="G131" s="137"/>
      <c r="H131" s="137"/>
      <c r="I131" s="137"/>
      <c r="J131" s="137"/>
      <c r="K131" s="137"/>
      <c r="L131" s="137"/>
    </row>
    <row r="132" spans="3:12" x14ac:dyDescent="0.2">
      <c r="C132" s="137"/>
      <c r="D132" s="137"/>
      <c r="E132" s="137"/>
      <c r="F132" s="137"/>
      <c r="G132" s="137"/>
      <c r="H132" s="137"/>
      <c r="I132" s="137"/>
      <c r="J132" s="137"/>
      <c r="K132" s="137"/>
      <c r="L132" s="137"/>
    </row>
    <row r="133" spans="3:12" x14ac:dyDescent="0.2">
      <c r="C133" s="137"/>
      <c r="D133" s="137"/>
      <c r="E133" s="137"/>
      <c r="F133" s="137"/>
      <c r="G133" s="137"/>
      <c r="H133" s="137"/>
      <c r="I133" s="137"/>
      <c r="J133" s="137"/>
      <c r="K133" s="137"/>
      <c r="L133" s="137"/>
    </row>
    <row r="134" spans="3:12" x14ac:dyDescent="0.2">
      <c r="C134" s="137"/>
      <c r="D134" s="137"/>
      <c r="E134" s="137"/>
      <c r="F134" s="137"/>
      <c r="G134" s="137"/>
      <c r="H134" s="137"/>
      <c r="I134" s="137"/>
      <c r="J134" s="137"/>
      <c r="K134" s="137"/>
      <c r="L134" s="137"/>
    </row>
    <row r="135" spans="3:12" x14ac:dyDescent="0.2">
      <c r="C135" s="137"/>
      <c r="D135" s="137"/>
      <c r="E135" s="137"/>
      <c r="F135" s="137"/>
      <c r="G135" s="137"/>
      <c r="H135" s="137"/>
      <c r="I135" s="137"/>
      <c r="J135" s="137"/>
      <c r="K135" s="137"/>
      <c r="L135" s="137"/>
    </row>
    <row r="136" spans="3:12" x14ac:dyDescent="0.2">
      <c r="C136" s="137"/>
      <c r="D136" s="137"/>
      <c r="E136" s="137"/>
      <c r="F136" s="137"/>
      <c r="G136" s="137"/>
      <c r="H136" s="137"/>
      <c r="I136" s="137"/>
      <c r="J136" s="137"/>
      <c r="K136" s="137"/>
      <c r="L136" s="137"/>
    </row>
    <row r="137" spans="3:12" x14ac:dyDescent="0.2">
      <c r="C137" s="137"/>
      <c r="D137" s="137"/>
      <c r="E137" s="137"/>
      <c r="F137" s="137"/>
      <c r="G137" s="137"/>
      <c r="H137" s="137"/>
      <c r="I137" s="137"/>
      <c r="J137" s="137"/>
      <c r="K137" s="137"/>
      <c r="L137" s="137"/>
    </row>
    <row r="138" spans="3:12" x14ac:dyDescent="0.2">
      <c r="C138" s="137"/>
      <c r="D138" s="137"/>
      <c r="E138" s="137"/>
      <c r="F138" s="137"/>
      <c r="G138" s="137"/>
      <c r="H138" s="137"/>
      <c r="I138" s="137"/>
      <c r="J138" s="137"/>
      <c r="K138" s="137"/>
      <c r="L138" s="137"/>
    </row>
    <row r="139" spans="3:12" x14ac:dyDescent="0.2">
      <c r="C139" s="137"/>
      <c r="D139" s="137"/>
      <c r="E139" s="137"/>
      <c r="F139" s="137"/>
      <c r="G139" s="137"/>
      <c r="H139" s="137"/>
      <c r="I139" s="137"/>
      <c r="J139" s="137"/>
      <c r="K139" s="137"/>
      <c r="L139" s="137"/>
    </row>
    <row r="140" spans="3:12" x14ac:dyDescent="0.2">
      <c r="C140" s="137"/>
      <c r="D140" s="137"/>
      <c r="E140" s="137"/>
      <c r="F140" s="137"/>
      <c r="G140" s="137"/>
      <c r="H140" s="137"/>
      <c r="I140" s="137"/>
      <c r="J140" s="137"/>
      <c r="K140" s="137"/>
      <c r="L140" s="137"/>
    </row>
    <row r="141" spans="3:12" x14ac:dyDescent="0.2">
      <c r="C141" s="137"/>
      <c r="D141" s="137"/>
      <c r="E141" s="137"/>
      <c r="F141" s="137"/>
      <c r="G141" s="137"/>
      <c r="H141" s="137"/>
      <c r="I141" s="137"/>
      <c r="J141" s="137"/>
      <c r="K141" s="137"/>
      <c r="L141" s="137"/>
    </row>
    <row r="142" spans="3:12" x14ac:dyDescent="0.2">
      <c r="C142" s="137"/>
      <c r="D142" s="137"/>
      <c r="E142" s="137"/>
      <c r="F142" s="137"/>
      <c r="G142" s="137"/>
      <c r="H142" s="137"/>
      <c r="I142" s="137"/>
      <c r="J142" s="137"/>
      <c r="K142" s="137"/>
      <c r="L142" s="137"/>
    </row>
    <row r="143" spans="3:12" x14ac:dyDescent="0.2">
      <c r="C143" s="137"/>
      <c r="D143" s="137"/>
      <c r="E143" s="137"/>
      <c r="F143" s="137"/>
      <c r="G143" s="137"/>
      <c r="H143" s="137"/>
      <c r="I143" s="137"/>
      <c r="J143" s="137"/>
      <c r="K143" s="137"/>
      <c r="L143" s="137"/>
    </row>
    <row r="144" spans="3:12" x14ac:dyDescent="0.2">
      <c r="C144" s="137"/>
      <c r="D144" s="137"/>
      <c r="E144" s="137"/>
      <c r="F144" s="137"/>
      <c r="G144" s="137"/>
      <c r="H144" s="137"/>
      <c r="I144" s="137"/>
      <c r="J144" s="137"/>
      <c r="K144" s="137"/>
      <c r="L144" s="137"/>
    </row>
    <row r="145" spans="3:12" x14ac:dyDescent="0.2">
      <c r="C145" s="137"/>
      <c r="D145" s="137"/>
      <c r="E145" s="137"/>
      <c r="F145" s="137"/>
      <c r="G145" s="137"/>
      <c r="H145" s="137"/>
      <c r="I145" s="137"/>
      <c r="J145" s="137"/>
      <c r="K145" s="137"/>
      <c r="L145" s="137"/>
    </row>
    <row r="146" spans="3:12" x14ac:dyDescent="0.2">
      <c r="C146" s="137"/>
      <c r="D146" s="137"/>
      <c r="E146" s="137"/>
      <c r="F146" s="137"/>
      <c r="G146" s="137"/>
      <c r="H146" s="137"/>
      <c r="I146" s="137"/>
      <c r="J146" s="137"/>
      <c r="K146" s="137"/>
      <c r="L146" s="137"/>
    </row>
    <row r="147" spans="3:12" x14ac:dyDescent="0.2">
      <c r="C147" s="137"/>
      <c r="D147" s="137"/>
      <c r="E147" s="137"/>
      <c r="F147" s="137"/>
      <c r="G147" s="137"/>
      <c r="H147" s="137"/>
      <c r="I147" s="137"/>
      <c r="J147" s="137"/>
      <c r="K147" s="137"/>
      <c r="L147" s="137"/>
    </row>
    <row r="148" spans="3:12" x14ac:dyDescent="0.2">
      <c r="C148" s="137"/>
      <c r="D148" s="137"/>
      <c r="E148" s="137"/>
      <c r="F148" s="137"/>
      <c r="G148" s="137"/>
      <c r="H148" s="137"/>
      <c r="I148" s="137"/>
      <c r="J148" s="137"/>
      <c r="K148" s="137"/>
      <c r="L148" s="137"/>
    </row>
    <row r="149" spans="3:12" x14ac:dyDescent="0.2">
      <c r="C149" s="137"/>
      <c r="D149" s="137"/>
      <c r="E149" s="137"/>
      <c r="F149" s="137"/>
      <c r="G149" s="137"/>
      <c r="H149" s="137"/>
      <c r="I149" s="137"/>
      <c r="J149" s="137"/>
      <c r="K149" s="137"/>
      <c r="L149" s="137"/>
    </row>
    <row r="150" spans="3:12" x14ac:dyDescent="0.2">
      <c r="C150" s="137"/>
      <c r="D150" s="137"/>
      <c r="E150" s="137"/>
      <c r="F150" s="137"/>
      <c r="G150" s="137"/>
      <c r="H150" s="137"/>
      <c r="I150" s="137"/>
      <c r="J150" s="137"/>
      <c r="K150" s="137"/>
      <c r="L150" s="137"/>
    </row>
    <row r="151" spans="3:12" x14ac:dyDescent="0.2">
      <c r="C151" s="137"/>
      <c r="D151" s="137"/>
      <c r="E151" s="137"/>
      <c r="F151" s="137"/>
      <c r="G151" s="137"/>
      <c r="H151" s="137"/>
      <c r="I151" s="137"/>
      <c r="J151" s="137"/>
      <c r="K151" s="137"/>
      <c r="L151" s="137"/>
    </row>
    <row r="152" spans="3:12" x14ac:dyDescent="0.2">
      <c r="C152" s="137"/>
      <c r="D152" s="137"/>
      <c r="E152" s="137"/>
      <c r="F152" s="137"/>
      <c r="G152" s="137"/>
      <c r="H152" s="137"/>
      <c r="I152" s="137"/>
      <c r="J152" s="137"/>
      <c r="K152" s="137"/>
      <c r="L152" s="137"/>
    </row>
    <row r="153" spans="3:12" x14ac:dyDescent="0.2">
      <c r="C153" s="137"/>
      <c r="D153" s="137"/>
      <c r="E153" s="137"/>
      <c r="F153" s="137"/>
      <c r="G153" s="137"/>
      <c r="H153" s="137"/>
      <c r="I153" s="137"/>
      <c r="J153" s="137"/>
      <c r="K153" s="137"/>
      <c r="L153" s="137"/>
    </row>
    <row r="154" spans="3:12" x14ac:dyDescent="0.2">
      <c r="C154" s="137"/>
      <c r="D154" s="137"/>
      <c r="E154" s="137"/>
      <c r="F154" s="137"/>
      <c r="G154" s="137"/>
      <c r="H154" s="137"/>
      <c r="I154" s="137"/>
      <c r="J154" s="137"/>
      <c r="K154" s="137"/>
      <c r="L154" s="137"/>
    </row>
    <row r="155" spans="3:12" x14ac:dyDescent="0.2">
      <c r="C155" s="137"/>
      <c r="D155" s="137"/>
      <c r="E155" s="137"/>
      <c r="F155" s="137"/>
      <c r="G155" s="137"/>
      <c r="H155" s="137"/>
      <c r="I155" s="137"/>
      <c r="J155" s="137"/>
      <c r="K155" s="137"/>
      <c r="L155" s="137"/>
    </row>
    <row r="156" spans="3:12" x14ac:dyDescent="0.2">
      <c r="C156" s="137"/>
      <c r="D156" s="137"/>
      <c r="E156" s="137"/>
      <c r="F156" s="137"/>
      <c r="G156" s="137"/>
      <c r="H156" s="137"/>
      <c r="I156" s="137"/>
      <c r="J156" s="137"/>
      <c r="K156" s="137"/>
      <c r="L156" s="137"/>
    </row>
    <row r="157" spans="3:12" x14ac:dyDescent="0.2">
      <c r="C157" s="137"/>
      <c r="D157" s="137"/>
      <c r="E157" s="137"/>
      <c r="F157" s="137"/>
      <c r="G157" s="137"/>
      <c r="H157" s="137"/>
      <c r="I157" s="137"/>
      <c r="J157" s="137"/>
      <c r="K157" s="137"/>
      <c r="L157" s="137"/>
    </row>
    <row r="158" spans="3:12" x14ac:dyDescent="0.2">
      <c r="C158" s="137"/>
      <c r="D158" s="137"/>
      <c r="E158" s="137"/>
      <c r="F158" s="137"/>
      <c r="G158" s="137"/>
      <c r="H158" s="137"/>
      <c r="I158" s="137"/>
      <c r="J158" s="137"/>
      <c r="K158" s="137"/>
      <c r="L158" s="137"/>
    </row>
    <row r="159" spans="3:12" x14ac:dyDescent="0.2">
      <c r="C159" s="137"/>
      <c r="D159" s="137"/>
      <c r="E159" s="137"/>
      <c r="F159" s="137"/>
      <c r="G159" s="137"/>
      <c r="H159" s="137"/>
      <c r="I159" s="137"/>
      <c r="J159" s="137"/>
      <c r="K159" s="137"/>
      <c r="L159" s="137"/>
    </row>
    <row r="160" spans="3:12" x14ac:dyDescent="0.2">
      <c r="C160" s="137"/>
      <c r="D160" s="137"/>
      <c r="E160" s="137"/>
      <c r="F160" s="137"/>
      <c r="G160" s="137"/>
      <c r="H160" s="137"/>
      <c r="I160" s="137"/>
      <c r="J160" s="137"/>
      <c r="K160" s="137"/>
      <c r="L160" s="137"/>
    </row>
    <row r="161" spans="3:12" x14ac:dyDescent="0.2">
      <c r="C161" s="137"/>
      <c r="D161" s="137"/>
      <c r="E161" s="137"/>
      <c r="F161" s="137"/>
      <c r="G161" s="137"/>
      <c r="H161" s="137"/>
      <c r="I161" s="137"/>
      <c r="J161" s="137"/>
      <c r="K161" s="137"/>
      <c r="L161" s="137"/>
    </row>
    <row r="162" spans="3:12" x14ac:dyDescent="0.2">
      <c r="C162" s="137"/>
      <c r="D162" s="137"/>
      <c r="E162" s="137"/>
      <c r="F162" s="137"/>
      <c r="G162" s="137"/>
      <c r="H162" s="137"/>
      <c r="I162" s="137"/>
      <c r="J162" s="137"/>
      <c r="K162" s="137"/>
      <c r="L162" s="137"/>
    </row>
    <row r="163" spans="3:12" x14ac:dyDescent="0.2">
      <c r="C163" s="137"/>
      <c r="D163" s="137"/>
      <c r="E163" s="137"/>
      <c r="F163" s="137"/>
      <c r="G163" s="137"/>
      <c r="H163" s="137"/>
      <c r="I163" s="137"/>
      <c r="J163" s="137"/>
      <c r="K163" s="137"/>
      <c r="L163" s="137"/>
    </row>
    <row r="164" spans="3:12" x14ac:dyDescent="0.2">
      <c r="C164" s="137"/>
      <c r="D164" s="137"/>
      <c r="E164" s="137"/>
      <c r="F164" s="137"/>
      <c r="G164" s="137"/>
      <c r="H164" s="137"/>
      <c r="I164" s="137"/>
      <c r="J164" s="137"/>
      <c r="K164" s="137"/>
      <c r="L164" s="137"/>
    </row>
    <row r="165" spans="3:12" x14ac:dyDescent="0.2">
      <c r="C165" s="137"/>
      <c r="D165" s="137"/>
      <c r="E165" s="137"/>
      <c r="F165" s="137"/>
      <c r="G165" s="137"/>
      <c r="H165" s="137"/>
      <c r="I165" s="137"/>
      <c r="J165" s="137"/>
      <c r="K165" s="137"/>
      <c r="L165" s="137"/>
    </row>
    <row r="166" spans="3:12" x14ac:dyDescent="0.2">
      <c r="C166" s="137"/>
      <c r="D166" s="137"/>
      <c r="E166" s="137"/>
      <c r="F166" s="137"/>
      <c r="G166" s="137"/>
      <c r="H166" s="137"/>
      <c r="I166" s="137"/>
      <c r="J166" s="137"/>
      <c r="K166" s="137"/>
      <c r="L166" s="137"/>
    </row>
    <row r="167" spans="3:12" x14ac:dyDescent="0.2">
      <c r="C167" s="137"/>
      <c r="D167" s="137"/>
      <c r="E167" s="137"/>
      <c r="F167" s="137"/>
      <c r="G167" s="137"/>
      <c r="H167" s="137"/>
      <c r="I167" s="137"/>
      <c r="J167" s="137"/>
      <c r="K167" s="137"/>
      <c r="L167" s="137"/>
    </row>
    <row r="168" spans="3:12" x14ac:dyDescent="0.2">
      <c r="C168" s="137"/>
      <c r="D168" s="137"/>
      <c r="E168" s="137"/>
      <c r="F168" s="137"/>
      <c r="G168" s="137"/>
      <c r="H168" s="137"/>
      <c r="I168" s="137"/>
      <c r="J168" s="137"/>
      <c r="K168" s="137"/>
      <c r="L168" s="137"/>
    </row>
    <row r="169" spans="3:12" x14ac:dyDescent="0.2">
      <c r="C169" s="137"/>
      <c r="D169" s="137"/>
      <c r="E169" s="137"/>
      <c r="F169" s="137"/>
      <c r="G169" s="137"/>
      <c r="H169" s="137"/>
      <c r="I169" s="137"/>
      <c r="J169" s="137"/>
      <c r="K169" s="137"/>
      <c r="L169" s="137"/>
    </row>
    <row r="170" spans="3:12" x14ac:dyDescent="0.2">
      <c r="C170" s="137"/>
      <c r="D170" s="137"/>
      <c r="E170" s="137"/>
      <c r="F170" s="137"/>
      <c r="G170" s="137"/>
      <c r="H170" s="137"/>
      <c r="I170" s="137"/>
      <c r="J170" s="137"/>
      <c r="K170" s="137"/>
      <c r="L170" s="137"/>
    </row>
    <row r="171" spans="3:12" x14ac:dyDescent="0.2">
      <c r="C171" s="137"/>
      <c r="D171" s="137"/>
      <c r="E171" s="137"/>
      <c r="F171" s="137"/>
      <c r="G171" s="137"/>
      <c r="H171" s="137"/>
      <c r="I171" s="137"/>
      <c r="J171" s="137"/>
      <c r="K171" s="137"/>
      <c r="L171" s="137"/>
    </row>
    <row r="172" spans="3:12" x14ac:dyDescent="0.2">
      <c r="C172" s="137"/>
      <c r="D172" s="137"/>
      <c r="E172" s="137"/>
      <c r="F172" s="137"/>
      <c r="G172" s="137"/>
      <c r="H172" s="137"/>
      <c r="I172" s="137"/>
      <c r="J172" s="137"/>
      <c r="K172" s="137"/>
      <c r="L172" s="137"/>
    </row>
    <row r="173" spans="3:12" x14ac:dyDescent="0.2">
      <c r="C173" s="137"/>
      <c r="D173" s="137"/>
      <c r="E173" s="137"/>
      <c r="F173" s="137"/>
      <c r="G173" s="137"/>
      <c r="H173" s="137"/>
      <c r="I173" s="137"/>
      <c r="J173" s="137"/>
      <c r="K173" s="137"/>
      <c r="L173" s="137"/>
    </row>
    <row r="174" spans="3:12" x14ac:dyDescent="0.2">
      <c r="C174" s="137"/>
      <c r="D174" s="137"/>
      <c r="E174" s="137"/>
      <c r="F174" s="137"/>
      <c r="G174" s="137"/>
      <c r="H174" s="137"/>
      <c r="I174" s="137"/>
      <c r="J174" s="137"/>
      <c r="K174" s="137"/>
      <c r="L174" s="137"/>
    </row>
    <row r="175" spans="3:12" x14ac:dyDescent="0.2">
      <c r="C175" s="137"/>
      <c r="D175" s="137"/>
      <c r="E175" s="137"/>
      <c r="F175" s="137"/>
      <c r="G175" s="137"/>
      <c r="H175" s="137"/>
      <c r="I175" s="137"/>
      <c r="J175" s="137"/>
      <c r="K175" s="137"/>
      <c r="L175" s="137"/>
    </row>
    <row r="176" spans="3:12" x14ac:dyDescent="0.2">
      <c r="C176" s="137"/>
      <c r="D176" s="137"/>
      <c r="E176" s="137"/>
      <c r="F176" s="137"/>
      <c r="G176" s="137"/>
      <c r="H176" s="137"/>
      <c r="I176" s="137"/>
      <c r="J176" s="137"/>
      <c r="K176" s="137"/>
      <c r="L176" s="137"/>
    </row>
    <row r="177" spans="3:12" x14ac:dyDescent="0.2">
      <c r="C177" s="137"/>
      <c r="D177" s="137"/>
      <c r="E177" s="137"/>
      <c r="F177" s="137"/>
      <c r="G177" s="137"/>
      <c r="H177" s="137"/>
      <c r="I177" s="137"/>
      <c r="J177" s="137"/>
      <c r="K177" s="137"/>
      <c r="L177" s="137"/>
    </row>
    <row r="178" spans="3:12" x14ac:dyDescent="0.2">
      <c r="C178" s="137"/>
      <c r="D178" s="137"/>
      <c r="E178" s="137"/>
      <c r="F178" s="137"/>
      <c r="G178" s="137"/>
      <c r="H178" s="137"/>
      <c r="I178" s="137"/>
      <c r="J178" s="137"/>
      <c r="K178" s="137"/>
      <c r="L178" s="137"/>
    </row>
    <row r="179" spans="3:12" x14ac:dyDescent="0.2">
      <c r="C179" s="137"/>
      <c r="D179" s="137"/>
      <c r="E179" s="137"/>
      <c r="F179" s="137"/>
      <c r="G179" s="137"/>
      <c r="H179" s="137"/>
      <c r="I179" s="137"/>
      <c r="J179" s="137"/>
      <c r="K179" s="137"/>
      <c r="L179" s="137"/>
    </row>
    <row r="180" spans="3:12" x14ac:dyDescent="0.2">
      <c r="C180" s="137"/>
      <c r="D180" s="137"/>
      <c r="E180" s="137"/>
      <c r="F180" s="137"/>
      <c r="G180" s="137"/>
      <c r="H180" s="137"/>
      <c r="I180" s="137"/>
      <c r="J180" s="137"/>
      <c r="K180" s="137"/>
      <c r="L180" s="137"/>
    </row>
    <row r="181" spans="3:12" x14ac:dyDescent="0.2">
      <c r="C181" s="137"/>
      <c r="D181" s="137"/>
      <c r="E181" s="137"/>
      <c r="F181" s="137"/>
      <c r="G181" s="137"/>
      <c r="H181" s="137"/>
      <c r="I181" s="137"/>
      <c r="J181" s="137"/>
      <c r="K181" s="137"/>
      <c r="L181" s="137"/>
    </row>
    <row r="182" spans="3:12" x14ac:dyDescent="0.2">
      <c r="C182" s="137"/>
      <c r="D182" s="137"/>
      <c r="E182" s="137"/>
      <c r="F182" s="137"/>
      <c r="G182" s="137"/>
      <c r="H182" s="137"/>
      <c r="I182" s="137"/>
      <c r="J182" s="137"/>
      <c r="K182" s="137"/>
      <c r="L182" s="137"/>
    </row>
    <row r="183" spans="3:12" x14ac:dyDescent="0.2">
      <c r="C183" s="137"/>
      <c r="D183" s="137"/>
      <c r="E183" s="137"/>
      <c r="F183" s="137"/>
      <c r="G183" s="137"/>
      <c r="H183" s="137"/>
      <c r="I183" s="137"/>
      <c r="J183" s="137"/>
      <c r="K183" s="137"/>
      <c r="L183" s="137"/>
    </row>
    <row r="184" spans="3:12" x14ac:dyDescent="0.2">
      <c r="C184" s="137"/>
      <c r="D184" s="137"/>
      <c r="E184" s="137"/>
      <c r="F184" s="137"/>
      <c r="G184" s="137"/>
      <c r="H184" s="137"/>
      <c r="I184" s="137"/>
      <c r="J184" s="137"/>
      <c r="K184" s="137"/>
      <c r="L184" s="137"/>
    </row>
    <row r="185" spans="3:12" x14ac:dyDescent="0.2">
      <c r="C185" s="137"/>
      <c r="D185" s="137"/>
      <c r="E185" s="137"/>
      <c r="F185" s="137"/>
      <c r="G185" s="137"/>
      <c r="H185" s="137"/>
      <c r="I185" s="137"/>
      <c r="J185" s="137"/>
      <c r="K185" s="137"/>
      <c r="L185" s="137"/>
    </row>
    <row r="186" spans="3:12" x14ac:dyDescent="0.2">
      <c r="C186" s="137"/>
      <c r="D186" s="137"/>
      <c r="E186" s="137"/>
      <c r="F186" s="137"/>
      <c r="G186" s="137"/>
      <c r="H186" s="137"/>
      <c r="I186" s="137"/>
      <c r="J186" s="137"/>
      <c r="K186" s="137"/>
      <c r="L186" s="137"/>
    </row>
    <row r="187" spans="3:12" x14ac:dyDescent="0.2">
      <c r="C187" s="137"/>
      <c r="D187" s="137"/>
      <c r="E187" s="137"/>
      <c r="F187" s="137"/>
      <c r="G187" s="137"/>
      <c r="H187" s="137"/>
      <c r="I187" s="137"/>
      <c r="J187" s="137"/>
      <c r="K187" s="137"/>
      <c r="L187" s="137"/>
    </row>
    <row r="188" spans="3:12" x14ac:dyDescent="0.2">
      <c r="C188" s="137"/>
      <c r="D188" s="137"/>
      <c r="E188" s="137"/>
      <c r="F188" s="137"/>
      <c r="G188" s="137"/>
      <c r="H188" s="137"/>
      <c r="I188" s="137"/>
      <c r="J188" s="137"/>
      <c r="K188" s="137"/>
      <c r="L188" s="137"/>
    </row>
    <row r="189" spans="3:12" x14ac:dyDescent="0.2">
      <c r="C189" s="137"/>
      <c r="D189" s="137"/>
      <c r="E189" s="137"/>
      <c r="F189" s="137"/>
      <c r="G189" s="137"/>
      <c r="H189" s="137"/>
      <c r="I189" s="137"/>
      <c r="J189" s="137"/>
      <c r="K189" s="137"/>
      <c r="L189" s="137"/>
    </row>
    <row r="190" spans="3:12" x14ac:dyDescent="0.2">
      <c r="C190" s="137"/>
      <c r="D190" s="137"/>
      <c r="E190" s="137"/>
      <c r="F190" s="137"/>
      <c r="G190" s="137"/>
      <c r="H190" s="137"/>
      <c r="I190" s="137"/>
      <c r="J190" s="137"/>
      <c r="K190" s="137"/>
      <c r="L190" s="137"/>
    </row>
    <row r="191" spans="3:12" x14ac:dyDescent="0.2">
      <c r="C191" s="137"/>
      <c r="D191" s="137"/>
      <c r="E191" s="137"/>
      <c r="F191" s="137"/>
      <c r="G191" s="137"/>
      <c r="H191" s="137"/>
      <c r="I191" s="137"/>
      <c r="J191" s="137"/>
      <c r="K191" s="137"/>
      <c r="L191" s="137"/>
    </row>
    <row r="192" spans="3:12" x14ac:dyDescent="0.2">
      <c r="C192" s="137"/>
      <c r="D192" s="137"/>
      <c r="E192" s="137"/>
      <c r="F192" s="137"/>
      <c r="G192" s="137"/>
      <c r="H192" s="137"/>
      <c r="I192" s="137"/>
      <c r="J192" s="137"/>
      <c r="K192" s="137"/>
      <c r="L192" s="137"/>
    </row>
    <row r="193" spans="3:12" x14ac:dyDescent="0.2">
      <c r="C193" s="137"/>
      <c r="D193" s="137"/>
      <c r="E193" s="137"/>
      <c r="F193" s="137"/>
      <c r="G193" s="137"/>
      <c r="H193" s="137"/>
      <c r="I193" s="137"/>
      <c r="J193" s="137"/>
      <c r="K193" s="137"/>
      <c r="L193" s="137"/>
    </row>
    <row r="194" spans="3:12" x14ac:dyDescent="0.2">
      <c r="C194" s="137"/>
      <c r="D194" s="137"/>
      <c r="E194" s="137"/>
      <c r="F194" s="137"/>
      <c r="G194" s="137"/>
      <c r="H194" s="137"/>
      <c r="I194" s="137"/>
      <c r="J194" s="137"/>
      <c r="K194" s="137"/>
      <c r="L194" s="137"/>
    </row>
    <row r="195" spans="3:12" x14ac:dyDescent="0.2">
      <c r="C195" s="137"/>
      <c r="D195" s="137"/>
      <c r="E195" s="137"/>
      <c r="F195" s="137"/>
      <c r="G195" s="137"/>
      <c r="H195" s="137"/>
      <c r="I195" s="137"/>
      <c r="J195" s="137"/>
      <c r="K195" s="137"/>
      <c r="L195" s="137"/>
    </row>
    <row r="196" spans="3:12" x14ac:dyDescent="0.2">
      <c r="C196" s="137"/>
      <c r="D196" s="137"/>
      <c r="E196" s="137"/>
      <c r="F196" s="137"/>
      <c r="G196" s="137"/>
      <c r="H196" s="137"/>
      <c r="I196" s="137"/>
      <c r="J196" s="137"/>
      <c r="K196" s="137"/>
      <c r="L196" s="137"/>
    </row>
    <row r="197" spans="3:12" x14ac:dyDescent="0.2">
      <c r="C197" s="137"/>
      <c r="D197" s="137"/>
      <c r="E197" s="137"/>
      <c r="F197" s="137"/>
      <c r="G197" s="137"/>
      <c r="H197" s="137"/>
      <c r="I197" s="137"/>
      <c r="J197" s="137"/>
      <c r="K197" s="137"/>
      <c r="L197" s="137"/>
    </row>
    <row r="198" spans="3:12" x14ac:dyDescent="0.2">
      <c r="C198" s="137"/>
      <c r="D198" s="137"/>
      <c r="E198" s="137"/>
      <c r="F198" s="137"/>
      <c r="G198" s="137"/>
      <c r="H198" s="137"/>
      <c r="I198" s="137"/>
      <c r="J198" s="137"/>
      <c r="K198" s="137"/>
      <c r="L198" s="137"/>
    </row>
    <row r="199" spans="3:12" x14ac:dyDescent="0.2">
      <c r="C199" s="137"/>
      <c r="D199" s="137"/>
      <c r="E199" s="137"/>
      <c r="F199" s="137"/>
      <c r="G199" s="137"/>
      <c r="H199" s="137"/>
      <c r="I199" s="137"/>
      <c r="J199" s="137"/>
      <c r="K199" s="137"/>
      <c r="L199" s="137"/>
    </row>
    <row r="200" spans="3:12" x14ac:dyDescent="0.2">
      <c r="C200" s="137"/>
      <c r="D200" s="137"/>
      <c r="E200" s="137"/>
      <c r="F200" s="137"/>
      <c r="G200" s="137"/>
      <c r="H200" s="137"/>
      <c r="I200" s="137"/>
      <c r="J200" s="137"/>
      <c r="K200" s="137"/>
      <c r="L200" s="137"/>
    </row>
    <row r="201" spans="3:12" x14ac:dyDescent="0.2">
      <c r="C201" s="137"/>
      <c r="D201" s="137"/>
      <c r="E201" s="137"/>
      <c r="F201" s="137"/>
      <c r="G201" s="137"/>
      <c r="H201" s="137"/>
      <c r="I201" s="137"/>
      <c r="J201" s="137"/>
      <c r="K201" s="137"/>
      <c r="L201" s="137"/>
    </row>
    <row r="202" spans="3:12" x14ac:dyDescent="0.2">
      <c r="C202" s="137"/>
      <c r="D202" s="137"/>
      <c r="E202" s="137"/>
      <c r="F202" s="137"/>
      <c r="G202" s="137"/>
      <c r="H202" s="137"/>
      <c r="I202" s="137"/>
      <c r="J202" s="137"/>
      <c r="K202" s="137"/>
      <c r="L202" s="137"/>
    </row>
    <row r="203" spans="3:12" x14ac:dyDescent="0.2">
      <c r="C203" s="137"/>
      <c r="D203" s="137"/>
      <c r="E203" s="137"/>
      <c r="F203" s="137"/>
      <c r="G203" s="137"/>
      <c r="H203" s="137"/>
      <c r="I203" s="137"/>
      <c r="J203" s="137"/>
      <c r="K203" s="137"/>
      <c r="L203" s="137"/>
    </row>
    <row r="204" spans="3:12" x14ac:dyDescent="0.2">
      <c r="C204" s="137"/>
      <c r="D204" s="137"/>
      <c r="E204" s="137"/>
      <c r="F204" s="137"/>
      <c r="G204" s="137"/>
      <c r="H204" s="137"/>
      <c r="I204" s="137"/>
      <c r="J204" s="137"/>
      <c r="K204" s="137"/>
      <c r="L204" s="137"/>
    </row>
    <row r="205" spans="3:12" x14ac:dyDescent="0.2">
      <c r="C205" s="137"/>
      <c r="D205" s="137"/>
      <c r="E205" s="137"/>
      <c r="F205" s="137"/>
      <c r="G205" s="137"/>
      <c r="H205" s="137"/>
      <c r="I205" s="137"/>
      <c r="J205" s="137"/>
      <c r="K205" s="137"/>
      <c r="L205" s="137"/>
    </row>
    <row r="206" spans="3:12" x14ac:dyDescent="0.2">
      <c r="C206" s="137"/>
      <c r="D206" s="137"/>
      <c r="E206" s="137"/>
      <c r="F206" s="137"/>
      <c r="G206" s="137"/>
      <c r="H206" s="137"/>
      <c r="I206" s="137"/>
      <c r="J206" s="137"/>
      <c r="K206" s="137"/>
      <c r="L206" s="137"/>
    </row>
    <row r="207" spans="3:12" x14ac:dyDescent="0.2">
      <c r="C207" s="137"/>
      <c r="D207" s="137"/>
      <c r="E207" s="137"/>
      <c r="F207" s="137"/>
      <c r="G207" s="137"/>
      <c r="H207" s="137"/>
      <c r="I207" s="137"/>
      <c r="J207" s="137"/>
      <c r="K207" s="137"/>
      <c r="L207" s="137"/>
    </row>
    <row r="208" spans="3:12" x14ac:dyDescent="0.2">
      <c r="C208" s="137"/>
      <c r="D208" s="137"/>
      <c r="E208" s="137"/>
      <c r="F208" s="137"/>
      <c r="G208" s="137"/>
      <c r="H208" s="137"/>
      <c r="I208" s="137"/>
      <c r="J208" s="137"/>
      <c r="K208" s="137"/>
      <c r="L208" s="137"/>
    </row>
    <row r="209" spans="3:12" x14ac:dyDescent="0.2">
      <c r="C209" s="137"/>
      <c r="D209" s="137"/>
      <c r="E209" s="137"/>
      <c r="F209" s="137"/>
      <c r="G209" s="137"/>
      <c r="H209" s="137"/>
      <c r="I209" s="137"/>
      <c r="J209" s="137"/>
      <c r="K209" s="137"/>
      <c r="L209" s="137"/>
    </row>
    <row r="210" spans="3:12" x14ac:dyDescent="0.2">
      <c r="C210" s="137"/>
      <c r="D210" s="137"/>
      <c r="E210" s="137"/>
      <c r="F210" s="137"/>
      <c r="G210" s="137"/>
      <c r="H210" s="137"/>
      <c r="I210" s="137"/>
      <c r="J210" s="137"/>
      <c r="K210" s="137"/>
      <c r="L210" s="137"/>
    </row>
    <row r="211" spans="3:12" x14ac:dyDescent="0.2">
      <c r="C211" s="137"/>
      <c r="D211" s="137"/>
      <c r="E211" s="137"/>
      <c r="F211" s="137"/>
      <c r="G211" s="137"/>
      <c r="H211" s="137"/>
      <c r="I211" s="137"/>
      <c r="J211" s="137"/>
      <c r="K211" s="137"/>
      <c r="L211" s="137"/>
    </row>
    <row r="212" spans="3:12" x14ac:dyDescent="0.2">
      <c r="C212" s="137"/>
      <c r="D212" s="137"/>
      <c r="E212" s="137"/>
      <c r="F212" s="137"/>
      <c r="G212" s="137"/>
      <c r="H212" s="137"/>
      <c r="I212" s="137"/>
      <c r="J212" s="137"/>
      <c r="K212" s="137"/>
      <c r="L212" s="137"/>
    </row>
    <row r="213" spans="3:12" x14ac:dyDescent="0.2">
      <c r="C213" s="137"/>
      <c r="D213" s="137"/>
      <c r="E213" s="137"/>
      <c r="F213" s="137"/>
      <c r="G213" s="137"/>
      <c r="H213" s="137"/>
      <c r="I213" s="137"/>
      <c r="J213" s="137"/>
      <c r="K213" s="137"/>
      <c r="L213" s="137"/>
    </row>
    <row r="214" spans="3:12" x14ac:dyDescent="0.2">
      <c r="C214" s="137"/>
      <c r="D214" s="137"/>
      <c r="E214" s="137"/>
      <c r="F214" s="137"/>
      <c r="G214" s="137"/>
      <c r="H214" s="137"/>
      <c r="I214" s="137"/>
      <c r="J214" s="137"/>
      <c r="K214" s="137"/>
      <c r="L214" s="137"/>
    </row>
    <row r="215" spans="3:12" x14ac:dyDescent="0.2">
      <c r="C215" s="137"/>
      <c r="D215" s="137"/>
      <c r="E215" s="137"/>
      <c r="F215" s="137"/>
      <c r="G215" s="137"/>
      <c r="H215" s="137"/>
      <c r="I215" s="137"/>
      <c r="J215" s="137"/>
      <c r="K215" s="137"/>
      <c r="L215" s="137"/>
    </row>
    <row r="216" spans="3:12" x14ac:dyDescent="0.2">
      <c r="C216" s="137"/>
      <c r="D216" s="137"/>
      <c r="E216" s="137"/>
      <c r="F216" s="137"/>
      <c r="G216" s="137"/>
      <c r="H216" s="137"/>
      <c r="I216" s="137"/>
      <c r="J216" s="137"/>
      <c r="K216" s="137"/>
      <c r="L216" s="137"/>
    </row>
    <row r="217" spans="3:12" x14ac:dyDescent="0.2">
      <c r="C217" s="137"/>
      <c r="D217" s="137"/>
      <c r="E217" s="137"/>
      <c r="F217" s="137"/>
      <c r="G217" s="137"/>
      <c r="H217" s="137"/>
      <c r="I217" s="137"/>
      <c r="J217" s="137"/>
      <c r="K217" s="137"/>
      <c r="L217" s="137"/>
    </row>
    <row r="218" spans="3:12" x14ac:dyDescent="0.2">
      <c r="C218" s="137"/>
      <c r="D218" s="137"/>
      <c r="E218" s="137"/>
      <c r="F218" s="137"/>
      <c r="G218" s="137"/>
      <c r="H218" s="137"/>
      <c r="I218" s="137"/>
      <c r="J218" s="137"/>
      <c r="K218" s="137"/>
      <c r="L218" s="137"/>
    </row>
  </sheetData>
  <mergeCells count="18">
    <mergeCell ref="B3:B4"/>
    <mergeCell ref="C3:L3"/>
    <mergeCell ref="M3:V3"/>
    <mergeCell ref="C4:E4"/>
    <mergeCell ref="F4:K4"/>
    <mergeCell ref="L4:L5"/>
    <mergeCell ref="H1:I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138" customWidth="1"/>
    <col min="2" max="2" width="9.77734375" style="138" customWidth="1"/>
    <col min="3" max="3" width="8.88671875" style="138" customWidth="1"/>
    <col min="4" max="4" width="8.109375" style="138" customWidth="1"/>
    <col min="5" max="5" width="10.109375" style="138" bestFit="1" customWidth="1"/>
    <col min="6" max="6" width="9.6640625" style="138" bestFit="1" customWidth="1"/>
    <col min="7" max="7" width="9.109375" style="138" bestFit="1" customWidth="1"/>
    <col min="8" max="11" width="9" style="138"/>
    <col min="12" max="12" width="9.6640625" style="138" customWidth="1"/>
    <col min="13" max="22" width="8.77734375" style="138" customWidth="1"/>
    <col min="23" max="42" width="9.6640625" style="138" customWidth="1"/>
    <col min="43" max="16384" width="9" style="138"/>
  </cols>
  <sheetData>
    <row r="1" spans="2:43" ht="24" customHeight="1" x14ac:dyDescent="0.2">
      <c r="B1" s="10" t="s">
        <v>56</v>
      </c>
      <c r="F1" s="127">
        <f>第１表!F2</f>
        <v>6</v>
      </c>
      <c r="G1" s="41">
        <f>第１表!G2</f>
        <v>4</v>
      </c>
      <c r="H1" s="561">
        <f>IF(G1&lt;3,G1-2+12,G1-2)</f>
        <v>2</v>
      </c>
      <c r="I1" s="561"/>
    </row>
    <row r="2" spans="2:43" ht="24" customHeight="1" thickBot="1" x14ac:dyDescent="0.25">
      <c r="B2" s="10" t="s">
        <v>156</v>
      </c>
      <c r="F2" s="10" t="s">
        <v>137</v>
      </c>
    </row>
    <row r="3" spans="2:43" ht="21" customHeight="1" x14ac:dyDescent="0.2">
      <c r="B3" s="555"/>
      <c r="C3" s="552" t="s">
        <v>57</v>
      </c>
      <c r="D3" s="553"/>
      <c r="E3" s="553"/>
      <c r="F3" s="553"/>
      <c r="G3" s="553"/>
      <c r="H3" s="553"/>
      <c r="I3" s="553"/>
      <c r="J3" s="553"/>
      <c r="K3" s="553"/>
      <c r="L3" s="553"/>
      <c r="M3" s="552" t="s">
        <v>58</v>
      </c>
      <c r="N3" s="558"/>
      <c r="O3" s="558"/>
      <c r="P3" s="558"/>
      <c r="Q3" s="558"/>
      <c r="R3" s="558"/>
      <c r="S3" s="558"/>
      <c r="T3" s="558"/>
      <c r="U3" s="558"/>
      <c r="V3" s="558"/>
      <c r="W3" s="552" t="s">
        <v>59</v>
      </c>
      <c r="X3" s="553"/>
      <c r="Y3" s="553"/>
      <c r="Z3" s="553"/>
      <c r="AA3" s="553"/>
      <c r="AB3" s="553"/>
      <c r="AC3" s="553"/>
      <c r="AD3" s="553"/>
      <c r="AE3" s="553"/>
      <c r="AF3" s="553"/>
      <c r="AG3" s="552" t="s">
        <v>148</v>
      </c>
      <c r="AH3" s="553"/>
      <c r="AI3" s="553"/>
      <c r="AJ3" s="553"/>
      <c r="AK3" s="553"/>
      <c r="AL3" s="553"/>
      <c r="AM3" s="553"/>
      <c r="AN3" s="553"/>
      <c r="AO3" s="553"/>
      <c r="AP3" s="554"/>
    </row>
    <row r="4" spans="2:43" ht="21" customHeight="1" x14ac:dyDescent="0.2">
      <c r="B4" s="557"/>
      <c r="C4" s="535" t="s">
        <v>61</v>
      </c>
      <c r="D4" s="536"/>
      <c r="E4" s="537"/>
      <c r="F4" s="538" t="s">
        <v>62</v>
      </c>
      <c r="G4" s="539"/>
      <c r="H4" s="539"/>
      <c r="I4" s="539"/>
      <c r="J4" s="539"/>
      <c r="K4" s="540"/>
      <c r="L4" s="549" t="s">
        <v>52</v>
      </c>
      <c r="M4" s="535" t="s">
        <v>61</v>
      </c>
      <c r="N4" s="536"/>
      <c r="O4" s="537"/>
      <c r="P4" s="538" t="s">
        <v>62</v>
      </c>
      <c r="Q4" s="539"/>
      <c r="R4" s="539"/>
      <c r="S4" s="539"/>
      <c r="T4" s="539"/>
      <c r="U4" s="540"/>
      <c r="V4" s="541" t="s">
        <v>52</v>
      </c>
      <c r="W4" s="535" t="s">
        <v>61</v>
      </c>
      <c r="X4" s="536"/>
      <c r="Y4" s="537"/>
      <c r="Z4" s="538" t="s">
        <v>62</v>
      </c>
      <c r="AA4" s="539"/>
      <c r="AB4" s="539"/>
      <c r="AC4" s="539"/>
      <c r="AD4" s="539"/>
      <c r="AE4" s="540"/>
      <c r="AF4" s="549" t="s">
        <v>52</v>
      </c>
      <c r="AG4" s="535" t="s">
        <v>61</v>
      </c>
      <c r="AH4" s="536"/>
      <c r="AI4" s="537"/>
      <c r="AJ4" s="538" t="s">
        <v>62</v>
      </c>
      <c r="AK4" s="539"/>
      <c r="AL4" s="539"/>
      <c r="AM4" s="539"/>
      <c r="AN4" s="539"/>
      <c r="AO4" s="540"/>
      <c r="AP4" s="541" t="s">
        <v>52</v>
      </c>
    </row>
    <row r="5" spans="2:43" ht="30" customHeight="1" thickBot="1" x14ac:dyDescent="0.25">
      <c r="B5" s="139" t="s">
        <v>42</v>
      </c>
      <c r="C5" s="245" t="s">
        <v>43</v>
      </c>
      <c r="D5" s="246" t="s">
        <v>44</v>
      </c>
      <c r="E5" s="246" t="s">
        <v>45</v>
      </c>
      <c r="F5" s="247" t="s">
        <v>47</v>
      </c>
      <c r="G5" s="248" t="s">
        <v>48</v>
      </c>
      <c r="H5" s="248" t="s">
        <v>49</v>
      </c>
      <c r="I5" s="249" t="s">
        <v>50</v>
      </c>
      <c r="J5" s="246" t="s">
        <v>51</v>
      </c>
      <c r="K5" s="250" t="s">
        <v>95</v>
      </c>
      <c r="L5" s="550"/>
      <c r="M5" s="245" t="s">
        <v>43</v>
      </c>
      <c r="N5" s="246" t="s">
        <v>44</v>
      </c>
      <c r="O5" s="250" t="s">
        <v>45</v>
      </c>
      <c r="P5" s="251" t="s">
        <v>47</v>
      </c>
      <c r="Q5" s="248" t="s">
        <v>48</v>
      </c>
      <c r="R5" s="248" t="s">
        <v>49</v>
      </c>
      <c r="S5" s="249" t="s">
        <v>50</v>
      </c>
      <c r="T5" s="246" t="s">
        <v>51</v>
      </c>
      <c r="U5" s="250" t="s">
        <v>45</v>
      </c>
      <c r="V5" s="542"/>
      <c r="W5" s="245" t="s">
        <v>43</v>
      </c>
      <c r="X5" s="246" t="s">
        <v>44</v>
      </c>
      <c r="Y5" s="246" t="s">
        <v>45</v>
      </c>
      <c r="Z5" s="247" t="s">
        <v>47</v>
      </c>
      <c r="AA5" s="248" t="s">
        <v>48</v>
      </c>
      <c r="AB5" s="248" t="s">
        <v>49</v>
      </c>
      <c r="AC5" s="249" t="s">
        <v>50</v>
      </c>
      <c r="AD5" s="246" t="s">
        <v>51</v>
      </c>
      <c r="AE5" s="250" t="s">
        <v>45</v>
      </c>
      <c r="AF5" s="550"/>
      <c r="AG5" s="245" t="s">
        <v>43</v>
      </c>
      <c r="AH5" s="246" t="s">
        <v>44</v>
      </c>
      <c r="AI5" s="246" t="s">
        <v>45</v>
      </c>
      <c r="AJ5" s="247" t="s">
        <v>47</v>
      </c>
      <c r="AK5" s="248" t="s">
        <v>48</v>
      </c>
      <c r="AL5" s="248" t="s">
        <v>49</v>
      </c>
      <c r="AM5" s="249" t="s">
        <v>50</v>
      </c>
      <c r="AN5" s="246" t="s">
        <v>51</v>
      </c>
      <c r="AO5" s="250" t="s">
        <v>45</v>
      </c>
      <c r="AP5" s="542"/>
    </row>
    <row r="6" spans="2:43" ht="21" customHeight="1" x14ac:dyDescent="0.2">
      <c r="B6" s="151" t="s">
        <v>4</v>
      </c>
      <c r="C6" s="227">
        <v>0</v>
      </c>
      <c r="D6" s="229">
        <v>0</v>
      </c>
      <c r="E6" s="229">
        <v>0</v>
      </c>
      <c r="F6" s="230">
        <v>11</v>
      </c>
      <c r="G6" s="228">
        <v>42</v>
      </c>
      <c r="H6" s="228">
        <v>288</v>
      </c>
      <c r="I6" s="228">
        <v>394</v>
      </c>
      <c r="J6" s="229">
        <v>286</v>
      </c>
      <c r="K6" s="252">
        <v>1021</v>
      </c>
      <c r="L6" s="253">
        <v>1021</v>
      </c>
      <c r="M6" s="227">
        <v>0</v>
      </c>
      <c r="N6" s="229">
        <v>0</v>
      </c>
      <c r="O6" s="252">
        <v>0</v>
      </c>
      <c r="P6" s="232">
        <v>63</v>
      </c>
      <c r="Q6" s="228">
        <v>126</v>
      </c>
      <c r="R6" s="228">
        <v>199</v>
      </c>
      <c r="S6" s="228">
        <v>256</v>
      </c>
      <c r="T6" s="229">
        <v>120</v>
      </c>
      <c r="U6" s="252">
        <v>764</v>
      </c>
      <c r="V6" s="231">
        <v>764</v>
      </c>
      <c r="W6" s="232">
        <v>0</v>
      </c>
      <c r="X6" s="229">
        <v>0</v>
      </c>
      <c r="Y6" s="229">
        <v>0</v>
      </c>
      <c r="Z6" s="230">
        <v>0</v>
      </c>
      <c r="AA6" s="228">
        <v>0</v>
      </c>
      <c r="AB6" s="228">
        <v>1</v>
      </c>
      <c r="AC6" s="228">
        <v>3</v>
      </c>
      <c r="AD6" s="229">
        <v>2</v>
      </c>
      <c r="AE6" s="252">
        <v>6</v>
      </c>
      <c r="AF6" s="253">
        <v>6</v>
      </c>
      <c r="AG6" s="227">
        <v>0</v>
      </c>
      <c r="AH6" s="229">
        <v>0</v>
      </c>
      <c r="AI6" s="229">
        <v>0</v>
      </c>
      <c r="AJ6" s="230">
        <v>0</v>
      </c>
      <c r="AK6" s="228">
        <v>1</v>
      </c>
      <c r="AL6" s="228">
        <v>1</v>
      </c>
      <c r="AM6" s="228">
        <v>8</v>
      </c>
      <c r="AN6" s="229">
        <v>20</v>
      </c>
      <c r="AO6" s="252">
        <v>30</v>
      </c>
      <c r="AP6" s="254">
        <v>30</v>
      </c>
      <c r="AQ6" s="255"/>
    </row>
    <row r="7" spans="2:43" ht="21" customHeight="1" x14ac:dyDescent="0.2">
      <c r="B7" s="162" t="s">
        <v>5</v>
      </c>
      <c r="C7" s="233">
        <v>0</v>
      </c>
      <c r="D7" s="235">
        <v>0</v>
      </c>
      <c r="E7" s="235">
        <v>0</v>
      </c>
      <c r="F7" s="236">
        <v>8</v>
      </c>
      <c r="G7" s="234">
        <v>31</v>
      </c>
      <c r="H7" s="234">
        <v>155</v>
      </c>
      <c r="I7" s="234">
        <v>182</v>
      </c>
      <c r="J7" s="235">
        <v>118</v>
      </c>
      <c r="K7" s="256">
        <v>494</v>
      </c>
      <c r="L7" s="257">
        <v>494</v>
      </c>
      <c r="M7" s="233">
        <v>0</v>
      </c>
      <c r="N7" s="235">
        <v>0</v>
      </c>
      <c r="O7" s="256">
        <v>0</v>
      </c>
      <c r="P7" s="238">
        <v>30</v>
      </c>
      <c r="Q7" s="234">
        <v>66</v>
      </c>
      <c r="R7" s="234">
        <v>98</v>
      </c>
      <c r="S7" s="234">
        <v>122</v>
      </c>
      <c r="T7" s="235">
        <v>67</v>
      </c>
      <c r="U7" s="256">
        <v>383</v>
      </c>
      <c r="V7" s="237">
        <v>383</v>
      </c>
      <c r="W7" s="238">
        <v>0</v>
      </c>
      <c r="X7" s="235">
        <v>0</v>
      </c>
      <c r="Y7" s="235">
        <v>0</v>
      </c>
      <c r="Z7" s="236">
        <v>0</v>
      </c>
      <c r="AA7" s="234">
        <v>0</v>
      </c>
      <c r="AB7" s="234">
        <v>0</v>
      </c>
      <c r="AC7" s="234">
        <v>1</v>
      </c>
      <c r="AD7" s="235">
        <v>0</v>
      </c>
      <c r="AE7" s="256">
        <v>1</v>
      </c>
      <c r="AF7" s="257">
        <v>1</v>
      </c>
      <c r="AG7" s="233">
        <v>0</v>
      </c>
      <c r="AH7" s="235">
        <v>0</v>
      </c>
      <c r="AI7" s="235">
        <v>0</v>
      </c>
      <c r="AJ7" s="236">
        <v>0</v>
      </c>
      <c r="AK7" s="234">
        <v>0</v>
      </c>
      <c r="AL7" s="234">
        <v>0</v>
      </c>
      <c r="AM7" s="234">
        <v>5</v>
      </c>
      <c r="AN7" s="235">
        <v>7</v>
      </c>
      <c r="AO7" s="256">
        <v>12</v>
      </c>
      <c r="AP7" s="258">
        <v>12</v>
      </c>
      <c r="AQ7" s="255"/>
    </row>
    <row r="8" spans="2:43" ht="21" customHeight="1" x14ac:dyDescent="0.2">
      <c r="B8" s="173" t="s">
        <v>6</v>
      </c>
      <c r="C8" s="233">
        <v>0</v>
      </c>
      <c r="D8" s="235">
        <v>0</v>
      </c>
      <c r="E8" s="235">
        <v>0</v>
      </c>
      <c r="F8" s="236">
        <v>2</v>
      </c>
      <c r="G8" s="234">
        <v>4</v>
      </c>
      <c r="H8" s="234">
        <v>31</v>
      </c>
      <c r="I8" s="234">
        <v>45</v>
      </c>
      <c r="J8" s="235">
        <v>39</v>
      </c>
      <c r="K8" s="256">
        <v>121</v>
      </c>
      <c r="L8" s="257">
        <v>121</v>
      </c>
      <c r="M8" s="233">
        <v>0</v>
      </c>
      <c r="N8" s="235">
        <v>0</v>
      </c>
      <c r="O8" s="256">
        <v>0</v>
      </c>
      <c r="P8" s="238">
        <v>12</v>
      </c>
      <c r="Q8" s="234">
        <v>10</v>
      </c>
      <c r="R8" s="234">
        <v>20</v>
      </c>
      <c r="S8" s="234">
        <v>42</v>
      </c>
      <c r="T8" s="235">
        <v>15</v>
      </c>
      <c r="U8" s="256">
        <v>99</v>
      </c>
      <c r="V8" s="237">
        <v>99</v>
      </c>
      <c r="W8" s="238">
        <v>0</v>
      </c>
      <c r="X8" s="235">
        <v>0</v>
      </c>
      <c r="Y8" s="235">
        <v>0</v>
      </c>
      <c r="Z8" s="236">
        <v>0</v>
      </c>
      <c r="AA8" s="234">
        <v>0</v>
      </c>
      <c r="AB8" s="234">
        <v>1</v>
      </c>
      <c r="AC8" s="234">
        <v>1</v>
      </c>
      <c r="AD8" s="235">
        <v>1</v>
      </c>
      <c r="AE8" s="256">
        <v>3</v>
      </c>
      <c r="AF8" s="257">
        <v>3</v>
      </c>
      <c r="AG8" s="233">
        <v>0</v>
      </c>
      <c r="AH8" s="235">
        <v>0</v>
      </c>
      <c r="AI8" s="235">
        <v>0</v>
      </c>
      <c r="AJ8" s="236">
        <v>0</v>
      </c>
      <c r="AK8" s="234">
        <v>0</v>
      </c>
      <c r="AL8" s="234">
        <v>0</v>
      </c>
      <c r="AM8" s="234">
        <v>0</v>
      </c>
      <c r="AN8" s="235">
        <v>3</v>
      </c>
      <c r="AO8" s="256">
        <v>3</v>
      </c>
      <c r="AP8" s="258">
        <v>3</v>
      </c>
      <c r="AQ8" s="255"/>
    </row>
    <row r="9" spans="2:43" ht="21" customHeight="1" x14ac:dyDescent="0.2">
      <c r="B9" s="173" t="s">
        <v>14</v>
      </c>
      <c r="C9" s="233">
        <v>0</v>
      </c>
      <c r="D9" s="235">
        <v>0</v>
      </c>
      <c r="E9" s="235">
        <v>0</v>
      </c>
      <c r="F9" s="236">
        <v>0</v>
      </c>
      <c r="G9" s="234">
        <v>0</v>
      </c>
      <c r="H9" s="234">
        <v>23</v>
      </c>
      <c r="I9" s="234">
        <v>37</v>
      </c>
      <c r="J9" s="235">
        <v>20</v>
      </c>
      <c r="K9" s="256">
        <v>80</v>
      </c>
      <c r="L9" s="257">
        <v>80</v>
      </c>
      <c r="M9" s="233">
        <v>0</v>
      </c>
      <c r="N9" s="235">
        <v>0</v>
      </c>
      <c r="O9" s="256">
        <v>0</v>
      </c>
      <c r="P9" s="238">
        <v>2</v>
      </c>
      <c r="Q9" s="234">
        <v>9</v>
      </c>
      <c r="R9" s="234">
        <v>8</v>
      </c>
      <c r="S9" s="234">
        <v>18</v>
      </c>
      <c r="T9" s="235">
        <v>8</v>
      </c>
      <c r="U9" s="256">
        <v>45</v>
      </c>
      <c r="V9" s="237">
        <v>45</v>
      </c>
      <c r="W9" s="238">
        <v>0</v>
      </c>
      <c r="X9" s="235">
        <v>0</v>
      </c>
      <c r="Y9" s="235">
        <v>0</v>
      </c>
      <c r="Z9" s="236">
        <v>0</v>
      </c>
      <c r="AA9" s="234">
        <v>0</v>
      </c>
      <c r="AB9" s="234">
        <v>0</v>
      </c>
      <c r="AC9" s="234">
        <v>1</v>
      </c>
      <c r="AD9" s="235">
        <v>1</v>
      </c>
      <c r="AE9" s="256">
        <v>2</v>
      </c>
      <c r="AF9" s="257">
        <v>2</v>
      </c>
      <c r="AG9" s="233">
        <v>0</v>
      </c>
      <c r="AH9" s="235">
        <v>0</v>
      </c>
      <c r="AI9" s="235">
        <v>0</v>
      </c>
      <c r="AJ9" s="236">
        <v>0</v>
      </c>
      <c r="AK9" s="234">
        <v>0</v>
      </c>
      <c r="AL9" s="234">
        <v>1</v>
      </c>
      <c r="AM9" s="234">
        <v>0</v>
      </c>
      <c r="AN9" s="235">
        <v>3</v>
      </c>
      <c r="AO9" s="256">
        <v>4</v>
      </c>
      <c r="AP9" s="258">
        <v>4</v>
      </c>
      <c r="AQ9" s="255"/>
    </row>
    <row r="10" spans="2:43" ht="21" customHeight="1" x14ac:dyDescent="0.2">
      <c r="B10" s="173" t="s">
        <v>7</v>
      </c>
      <c r="C10" s="233">
        <v>0</v>
      </c>
      <c r="D10" s="235">
        <v>0</v>
      </c>
      <c r="E10" s="235">
        <v>0</v>
      </c>
      <c r="F10" s="236">
        <v>0</v>
      </c>
      <c r="G10" s="234">
        <v>1</v>
      </c>
      <c r="H10" s="234">
        <v>7</v>
      </c>
      <c r="I10" s="234">
        <v>13</v>
      </c>
      <c r="J10" s="235">
        <v>10</v>
      </c>
      <c r="K10" s="256">
        <v>31</v>
      </c>
      <c r="L10" s="257">
        <v>31</v>
      </c>
      <c r="M10" s="233">
        <v>0</v>
      </c>
      <c r="N10" s="235">
        <v>0</v>
      </c>
      <c r="O10" s="256">
        <v>0</v>
      </c>
      <c r="P10" s="238">
        <v>1</v>
      </c>
      <c r="Q10" s="234">
        <v>2</v>
      </c>
      <c r="R10" s="234">
        <v>4</v>
      </c>
      <c r="S10" s="234">
        <v>7</v>
      </c>
      <c r="T10" s="235">
        <v>2</v>
      </c>
      <c r="U10" s="256">
        <v>16</v>
      </c>
      <c r="V10" s="237">
        <v>16</v>
      </c>
      <c r="W10" s="238">
        <v>0</v>
      </c>
      <c r="X10" s="235">
        <v>0</v>
      </c>
      <c r="Y10" s="235">
        <v>0</v>
      </c>
      <c r="Z10" s="236">
        <v>0</v>
      </c>
      <c r="AA10" s="234">
        <v>0</v>
      </c>
      <c r="AB10" s="234">
        <v>0</v>
      </c>
      <c r="AC10" s="234">
        <v>0</v>
      </c>
      <c r="AD10" s="235">
        <v>0</v>
      </c>
      <c r="AE10" s="256">
        <v>0</v>
      </c>
      <c r="AF10" s="257">
        <v>0</v>
      </c>
      <c r="AG10" s="233">
        <v>0</v>
      </c>
      <c r="AH10" s="235">
        <v>0</v>
      </c>
      <c r="AI10" s="235">
        <v>0</v>
      </c>
      <c r="AJ10" s="236">
        <v>0</v>
      </c>
      <c r="AK10" s="234">
        <v>0</v>
      </c>
      <c r="AL10" s="234">
        <v>0</v>
      </c>
      <c r="AM10" s="234">
        <v>0</v>
      </c>
      <c r="AN10" s="235">
        <v>0</v>
      </c>
      <c r="AO10" s="256">
        <v>0</v>
      </c>
      <c r="AP10" s="258">
        <v>0</v>
      </c>
      <c r="AQ10" s="255"/>
    </row>
    <row r="11" spans="2:43" ht="21" customHeight="1" x14ac:dyDescent="0.2">
      <c r="B11" s="173" t="s">
        <v>8</v>
      </c>
      <c r="C11" s="233">
        <v>0</v>
      </c>
      <c r="D11" s="235">
        <v>0</v>
      </c>
      <c r="E11" s="235">
        <v>0</v>
      </c>
      <c r="F11" s="236">
        <v>0</v>
      </c>
      <c r="G11" s="234">
        <v>1</v>
      </c>
      <c r="H11" s="234">
        <v>6</v>
      </c>
      <c r="I11" s="234">
        <v>7</v>
      </c>
      <c r="J11" s="235">
        <v>5</v>
      </c>
      <c r="K11" s="256">
        <v>19</v>
      </c>
      <c r="L11" s="257">
        <v>19</v>
      </c>
      <c r="M11" s="233">
        <v>0</v>
      </c>
      <c r="N11" s="235">
        <v>0</v>
      </c>
      <c r="O11" s="256">
        <v>0</v>
      </c>
      <c r="P11" s="238">
        <v>2</v>
      </c>
      <c r="Q11" s="234">
        <v>3</v>
      </c>
      <c r="R11" s="234">
        <v>7</v>
      </c>
      <c r="S11" s="234">
        <v>5</v>
      </c>
      <c r="T11" s="235">
        <v>1</v>
      </c>
      <c r="U11" s="256">
        <v>18</v>
      </c>
      <c r="V11" s="237">
        <v>18</v>
      </c>
      <c r="W11" s="238">
        <v>0</v>
      </c>
      <c r="X11" s="235">
        <v>0</v>
      </c>
      <c r="Y11" s="235">
        <v>0</v>
      </c>
      <c r="Z11" s="236">
        <v>0</v>
      </c>
      <c r="AA11" s="234">
        <v>0</v>
      </c>
      <c r="AB11" s="234">
        <v>0</v>
      </c>
      <c r="AC11" s="234">
        <v>0</v>
      </c>
      <c r="AD11" s="235">
        <v>0</v>
      </c>
      <c r="AE11" s="256">
        <v>0</v>
      </c>
      <c r="AF11" s="257">
        <v>0</v>
      </c>
      <c r="AG11" s="233">
        <v>0</v>
      </c>
      <c r="AH11" s="235">
        <v>0</v>
      </c>
      <c r="AI11" s="235">
        <v>0</v>
      </c>
      <c r="AJ11" s="236">
        <v>0</v>
      </c>
      <c r="AK11" s="234">
        <v>1</v>
      </c>
      <c r="AL11" s="234">
        <v>0</v>
      </c>
      <c r="AM11" s="234">
        <v>0</v>
      </c>
      <c r="AN11" s="235">
        <v>0</v>
      </c>
      <c r="AO11" s="256">
        <v>1</v>
      </c>
      <c r="AP11" s="258">
        <v>1</v>
      </c>
      <c r="AQ11" s="255"/>
    </row>
    <row r="12" spans="2:43" ht="21" customHeight="1" x14ac:dyDescent="0.2">
      <c r="B12" s="173" t="s">
        <v>9</v>
      </c>
      <c r="C12" s="233">
        <v>0</v>
      </c>
      <c r="D12" s="235">
        <v>0</v>
      </c>
      <c r="E12" s="235">
        <v>0</v>
      </c>
      <c r="F12" s="236">
        <v>1</v>
      </c>
      <c r="G12" s="234">
        <v>0</v>
      </c>
      <c r="H12" s="234">
        <v>4</v>
      </c>
      <c r="I12" s="234">
        <v>17</v>
      </c>
      <c r="J12" s="235">
        <v>12</v>
      </c>
      <c r="K12" s="256">
        <v>34</v>
      </c>
      <c r="L12" s="257">
        <v>34</v>
      </c>
      <c r="M12" s="233">
        <v>0</v>
      </c>
      <c r="N12" s="235">
        <v>0</v>
      </c>
      <c r="O12" s="256">
        <v>0</v>
      </c>
      <c r="P12" s="238">
        <v>1</v>
      </c>
      <c r="Q12" s="234">
        <v>7</v>
      </c>
      <c r="R12" s="234">
        <v>8</v>
      </c>
      <c r="S12" s="234">
        <v>8</v>
      </c>
      <c r="T12" s="235">
        <v>6</v>
      </c>
      <c r="U12" s="256">
        <v>30</v>
      </c>
      <c r="V12" s="237">
        <v>30</v>
      </c>
      <c r="W12" s="238">
        <v>0</v>
      </c>
      <c r="X12" s="235">
        <v>0</v>
      </c>
      <c r="Y12" s="235">
        <v>0</v>
      </c>
      <c r="Z12" s="236">
        <v>0</v>
      </c>
      <c r="AA12" s="234">
        <v>0</v>
      </c>
      <c r="AB12" s="234">
        <v>0</v>
      </c>
      <c r="AC12" s="234">
        <v>0</v>
      </c>
      <c r="AD12" s="235">
        <v>0</v>
      </c>
      <c r="AE12" s="256">
        <v>0</v>
      </c>
      <c r="AF12" s="257">
        <v>0</v>
      </c>
      <c r="AG12" s="233">
        <v>0</v>
      </c>
      <c r="AH12" s="235">
        <v>0</v>
      </c>
      <c r="AI12" s="235">
        <v>0</v>
      </c>
      <c r="AJ12" s="236">
        <v>0</v>
      </c>
      <c r="AK12" s="234">
        <v>0</v>
      </c>
      <c r="AL12" s="234">
        <v>0</v>
      </c>
      <c r="AM12" s="234">
        <v>0</v>
      </c>
      <c r="AN12" s="235">
        <v>0</v>
      </c>
      <c r="AO12" s="256">
        <v>0</v>
      </c>
      <c r="AP12" s="258">
        <v>0</v>
      </c>
      <c r="AQ12" s="255"/>
    </row>
    <row r="13" spans="2:43" ht="21" customHeight="1" x14ac:dyDescent="0.2">
      <c r="B13" s="173" t="s">
        <v>10</v>
      </c>
      <c r="C13" s="233">
        <v>0</v>
      </c>
      <c r="D13" s="235">
        <v>0</v>
      </c>
      <c r="E13" s="235">
        <v>0</v>
      </c>
      <c r="F13" s="236">
        <v>0</v>
      </c>
      <c r="G13" s="234">
        <v>1</v>
      </c>
      <c r="H13" s="234">
        <v>16</v>
      </c>
      <c r="I13" s="234">
        <v>16</v>
      </c>
      <c r="J13" s="235">
        <v>18</v>
      </c>
      <c r="K13" s="256">
        <v>51</v>
      </c>
      <c r="L13" s="257">
        <v>51</v>
      </c>
      <c r="M13" s="233">
        <v>0</v>
      </c>
      <c r="N13" s="235">
        <v>0</v>
      </c>
      <c r="O13" s="256">
        <v>0</v>
      </c>
      <c r="P13" s="238">
        <v>1</v>
      </c>
      <c r="Q13" s="234">
        <v>3</v>
      </c>
      <c r="R13" s="234">
        <v>6</v>
      </c>
      <c r="S13" s="234">
        <v>11</v>
      </c>
      <c r="T13" s="235">
        <v>2</v>
      </c>
      <c r="U13" s="256">
        <v>23</v>
      </c>
      <c r="V13" s="237">
        <v>23</v>
      </c>
      <c r="W13" s="238">
        <v>0</v>
      </c>
      <c r="X13" s="235">
        <v>0</v>
      </c>
      <c r="Y13" s="235">
        <v>0</v>
      </c>
      <c r="Z13" s="236">
        <v>0</v>
      </c>
      <c r="AA13" s="234">
        <v>0</v>
      </c>
      <c r="AB13" s="234">
        <v>0</v>
      </c>
      <c r="AC13" s="234">
        <v>0</v>
      </c>
      <c r="AD13" s="235">
        <v>0</v>
      </c>
      <c r="AE13" s="256">
        <v>0</v>
      </c>
      <c r="AF13" s="257">
        <v>0</v>
      </c>
      <c r="AG13" s="233">
        <v>0</v>
      </c>
      <c r="AH13" s="235">
        <v>0</v>
      </c>
      <c r="AI13" s="235">
        <v>0</v>
      </c>
      <c r="AJ13" s="236">
        <v>0</v>
      </c>
      <c r="AK13" s="234">
        <v>0</v>
      </c>
      <c r="AL13" s="234">
        <v>0</v>
      </c>
      <c r="AM13" s="234">
        <v>0</v>
      </c>
      <c r="AN13" s="235">
        <v>1</v>
      </c>
      <c r="AO13" s="256">
        <v>1</v>
      </c>
      <c r="AP13" s="258">
        <v>1</v>
      </c>
      <c r="AQ13" s="255"/>
    </row>
    <row r="14" spans="2:43" ht="21" customHeight="1" x14ac:dyDescent="0.2">
      <c r="B14" s="173" t="s">
        <v>11</v>
      </c>
      <c r="C14" s="233">
        <v>0</v>
      </c>
      <c r="D14" s="235">
        <v>0</v>
      </c>
      <c r="E14" s="235">
        <v>0</v>
      </c>
      <c r="F14" s="236">
        <v>0</v>
      </c>
      <c r="G14" s="234">
        <v>0</v>
      </c>
      <c r="H14" s="234">
        <v>7</v>
      </c>
      <c r="I14" s="234">
        <v>8</v>
      </c>
      <c r="J14" s="235">
        <v>6</v>
      </c>
      <c r="K14" s="256">
        <v>21</v>
      </c>
      <c r="L14" s="257">
        <v>21</v>
      </c>
      <c r="M14" s="233">
        <v>0</v>
      </c>
      <c r="N14" s="235">
        <v>0</v>
      </c>
      <c r="O14" s="256">
        <v>0</v>
      </c>
      <c r="P14" s="238">
        <v>1</v>
      </c>
      <c r="Q14" s="234">
        <v>2</v>
      </c>
      <c r="R14" s="234">
        <v>4</v>
      </c>
      <c r="S14" s="234">
        <v>2</v>
      </c>
      <c r="T14" s="235">
        <v>1</v>
      </c>
      <c r="U14" s="256">
        <v>10</v>
      </c>
      <c r="V14" s="237">
        <v>10</v>
      </c>
      <c r="W14" s="238">
        <v>0</v>
      </c>
      <c r="X14" s="235">
        <v>0</v>
      </c>
      <c r="Y14" s="235">
        <v>0</v>
      </c>
      <c r="Z14" s="236">
        <v>0</v>
      </c>
      <c r="AA14" s="234">
        <v>0</v>
      </c>
      <c r="AB14" s="234">
        <v>0</v>
      </c>
      <c r="AC14" s="234">
        <v>0</v>
      </c>
      <c r="AD14" s="235">
        <v>0</v>
      </c>
      <c r="AE14" s="256">
        <v>0</v>
      </c>
      <c r="AF14" s="257">
        <v>0</v>
      </c>
      <c r="AG14" s="233">
        <v>0</v>
      </c>
      <c r="AH14" s="235">
        <v>0</v>
      </c>
      <c r="AI14" s="235">
        <v>0</v>
      </c>
      <c r="AJ14" s="236">
        <v>0</v>
      </c>
      <c r="AK14" s="234">
        <v>0</v>
      </c>
      <c r="AL14" s="234">
        <v>0</v>
      </c>
      <c r="AM14" s="234">
        <v>0</v>
      </c>
      <c r="AN14" s="235">
        <v>0</v>
      </c>
      <c r="AO14" s="256">
        <v>0</v>
      </c>
      <c r="AP14" s="258">
        <v>0</v>
      </c>
      <c r="AQ14" s="255"/>
    </row>
    <row r="15" spans="2:43" ht="21" customHeight="1" x14ac:dyDescent="0.2">
      <c r="B15" s="173" t="s">
        <v>12</v>
      </c>
      <c r="C15" s="233">
        <v>0</v>
      </c>
      <c r="D15" s="235">
        <v>0</v>
      </c>
      <c r="E15" s="235">
        <v>0</v>
      </c>
      <c r="F15" s="236">
        <v>0</v>
      </c>
      <c r="G15" s="234">
        <v>0</v>
      </c>
      <c r="H15" s="234">
        <v>1</v>
      </c>
      <c r="I15" s="234">
        <v>10</v>
      </c>
      <c r="J15" s="235">
        <v>6</v>
      </c>
      <c r="K15" s="256">
        <v>17</v>
      </c>
      <c r="L15" s="257">
        <v>17</v>
      </c>
      <c r="M15" s="233">
        <v>0</v>
      </c>
      <c r="N15" s="235">
        <v>0</v>
      </c>
      <c r="O15" s="256">
        <v>0</v>
      </c>
      <c r="P15" s="238">
        <v>1</v>
      </c>
      <c r="Q15" s="234">
        <v>3</v>
      </c>
      <c r="R15" s="234">
        <v>4</v>
      </c>
      <c r="S15" s="234">
        <v>5</v>
      </c>
      <c r="T15" s="235">
        <v>4</v>
      </c>
      <c r="U15" s="256">
        <v>17</v>
      </c>
      <c r="V15" s="237">
        <v>17</v>
      </c>
      <c r="W15" s="238">
        <v>0</v>
      </c>
      <c r="X15" s="235">
        <v>0</v>
      </c>
      <c r="Y15" s="235">
        <v>0</v>
      </c>
      <c r="Z15" s="236">
        <v>0</v>
      </c>
      <c r="AA15" s="234">
        <v>0</v>
      </c>
      <c r="AB15" s="234">
        <v>0</v>
      </c>
      <c r="AC15" s="234">
        <v>0</v>
      </c>
      <c r="AD15" s="235">
        <v>0</v>
      </c>
      <c r="AE15" s="256">
        <v>0</v>
      </c>
      <c r="AF15" s="257">
        <v>0</v>
      </c>
      <c r="AG15" s="233">
        <v>0</v>
      </c>
      <c r="AH15" s="235">
        <v>0</v>
      </c>
      <c r="AI15" s="235">
        <v>0</v>
      </c>
      <c r="AJ15" s="236">
        <v>0</v>
      </c>
      <c r="AK15" s="234">
        <v>0</v>
      </c>
      <c r="AL15" s="234">
        <v>0</v>
      </c>
      <c r="AM15" s="234">
        <v>3</v>
      </c>
      <c r="AN15" s="235">
        <v>0</v>
      </c>
      <c r="AO15" s="256">
        <v>3</v>
      </c>
      <c r="AP15" s="258">
        <v>3</v>
      </c>
      <c r="AQ15" s="255"/>
    </row>
    <row r="16" spans="2:43" ht="21" customHeight="1" x14ac:dyDescent="0.2">
      <c r="B16" s="173" t="s">
        <v>13</v>
      </c>
      <c r="C16" s="233">
        <v>0</v>
      </c>
      <c r="D16" s="235">
        <v>0</v>
      </c>
      <c r="E16" s="235">
        <v>0</v>
      </c>
      <c r="F16" s="236">
        <v>0</v>
      </c>
      <c r="G16" s="234">
        <v>0</v>
      </c>
      <c r="H16" s="234">
        <v>0</v>
      </c>
      <c r="I16" s="234">
        <v>6</v>
      </c>
      <c r="J16" s="235">
        <v>6</v>
      </c>
      <c r="K16" s="256">
        <v>12</v>
      </c>
      <c r="L16" s="257">
        <v>12</v>
      </c>
      <c r="M16" s="233">
        <v>0</v>
      </c>
      <c r="N16" s="235">
        <v>0</v>
      </c>
      <c r="O16" s="256">
        <v>0</v>
      </c>
      <c r="P16" s="238">
        <v>0</v>
      </c>
      <c r="Q16" s="234">
        <v>0</v>
      </c>
      <c r="R16" s="234">
        <v>1</v>
      </c>
      <c r="S16" s="234">
        <v>1</v>
      </c>
      <c r="T16" s="235">
        <v>1</v>
      </c>
      <c r="U16" s="256">
        <v>3</v>
      </c>
      <c r="V16" s="237">
        <v>3</v>
      </c>
      <c r="W16" s="238">
        <v>0</v>
      </c>
      <c r="X16" s="235">
        <v>0</v>
      </c>
      <c r="Y16" s="235">
        <v>0</v>
      </c>
      <c r="Z16" s="236">
        <v>0</v>
      </c>
      <c r="AA16" s="234">
        <v>0</v>
      </c>
      <c r="AB16" s="234">
        <v>0</v>
      </c>
      <c r="AC16" s="234">
        <v>0</v>
      </c>
      <c r="AD16" s="235">
        <v>0</v>
      </c>
      <c r="AE16" s="256">
        <v>0</v>
      </c>
      <c r="AF16" s="257">
        <v>0</v>
      </c>
      <c r="AG16" s="233">
        <v>0</v>
      </c>
      <c r="AH16" s="235">
        <v>0</v>
      </c>
      <c r="AI16" s="235">
        <v>0</v>
      </c>
      <c r="AJ16" s="236">
        <v>0</v>
      </c>
      <c r="AK16" s="234">
        <v>0</v>
      </c>
      <c r="AL16" s="234">
        <v>0</v>
      </c>
      <c r="AM16" s="234">
        <v>0</v>
      </c>
      <c r="AN16" s="235">
        <v>0</v>
      </c>
      <c r="AO16" s="256">
        <v>0</v>
      </c>
      <c r="AP16" s="258">
        <v>0</v>
      </c>
      <c r="AQ16" s="255"/>
    </row>
    <row r="17" spans="2:43" ht="21" customHeight="1" x14ac:dyDescent="0.2">
      <c r="B17" s="173" t="s">
        <v>15</v>
      </c>
      <c r="C17" s="233">
        <v>0</v>
      </c>
      <c r="D17" s="235">
        <v>0</v>
      </c>
      <c r="E17" s="235">
        <v>0</v>
      </c>
      <c r="F17" s="236">
        <v>0</v>
      </c>
      <c r="G17" s="234">
        <v>0</v>
      </c>
      <c r="H17" s="234">
        <v>0</v>
      </c>
      <c r="I17" s="234">
        <v>0</v>
      </c>
      <c r="J17" s="235">
        <v>2</v>
      </c>
      <c r="K17" s="256">
        <v>2</v>
      </c>
      <c r="L17" s="257">
        <v>2</v>
      </c>
      <c r="M17" s="233">
        <v>0</v>
      </c>
      <c r="N17" s="235">
        <v>0</v>
      </c>
      <c r="O17" s="256">
        <v>0</v>
      </c>
      <c r="P17" s="238">
        <v>0</v>
      </c>
      <c r="Q17" s="234">
        <v>0</v>
      </c>
      <c r="R17" s="234">
        <v>2</v>
      </c>
      <c r="S17" s="234">
        <v>2</v>
      </c>
      <c r="T17" s="235">
        <v>0</v>
      </c>
      <c r="U17" s="256">
        <v>4</v>
      </c>
      <c r="V17" s="237">
        <v>4</v>
      </c>
      <c r="W17" s="238">
        <v>0</v>
      </c>
      <c r="X17" s="235">
        <v>0</v>
      </c>
      <c r="Y17" s="235">
        <v>0</v>
      </c>
      <c r="Z17" s="236">
        <v>0</v>
      </c>
      <c r="AA17" s="234">
        <v>0</v>
      </c>
      <c r="AB17" s="234">
        <v>0</v>
      </c>
      <c r="AC17" s="234">
        <v>0</v>
      </c>
      <c r="AD17" s="235">
        <v>0</v>
      </c>
      <c r="AE17" s="256">
        <v>0</v>
      </c>
      <c r="AF17" s="257">
        <v>0</v>
      </c>
      <c r="AG17" s="233">
        <v>0</v>
      </c>
      <c r="AH17" s="235">
        <v>0</v>
      </c>
      <c r="AI17" s="235">
        <v>0</v>
      </c>
      <c r="AJ17" s="236">
        <v>0</v>
      </c>
      <c r="AK17" s="234">
        <v>0</v>
      </c>
      <c r="AL17" s="234">
        <v>0</v>
      </c>
      <c r="AM17" s="234">
        <v>0</v>
      </c>
      <c r="AN17" s="235">
        <v>0</v>
      </c>
      <c r="AO17" s="256">
        <v>0</v>
      </c>
      <c r="AP17" s="258">
        <v>0</v>
      </c>
      <c r="AQ17" s="255"/>
    </row>
    <row r="18" spans="2:43" ht="21" customHeight="1" x14ac:dyDescent="0.2">
      <c r="B18" s="173" t="s">
        <v>16</v>
      </c>
      <c r="C18" s="233">
        <v>0</v>
      </c>
      <c r="D18" s="235">
        <v>0</v>
      </c>
      <c r="E18" s="235">
        <v>0</v>
      </c>
      <c r="F18" s="236">
        <v>0</v>
      </c>
      <c r="G18" s="234">
        <v>0</v>
      </c>
      <c r="H18" s="234">
        <v>7</v>
      </c>
      <c r="I18" s="234">
        <v>9</v>
      </c>
      <c r="J18" s="235">
        <v>3</v>
      </c>
      <c r="K18" s="256">
        <v>19</v>
      </c>
      <c r="L18" s="257">
        <v>19</v>
      </c>
      <c r="M18" s="233">
        <v>0</v>
      </c>
      <c r="N18" s="235">
        <v>0</v>
      </c>
      <c r="O18" s="256">
        <v>0</v>
      </c>
      <c r="P18" s="238">
        <v>1</v>
      </c>
      <c r="Q18" s="234">
        <v>2</v>
      </c>
      <c r="R18" s="234">
        <v>5</v>
      </c>
      <c r="S18" s="234">
        <v>4</v>
      </c>
      <c r="T18" s="235">
        <v>0</v>
      </c>
      <c r="U18" s="256">
        <v>12</v>
      </c>
      <c r="V18" s="237">
        <v>12</v>
      </c>
      <c r="W18" s="238">
        <v>0</v>
      </c>
      <c r="X18" s="235">
        <v>0</v>
      </c>
      <c r="Y18" s="235">
        <v>0</v>
      </c>
      <c r="Z18" s="236">
        <v>0</v>
      </c>
      <c r="AA18" s="234">
        <v>0</v>
      </c>
      <c r="AB18" s="234">
        <v>0</v>
      </c>
      <c r="AC18" s="234">
        <v>0</v>
      </c>
      <c r="AD18" s="235">
        <v>0</v>
      </c>
      <c r="AE18" s="256">
        <v>0</v>
      </c>
      <c r="AF18" s="257">
        <v>0</v>
      </c>
      <c r="AG18" s="233">
        <v>0</v>
      </c>
      <c r="AH18" s="235">
        <v>0</v>
      </c>
      <c r="AI18" s="235">
        <v>0</v>
      </c>
      <c r="AJ18" s="236">
        <v>0</v>
      </c>
      <c r="AK18" s="234">
        <v>0</v>
      </c>
      <c r="AL18" s="234">
        <v>0</v>
      </c>
      <c r="AM18" s="234">
        <v>0</v>
      </c>
      <c r="AN18" s="235">
        <v>0</v>
      </c>
      <c r="AO18" s="256">
        <v>0</v>
      </c>
      <c r="AP18" s="258">
        <v>0</v>
      </c>
      <c r="AQ18" s="255"/>
    </row>
    <row r="19" spans="2:43" ht="21" customHeight="1" x14ac:dyDescent="0.2">
      <c r="B19" s="173" t="s">
        <v>17</v>
      </c>
      <c r="C19" s="233">
        <v>0</v>
      </c>
      <c r="D19" s="235">
        <v>0</v>
      </c>
      <c r="E19" s="235">
        <v>0</v>
      </c>
      <c r="F19" s="236">
        <v>0</v>
      </c>
      <c r="G19" s="234">
        <v>1</v>
      </c>
      <c r="H19" s="234">
        <v>5</v>
      </c>
      <c r="I19" s="234">
        <v>3</v>
      </c>
      <c r="J19" s="235">
        <v>7</v>
      </c>
      <c r="K19" s="256">
        <v>16</v>
      </c>
      <c r="L19" s="257">
        <v>16</v>
      </c>
      <c r="M19" s="233">
        <v>0</v>
      </c>
      <c r="N19" s="235">
        <v>0</v>
      </c>
      <c r="O19" s="256">
        <v>0</v>
      </c>
      <c r="P19" s="238">
        <v>2</v>
      </c>
      <c r="Q19" s="234">
        <v>4</v>
      </c>
      <c r="R19" s="234">
        <v>10</v>
      </c>
      <c r="S19" s="234">
        <v>6</v>
      </c>
      <c r="T19" s="235">
        <v>5</v>
      </c>
      <c r="U19" s="256">
        <v>27</v>
      </c>
      <c r="V19" s="237">
        <v>27</v>
      </c>
      <c r="W19" s="238">
        <v>0</v>
      </c>
      <c r="X19" s="235">
        <v>0</v>
      </c>
      <c r="Y19" s="235">
        <v>0</v>
      </c>
      <c r="Z19" s="236">
        <v>0</v>
      </c>
      <c r="AA19" s="234">
        <v>0</v>
      </c>
      <c r="AB19" s="234">
        <v>0</v>
      </c>
      <c r="AC19" s="234">
        <v>0</v>
      </c>
      <c r="AD19" s="235">
        <v>0</v>
      </c>
      <c r="AE19" s="256">
        <v>0</v>
      </c>
      <c r="AF19" s="257">
        <v>0</v>
      </c>
      <c r="AG19" s="233">
        <v>0</v>
      </c>
      <c r="AH19" s="235">
        <v>0</v>
      </c>
      <c r="AI19" s="235">
        <v>0</v>
      </c>
      <c r="AJ19" s="236">
        <v>0</v>
      </c>
      <c r="AK19" s="234">
        <v>0</v>
      </c>
      <c r="AL19" s="234">
        <v>0</v>
      </c>
      <c r="AM19" s="234">
        <v>0</v>
      </c>
      <c r="AN19" s="235">
        <v>1</v>
      </c>
      <c r="AO19" s="256">
        <v>1</v>
      </c>
      <c r="AP19" s="258">
        <v>1</v>
      </c>
      <c r="AQ19" s="255"/>
    </row>
    <row r="20" spans="2:43" ht="21" customHeight="1" x14ac:dyDescent="0.2">
      <c r="B20" s="173" t="s">
        <v>18</v>
      </c>
      <c r="C20" s="233">
        <v>0</v>
      </c>
      <c r="D20" s="235">
        <v>0</v>
      </c>
      <c r="E20" s="235">
        <v>0</v>
      </c>
      <c r="F20" s="236">
        <v>0</v>
      </c>
      <c r="G20" s="234">
        <v>1</v>
      </c>
      <c r="H20" s="234">
        <v>6</v>
      </c>
      <c r="I20" s="234">
        <v>10</v>
      </c>
      <c r="J20" s="235">
        <v>7</v>
      </c>
      <c r="K20" s="256">
        <v>24</v>
      </c>
      <c r="L20" s="257">
        <v>24</v>
      </c>
      <c r="M20" s="233">
        <v>0</v>
      </c>
      <c r="N20" s="235">
        <v>0</v>
      </c>
      <c r="O20" s="256">
        <v>0</v>
      </c>
      <c r="P20" s="238">
        <v>3</v>
      </c>
      <c r="Q20" s="234">
        <v>0</v>
      </c>
      <c r="R20" s="234">
        <v>4</v>
      </c>
      <c r="S20" s="234">
        <v>5</v>
      </c>
      <c r="T20" s="235">
        <v>2</v>
      </c>
      <c r="U20" s="256">
        <v>14</v>
      </c>
      <c r="V20" s="237">
        <v>14</v>
      </c>
      <c r="W20" s="238">
        <v>0</v>
      </c>
      <c r="X20" s="235">
        <v>0</v>
      </c>
      <c r="Y20" s="235">
        <v>0</v>
      </c>
      <c r="Z20" s="236">
        <v>0</v>
      </c>
      <c r="AA20" s="234">
        <v>0</v>
      </c>
      <c r="AB20" s="234">
        <v>0</v>
      </c>
      <c r="AC20" s="234">
        <v>0</v>
      </c>
      <c r="AD20" s="235">
        <v>0</v>
      </c>
      <c r="AE20" s="256">
        <v>0</v>
      </c>
      <c r="AF20" s="257">
        <v>0</v>
      </c>
      <c r="AG20" s="233">
        <v>0</v>
      </c>
      <c r="AH20" s="235">
        <v>0</v>
      </c>
      <c r="AI20" s="235">
        <v>0</v>
      </c>
      <c r="AJ20" s="236">
        <v>0</v>
      </c>
      <c r="AK20" s="234">
        <v>0</v>
      </c>
      <c r="AL20" s="234">
        <v>0</v>
      </c>
      <c r="AM20" s="234">
        <v>0</v>
      </c>
      <c r="AN20" s="235">
        <v>0</v>
      </c>
      <c r="AO20" s="256">
        <v>0</v>
      </c>
      <c r="AP20" s="258">
        <v>0</v>
      </c>
      <c r="AQ20" s="255"/>
    </row>
    <row r="21" spans="2:43" ht="21" customHeight="1" x14ac:dyDescent="0.2">
      <c r="B21" s="173" t="s">
        <v>19</v>
      </c>
      <c r="C21" s="233">
        <v>0</v>
      </c>
      <c r="D21" s="235">
        <v>0</v>
      </c>
      <c r="E21" s="235">
        <v>0</v>
      </c>
      <c r="F21" s="236">
        <v>0</v>
      </c>
      <c r="G21" s="234">
        <v>0</v>
      </c>
      <c r="H21" s="234">
        <v>3</v>
      </c>
      <c r="I21" s="234">
        <v>1</v>
      </c>
      <c r="J21" s="235">
        <v>4</v>
      </c>
      <c r="K21" s="256">
        <v>8</v>
      </c>
      <c r="L21" s="257">
        <v>8</v>
      </c>
      <c r="M21" s="233">
        <v>0</v>
      </c>
      <c r="N21" s="235">
        <v>0</v>
      </c>
      <c r="O21" s="256">
        <v>0</v>
      </c>
      <c r="P21" s="238">
        <v>1</v>
      </c>
      <c r="Q21" s="234">
        <v>4</v>
      </c>
      <c r="R21" s="234">
        <v>5</v>
      </c>
      <c r="S21" s="234">
        <v>1</v>
      </c>
      <c r="T21" s="235">
        <v>0</v>
      </c>
      <c r="U21" s="256">
        <v>11</v>
      </c>
      <c r="V21" s="237">
        <v>11</v>
      </c>
      <c r="W21" s="238">
        <v>0</v>
      </c>
      <c r="X21" s="235">
        <v>0</v>
      </c>
      <c r="Y21" s="235">
        <v>0</v>
      </c>
      <c r="Z21" s="236">
        <v>0</v>
      </c>
      <c r="AA21" s="234">
        <v>0</v>
      </c>
      <c r="AB21" s="234">
        <v>0</v>
      </c>
      <c r="AC21" s="234">
        <v>0</v>
      </c>
      <c r="AD21" s="235">
        <v>0</v>
      </c>
      <c r="AE21" s="256">
        <v>0</v>
      </c>
      <c r="AF21" s="257">
        <v>0</v>
      </c>
      <c r="AG21" s="233">
        <v>0</v>
      </c>
      <c r="AH21" s="235">
        <v>0</v>
      </c>
      <c r="AI21" s="235">
        <v>0</v>
      </c>
      <c r="AJ21" s="236">
        <v>0</v>
      </c>
      <c r="AK21" s="234">
        <v>0</v>
      </c>
      <c r="AL21" s="234">
        <v>0</v>
      </c>
      <c r="AM21" s="234">
        <v>0</v>
      </c>
      <c r="AN21" s="235">
        <v>1</v>
      </c>
      <c r="AO21" s="256">
        <v>1</v>
      </c>
      <c r="AP21" s="258">
        <v>1</v>
      </c>
      <c r="AQ21" s="255"/>
    </row>
    <row r="22" spans="2:43" ht="21" customHeight="1" x14ac:dyDescent="0.2">
      <c r="B22" s="173" t="s">
        <v>20</v>
      </c>
      <c r="C22" s="233">
        <v>0</v>
      </c>
      <c r="D22" s="235">
        <v>0</v>
      </c>
      <c r="E22" s="235">
        <v>0</v>
      </c>
      <c r="F22" s="236">
        <v>0</v>
      </c>
      <c r="G22" s="234">
        <v>1</v>
      </c>
      <c r="H22" s="234">
        <v>2</v>
      </c>
      <c r="I22" s="234">
        <v>8</v>
      </c>
      <c r="J22" s="235">
        <v>6</v>
      </c>
      <c r="K22" s="256">
        <v>17</v>
      </c>
      <c r="L22" s="257">
        <v>17</v>
      </c>
      <c r="M22" s="233">
        <v>0</v>
      </c>
      <c r="N22" s="235">
        <v>0</v>
      </c>
      <c r="O22" s="256">
        <v>0</v>
      </c>
      <c r="P22" s="238">
        <v>3</v>
      </c>
      <c r="Q22" s="234">
        <v>1</v>
      </c>
      <c r="R22" s="234">
        <v>2</v>
      </c>
      <c r="S22" s="234">
        <v>7</v>
      </c>
      <c r="T22" s="235">
        <v>1</v>
      </c>
      <c r="U22" s="256">
        <v>14</v>
      </c>
      <c r="V22" s="237">
        <v>14</v>
      </c>
      <c r="W22" s="238">
        <v>0</v>
      </c>
      <c r="X22" s="235">
        <v>0</v>
      </c>
      <c r="Y22" s="235">
        <v>0</v>
      </c>
      <c r="Z22" s="236">
        <v>0</v>
      </c>
      <c r="AA22" s="234">
        <v>0</v>
      </c>
      <c r="AB22" s="234">
        <v>0</v>
      </c>
      <c r="AC22" s="234">
        <v>0</v>
      </c>
      <c r="AD22" s="235">
        <v>0</v>
      </c>
      <c r="AE22" s="256">
        <v>0</v>
      </c>
      <c r="AF22" s="257">
        <v>0</v>
      </c>
      <c r="AG22" s="233">
        <v>0</v>
      </c>
      <c r="AH22" s="235">
        <v>0</v>
      </c>
      <c r="AI22" s="235">
        <v>0</v>
      </c>
      <c r="AJ22" s="236">
        <v>0</v>
      </c>
      <c r="AK22" s="234">
        <v>0</v>
      </c>
      <c r="AL22" s="234">
        <v>0</v>
      </c>
      <c r="AM22" s="234">
        <v>0</v>
      </c>
      <c r="AN22" s="235">
        <v>0</v>
      </c>
      <c r="AO22" s="256">
        <v>0</v>
      </c>
      <c r="AP22" s="258">
        <v>0</v>
      </c>
      <c r="AQ22" s="255"/>
    </row>
    <row r="23" spans="2:43" ht="21" customHeight="1" x14ac:dyDescent="0.2">
      <c r="B23" s="173" t="s">
        <v>21</v>
      </c>
      <c r="C23" s="233">
        <v>0</v>
      </c>
      <c r="D23" s="235">
        <v>0</v>
      </c>
      <c r="E23" s="235">
        <v>0</v>
      </c>
      <c r="F23" s="236">
        <v>0</v>
      </c>
      <c r="G23" s="234">
        <v>0</v>
      </c>
      <c r="H23" s="234">
        <v>2</v>
      </c>
      <c r="I23" s="234">
        <v>7</v>
      </c>
      <c r="J23" s="235">
        <v>5</v>
      </c>
      <c r="K23" s="256">
        <v>14</v>
      </c>
      <c r="L23" s="257">
        <v>14</v>
      </c>
      <c r="M23" s="233">
        <v>0</v>
      </c>
      <c r="N23" s="235">
        <v>0</v>
      </c>
      <c r="O23" s="256">
        <v>0</v>
      </c>
      <c r="P23" s="238">
        <v>0</v>
      </c>
      <c r="Q23" s="234">
        <v>3</v>
      </c>
      <c r="R23" s="234">
        <v>2</v>
      </c>
      <c r="S23" s="234">
        <v>2</v>
      </c>
      <c r="T23" s="235">
        <v>0</v>
      </c>
      <c r="U23" s="256">
        <v>7</v>
      </c>
      <c r="V23" s="237">
        <v>7</v>
      </c>
      <c r="W23" s="238">
        <v>0</v>
      </c>
      <c r="X23" s="235">
        <v>0</v>
      </c>
      <c r="Y23" s="235">
        <v>0</v>
      </c>
      <c r="Z23" s="236">
        <v>0</v>
      </c>
      <c r="AA23" s="234">
        <v>0</v>
      </c>
      <c r="AB23" s="234">
        <v>0</v>
      </c>
      <c r="AC23" s="234">
        <v>0</v>
      </c>
      <c r="AD23" s="235">
        <v>0</v>
      </c>
      <c r="AE23" s="256">
        <v>0</v>
      </c>
      <c r="AF23" s="257">
        <v>0</v>
      </c>
      <c r="AG23" s="233">
        <v>0</v>
      </c>
      <c r="AH23" s="235">
        <v>0</v>
      </c>
      <c r="AI23" s="235">
        <v>0</v>
      </c>
      <c r="AJ23" s="236">
        <v>0</v>
      </c>
      <c r="AK23" s="234">
        <v>0</v>
      </c>
      <c r="AL23" s="234">
        <v>0</v>
      </c>
      <c r="AM23" s="234">
        <v>0</v>
      </c>
      <c r="AN23" s="235">
        <v>0</v>
      </c>
      <c r="AO23" s="256">
        <v>0</v>
      </c>
      <c r="AP23" s="258">
        <v>0</v>
      </c>
      <c r="AQ23" s="255"/>
    </row>
    <row r="24" spans="2:43" ht="21" customHeight="1" x14ac:dyDescent="0.2">
      <c r="B24" s="173" t="s">
        <v>22</v>
      </c>
      <c r="C24" s="233">
        <v>0</v>
      </c>
      <c r="D24" s="235">
        <v>0</v>
      </c>
      <c r="E24" s="235">
        <v>0</v>
      </c>
      <c r="F24" s="236">
        <v>0</v>
      </c>
      <c r="G24" s="234">
        <v>1</v>
      </c>
      <c r="H24" s="234">
        <v>1</v>
      </c>
      <c r="I24" s="234">
        <v>1</v>
      </c>
      <c r="J24" s="235">
        <v>0</v>
      </c>
      <c r="K24" s="256">
        <v>3</v>
      </c>
      <c r="L24" s="257">
        <v>3</v>
      </c>
      <c r="M24" s="233">
        <v>0</v>
      </c>
      <c r="N24" s="235">
        <v>0</v>
      </c>
      <c r="O24" s="256">
        <v>0</v>
      </c>
      <c r="P24" s="238">
        <v>0</v>
      </c>
      <c r="Q24" s="234">
        <v>1</v>
      </c>
      <c r="R24" s="234">
        <v>0</v>
      </c>
      <c r="S24" s="234">
        <v>1</v>
      </c>
      <c r="T24" s="235">
        <v>0</v>
      </c>
      <c r="U24" s="256">
        <v>2</v>
      </c>
      <c r="V24" s="237">
        <v>2</v>
      </c>
      <c r="W24" s="238">
        <v>0</v>
      </c>
      <c r="X24" s="235">
        <v>0</v>
      </c>
      <c r="Y24" s="235">
        <v>0</v>
      </c>
      <c r="Z24" s="236">
        <v>0</v>
      </c>
      <c r="AA24" s="234">
        <v>0</v>
      </c>
      <c r="AB24" s="234">
        <v>0</v>
      </c>
      <c r="AC24" s="234">
        <v>0</v>
      </c>
      <c r="AD24" s="235">
        <v>0</v>
      </c>
      <c r="AE24" s="256">
        <v>0</v>
      </c>
      <c r="AF24" s="257">
        <v>0</v>
      </c>
      <c r="AG24" s="233">
        <v>0</v>
      </c>
      <c r="AH24" s="235">
        <v>0</v>
      </c>
      <c r="AI24" s="235">
        <v>0</v>
      </c>
      <c r="AJ24" s="236">
        <v>0</v>
      </c>
      <c r="AK24" s="234">
        <v>0</v>
      </c>
      <c r="AL24" s="234">
        <v>0</v>
      </c>
      <c r="AM24" s="234">
        <v>0</v>
      </c>
      <c r="AN24" s="235">
        <v>0</v>
      </c>
      <c r="AO24" s="256">
        <v>0</v>
      </c>
      <c r="AP24" s="258">
        <v>0</v>
      </c>
      <c r="AQ24" s="255"/>
    </row>
    <row r="25" spans="2:43" ht="21" customHeight="1" x14ac:dyDescent="0.2">
      <c r="B25" s="173" t="s">
        <v>23</v>
      </c>
      <c r="C25" s="233">
        <v>0</v>
      </c>
      <c r="D25" s="235">
        <v>0</v>
      </c>
      <c r="E25" s="235">
        <v>0</v>
      </c>
      <c r="F25" s="236">
        <v>0</v>
      </c>
      <c r="G25" s="234">
        <v>0</v>
      </c>
      <c r="H25" s="234">
        <v>3</v>
      </c>
      <c r="I25" s="234">
        <v>3</v>
      </c>
      <c r="J25" s="235">
        <v>2</v>
      </c>
      <c r="K25" s="256">
        <v>8</v>
      </c>
      <c r="L25" s="257">
        <v>8</v>
      </c>
      <c r="M25" s="233">
        <v>0</v>
      </c>
      <c r="N25" s="235">
        <v>0</v>
      </c>
      <c r="O25" s="256">
        <v>0</v>
      </c>
      <c r="P25" s="238">
        <v>0</v>
      </c>
      <c r="Q25" s="234">
        <v>0</v>
      </c>
      <c r="R25" s="234">
        <v>0</v>
      </c>
      <c r="S25" s="234">
        <v>0</v>
      </c>
      <c r="T25" s="235">
        <v>1</v>
      </c>
      <c r="U25" s="256">
        <v>1</v>
      </c>
      <c r="V25" s="237">
        <v>1</v>
      </c>
      <c r="W25" s="238">
        <v>0</v>
      </c>
      <c r="X25" s="235">
        <v>0</v>
      </c>
      <c r="Y25" s="235">
        <v>0</v>
      </c>
      <c r="Z25" s="236">
        <v>0</v>
      </c>
      <c r="AA25" s="234">
        <v>0</v>
      </c>
      <c r="AB25" s="234">
        <v>0</v>
      </c>
      <c r="AC25" s="234">
        <v>0</v>
      </c>
      <c r="AD25" s="235">
        <v>0</v>
      </c>
      <c r="AE25" s="256">
        <v>0</v>
      </c>
      <c r="AF25" s="257">
        <v>0</v>
      </c>
      <c r="AG25" s="233">
        <v>0</v>
      </c>
      <c r="AH25" s="235">
        <v>0</v>
      </c>
      <c r="AI25" s="235">
        <v>0</v>
      </c>
      <c r="AJ25" s="236">
        <v>0</v>
      </c>
      <c r="AK25" s="234">
        <v>0</v>
      </c>
      <c r="AL25" s="234">
        <v>0</v>
      </c>
      <c r="AM25" s="234">
        <v>0</v>
      </c>
      <c r="AN25" s="235">
        <v>1</v>
      </c>
      <c r="AO25" s="256">
        <v>1</v>
      </c>
      <c r="AP25" s="258">
        <v>1</v>
      </c>
      <c r="AQ25" s="255"/>
    </row>
    <row r="26" spans="2:43" ht="21" customHeight="1" x14ac:dyDescent="0.2">
      <c r="B26" s="173" t="s">
        <v>24</v>
      </c>
      <c r="C26" s="233">
        <v>0</v>
      </c>
      <c r="D26" s="235">
        <v>0</v>
      </c>
      <c r="E26" s="235">
        <v>0</v>
      </c>
      <c r="F26" s="236">
        <v>0</v>
      </c>
      <c r="G26" s="234">
        <v>0</v>
      </c>
      <c r="H26" s="234">
        <v>1</v>
      </c>
      <c r="I26" s="234">
        <v>3</v>
      </c>
      <c r="J26" s="235">
        <v>1</v>
      </c>
      <c r="K26" s="256">
        <v>5</v>
      </c>
      <c r="L26" s="257">
        <v>5</v>
      </c>
      <c r="M26" s="233">
        <v>0</v>
      </c>
      <c r="N26" s="235">
        <v>0</v>
      </c>
      <c r="O26" s="256">
        <v>0</v>
      </c>
      <c r="P26" s="238">
        <v>0</v>
      </c>
      <c r="Q26" s="234">
        <v>0</v>
      </c>
      <c r="R26" s="234">
        <v>2</v>
      </c>
      <c r="S26" s="234">
        <v>0</v>
      </c>
      <c r="T26" s="235">
        <v>0</v>
      </c>
      <c r="U26" s="256">
        <v>2</v>
      </c>
      <c r="V26" s="237">
        <v>2</v>
      </c>
      <c r="W26" s="238">
        <v>0</v>
      </c>
      <c r="X26" s="235">
        <v>0</v>
      </c>
      <c r="Y26" s="235">
        <v>0</v>
      </c>
      <c r="Z26" s="236">
        <v>0</v>
      </c>
      <c r="AA26" s="234">
        <v>0</v>
      </c>
      <c r="AB26" s="234">
        <v>0</v>
      </c>
      <c r="AC26" s="234">
        <v>0</v>
      </c>
      <c r="AD26" s="235">
        <v>0</v>
      </c>
      <c r="AE26" s="256">
        <v>0</v>
      </c>
      <c r="AF26" s="257">
        <v>0</v>
      </c>
      <c r="AG26" s="233">
        <v>0</v>
      </c>
      <c r="AH26" s="235">
        <v>0</v>
      </c>
      <c r="AI26" s="235">
        <v>0</v>
      </c>
      <c r="AJ26" s="236">
        <v>0</v>
      </c>
      <c r="AK26" s="234">
        <v>0</v>
      </c>
      <c r="AL26" s="234">
        <v>0</v>
      </c>
      <c r="AM26" s="234">
        <v>0</v>
      </c>
      <c r="AN26" s="235">
        <v>0</v>
      </c>
      <c r="AO26" s="256">
        <v>0</v>
      </c>
      <c r="AP26" s="258">
        <v>0</v>
      </c>
      <c r="AQ26" s="255"/>
    </row>
    <row r="27" spans="2:43" ht="21" customHeight="1" x14ac:dyDescent="0.2">
      <c r="B27" s="173" t="s">
        <v>25</v>
      </c>
      <c r="C27" s="233">
        <v>0</v>
      </c>
      <c r="D27" s="235">
        <v>0</v>
      </c>
      <c r="E27" s="235">
        <v>0</v>
      </c>
      <c r="F27" s="236">
        <v>0</v>
      </c>
      <c r="G27" s="234">
        <v>0</v>
      </c>
      <c r="H27" s="234">
        <v>3</v>
      </c>
      <c r="I27" s="234">
        <v>2</v>
      </c>
      <c r="J27" s="235">
        <v>3</v>
      </c>
      <c r="K27" s="256">
        <v>8</v>
      </c>
      <c r="L27" s="257">
        <v>8</v>
      </c>
      <c r="M27" s="233">
        <v>0</v>
      </c>
      <c r="N27" s="235">
        <v>0</v>
      </c>
      <c r="O27" s="256">
        <v>0</v>
      </c>
      <c r="P27" s="238">
        <v>1</v>
      </c>
      <c r="Q27" s="234">
        <v>3</v>
      </c>
      <c r="R27" s="234">
        <v>0</v>
      </c>
      <c r="S27" s="234">
        <v>2</v>
      </c>
      <c r="T27" s="235">
        <v>0</v>
      </c>
      <c r="U27" s="256">
        <v>6</v>
      </c>
      <c r="V27" s="237">
        <v>6</v>
      </c>
      <c r="W27" s="238">
        <v>0</v>
      </c>
      <c r="X27" s="235">
        <v>0</v>
      </c>
      <c r="Y27" s="235">
        <v>0</v>
      </c>
      <c r="Z27" s="236">
        <v>0</v>
      </c>
      <c r="AA27" s="234">
        <v>0</v>
      </c>
      <c r="AB27" s="234">
        <v>0</v>
      </c>
      <c r="AC27" s="234">
        <v>0</v>
      </c>
      <c r="AD27" s="235">
        <v>0</v>
      </c>
      <c r="AE27" s="256">
        <v>0</v>
      </c>
      <c r="AF27" s="257">
        <v>0</v>
      </c>
      <c r="AG27" s="233">
        <v>0</v>
      </c>
      <c r="AH27" s="235">
        <v>0</v>
      </c>
      <c r="AI27" s="235">
        <v>0</v>
      </c>
      <c r="AJ27" s="236">
        <v>0</v>
      </c>
      <c r="AK27" s="234">
        <v>0</v>
      </c>
      <c r="AL27" s="234">
        <v>0</v>
      </c>
      <c r="AM27" s="234">
        <v>0</v>
      </c>
      <c r="AN27" s="235">
        <v>0</v>
      </c>
      <c r="AO27" s="256">
        <v>0</v>
      </c>
      <c r="AP27" s="258">
        <v>0</v>
      </c>
      <c r="AQ27" s="255"/>
    </row>
    <row r="28" spans="2:43" ht="21" customHeight="1" x14ac:dyDescent="0.2">
      <c r="B28" s="173" t="s">
        <v>26</v>
      </c>
      <c r="C28" s="233">
        <v>0</v>
      </c>
      <c r="D28" s="235">
        <v>0</v>
      </c>
      <c r="E28" s="235">
        <v>0</v>
      </c>
      <c r="F28" s="236">
        <v>0</v>
      </c>
      <c r="G28" s="234">
        <v>0</v>
      </c>
      <c r="H28" s="234">
        <v>1</v>
      </c>
      <c r="I28" s="234">
        <v>1</v>
      </c>
      <c r="J28" s="235">
        <v>1</v>
      </c>
      <c r="K28" s="256">
        <v>3</v>
      </c>
      <c r="L28" s="257">
        <v>3</v>
      </c>
      <c r="M28" s="233">
        <v>0</v>
      </c>
      <c r="N28" s="235">
        <v>0</v>
      </c>
      <c r="O28" s="256">
        <v>0</v>
      </c>
      <c r="P28" s="238">
        <v>0</v>
      </c>
      <c r="Q28" s="234">
        <v>3</v>
      </c>
      <c r="R28" s="234">
        <v>2</v>
      </c>
      <c r="S28" s="234">
        <v>3</v>
      </c>
      <c r="T28" s="235">
        <v>0</v>
      </c>
      <c r="U28" s="256">
        <v>8</v>
      </c>
      <c r="V28" s="237">
        <v>8</v>
      </c>
      <c r="W28" s="238">
        <v>0</v>
      </c>
      <c r="X28" s="235">
        <v>0</v>
      </c>
      <c r="Y28" s="235">
        <v>0</v>
      </c>
      <c r="Z28" s="236">
        <v>0</v>
      </c>
      <c r="AA28" s="234">
        <v>0</v>
      </c>
      <c r="AB28" s="234">
        <v>0</v>
      </c>
      <c r="AC28" s="234">
        <v>0</v>
      </c>
      <c r="AD28" s="235">
        <v>0</v>
      </c>
      <c r="AE28" s="256">
        <v>0</v>
      </c>
      <c r="AF28" s="257">
        <v>0</v>
      </c>
      <c r="AG28" s="233">
        <v>0</v>
      </c>
      <c r="AH28" s="235">
        <v>0</v>
      </c>
      <c r="AI28" s="235">
        <v>0</v>
      </c>
      <c r="AJ28" s="236">
        <v>0</v>
      </c>
      <c r="AK28" s="234">
        <v>0</v>
      </c>
      <c r="AL28" s="234">
        <v>0</v>
      </c>
      <c r="AM28" s="234">
        <v>0</v>
      </c>
      <c r="AN28" s="235">
        <v>0</v>
      </c>
      <c r="AO28" s="256">
        <v>0</v>
      </c>
      <c r="AP28" s="258">
        <v>0</v>
      </c>
      <c r="AQ28" s="255"/>
    </row>
    <row r="29" spans="2:43" ht="21" customHeight="1" x14ac:dyDescent="0.2">
      <c r="B29" s="173" t="s">
        <v>27</v>
      </c>
      <c r="C29" s="233">
        <v>0</v>
      </c>
      <c r="D29" s="235">
        <v>0</v>
      </c>
      <c r="E29" s="235">
        <v>0</v>
      </c>
      <c r="F29" s="236">
        <v>0</v>
      </c>
      <c r="G29" s="234">
        <v>0</v>
      </c>
      <c r="H29" s="234">
        <v>1</v>
      </c>
      <c r="I29" s="234">
        <v>1</v>
      </c>
      <c r="J29" s="235">
        <v>1</v>
      </c>
      <c r="K29" s="256">
        <v>3</v>
      </c>
      <c r="L29" s="257">
        <v>3</v>
      </c>
      <c r="M29" s="233">
        <v>0</v>
      </c>
      <c r="N29" s="235">
        <v>0</v>
      </c>
      <c r="O29" s="256">
        <v>0</v>
      </c>
      <c r="P29" s="238">
        <v>1</v>
      </c>
      <c r="Q29" s="234">
        <v>0</v>
      </c>
      <c r="R29" s="234">
        <v>0</v>
      </c>
      <c r="S29" s="234">
        <v>0</v>
      </c>
      <c r="T29" s="235">
        <v>1</v>
      </c>
      <c r="U29" s="256">
        <v>2</v>
      </c>
      <c r="V29" s="237">
        <v>2</v>
      </c>
      <c r="W29" s="238">
        <v>0</v>
      </c>
      <c r="X29" s="235">
        <v>0</v>
      </c>
      <c r="Y29" s="235">
        <v>0</v>
      </c>
      <c r="Z29" s="236">
        <v>0</v>
      </c>
      <c r="AA29" s="234">
        <v>0</v>
      </c>
      <c r="AB29" s="234">
        <v>0</v>
      </c>
      <c r="AC29" s="234">
        <v>0</v>
      </c>
      <c r="AD29" s="235">
        <v>0</v>
      </c>
      <c r="AE29" s="256">
        <v>0</v>
      </c>
      <c r="AF29" s="257">
        <v>0</v>
      </c>
      <c r="AG29" s="233">
        <v>0</v>
      </c>
      <c r="AH29" s="235">
        <v>0</v>
      </c>
      <c r="AI29" s="235">
        <v>0</v>
      </c>
      <c r="AJ29" s="236">
        <v>0</v>
      </c>
      <c r="AK29" s="234">
        <v>0</v>
      </c>
      <c r="AL29" s="234">
        <v>0</v>
      </c>
      <c r="AM29" s="234">
        <v>0</v>
      </c>
      <c r="AN29" s="235">
        <v>0</v>
      </c>
      <c r="AO29" s="256">
        <v>0</v>
      </c>
      <c r="AP29" s="258">
        <v>0</v>
      </c>
      <c r="AQ29" s="255"/>
    </row>
    <row r="30" spans="2:43" ht="21" customHeight="1" x14ac:dyDescent="0.2">
      <c r="B30" s="173" t="s">
        <v>28</v>
      </c>
      <c r="C30" s="233">
        <v>0</v>
      </c>
      <c r="D30" s="235">
        <v>0</v>
      </c>
      <c r="E30" s="235">
        <v>0</v>
      </c>
      <c r="F30" s="236">
        <v>0</v>
      </c>
      <c r="G30" s="234">
        <v>0</v>
      </c>
      <c r="H30" s="234">
        <v>0</v>
      </c>
      <c r="I30" s="234">
        <v>0</v>
      </c>
      <c r="J30" s="235">
        <v>0</v>
      </c>
      <c r="K30" s="256">
        <v>0</v>
      </c>
      <c r="L30" s="257">
        <v>0</v>
      </c>
      <c r="M30" s="233">
        <v>0</v>
      </c>
      <c r="N30" s="235">
        <v>0</v>
      </c>
      <c r="O30" s="256">
        <v>0</v>
      </c>
      <c r="P30" s="238">
        <v>0</v>
      </c>
      <c r="Q30" s="234">
        <v>0</v>
      </c>
      <c r="R30" s="234">
        <v>1</v>
      </c>
      <c r="S30" s="234">
        <v>0</v>
      </c>
      <c r="T30" s="235">
        <v>0</v>
      </c>
      <c r="U30" s="256">
        <v>1</v>
      </c>
      <c r="V30" s="237">
        <v>1</v>
      </c>
      <c r="W30" s="238">
        <v>0</v>
      </c>
      <c r="X30" s="235">
        <v>0</v>
      </c>
      <c r="Y30" s="235">
        <v>0</v>
      </c>
      <c r="Z30" s="236">
        <v>0</v>
      </c>
      <c r="AA30" s="234">
        <v>0</v>
      </c>
      <c r="AB30" s="234">
        <v>0</v>
      </c>
      <c r="AC30" s="234">
        <v>0</v>
      </c>
      <c r="AD30" s="235">
        <v>0</v>
      </c>
      <c r="AE30" s="256">
        <v>0</v>
      </c>
      <c r="AF30" s="257">
        <v>0</v>
      </c>
      <c r="AG30" s="233">
        <v>0</v>
      </c>
      <c r="AH30" s="235">
        <v>0</v>
      </c>
      <c r="AI30" s="235">
        <v>0</v>
      </c>
      <c r="AJ30" s="236">
        <v>0</v>
      </c>
      <c r="AK30" s="234">
        <v>0</v>
      </c>
      <c r="AL30" s="234">
        <v>0</v>
      </c>
      <c r="AM30" s="234">
        <v>0</v>
      </c>
      <c r="AN30" s="235">
        <v>0</v>
      </c>
      <c r="AO30" s="256">
        <v>0</v>
      </c>
      <c r="AP30" s="258">
        <v>0</v>
      </c>
      <c r="AQ30" s="255"/>
    </row>
    <row r="31" spans="2:43" ht="21" customHeight="1" x14ac:dyDescent="0.2">
      <c r="B31" s="173" t="s">
        <v>29</v>
      </c>
      <c r="C31" s="233">
        <v>0</v>
      </c>
      <c r="D31" s="235">
        <v>0</v>
      </c>
      <c r="E31" s="235">
        <v>0</v>
      </c>
      <c r="F31" s="236">
        <v>0</v>
      </c>
      <c r="G31" s="234">
        <v>0</v>
      </c>
      <c r="H31" s="234">
        <v>0</v>
      </c>
      <c r="I31" s="234">
        <v>1</v>
      </c>
      <c r="J31" s="235">
        <v>0</v>
      </c>
      <c r="K31" s="256">
        <v>1</v>
      </c>
      <c r="L31" s="257">
        <v>1</v>
      </c>
      <c r="M31" s="233">
        <v>0</v>
      </c>
      <c r="N31" s="235">
        <v>0</v>
      </c>
      <c r="O31" s="256">
        <v>0</v>
      </c>
      <c r="P31" s="238">
        <v>0</v>
      </c>
      <c r="Q31" s="234">
        <v>0</v>
      </c>
      <c r="R31" s="234">
        <v>0</v>
      </c>
      <c r="S31" s="234">
        <v>0</v>
      </c>
      <c r="T31" s="235">
        <v>2</v>
      </c>
      <c r="U31" s="256">
        <v>2</v>
      </c>
      <c r="V31" s="237">
        <v>2</v>
      </c>
      <c r="W31" s="238">
        <v>0</v>
      </c>
      <c r="X31" s="235">
        <v>0</v>
      </c>
      <c r="Y31" s="235">
        <v>0</v>
      </c>
      <c r="Z31" s="236">
        <v>0</v>
      </c>
      <c r="AA31" s="234">
        <v>0</v>
      </c>
      <c r="AB31" s="234">
        <v>0</v>
      </c>
      <c r="AC31" s="234">
        <v>0</v>
      </c>
      <c r="AD31" s="235">
        <v>0</v>
      </c>
      <c r="AE31" s="256">
        <v>0</v>
      </c>
      <c r="AF31" s="257">
        <v>0</v>
      </c>
      <c r="AG31" s="233">
        <v>0</v>
      </c>
      <c r="AH31" s="235">
        <v>0</v>
      </c>
      <c r="AI31" s="235">
        <v>0</v>
      </c>
      <c r="AJ31" s="236">
        <v>0</v>
      </c>
      <c r="AK31" s="234">
        <v>0</v>
      </c>
      <c r="AL31" s="234">
        <v>0</v>
      </c>
      <c r="AM31" s="234">
        <v>0</v>
      </c>
      <c r="AN31" s="235">
        <v>0</v>
      </c>
      <c r="AO31" s="256">
        <v>0</v>
      </c>
      <c r="AP31" s="258">
        <v>0</v>
      </c>
      <c r="AQ31" s="255"/>
    </row>
    <row r="32" spans="2:43" ht="21" customHeight="1" x14ac:dyDescent="0.2">
      <c r="B32" s="173" t="s">
        <v>30</v>
      </c>
      <c r="C32" s="233">
        <v>0</v>
      </c>
      <c r="D32" s="235">
        <v>0</v>
      </c>
      <c r="E32" s="235">
        <v>0</v>
      </c>
      <c r="F32" s="236">
        <v>0</v>
      </c>
      <c r="G32" s="234">
        <v>0</v>
      </c>
      <c r="H32" s="234">
        <v>1</v>
      </c>
      <c r="I32" s="234">
        <v>0</v>
      </c>
      <c r="J32" s="235">
        <v>1</v>
      </c>
      <c r="K32" s="256">
        <v>2</v>
      </c>
      <c r="L32" s="257">
        <v>2</v>
      </c>
      <c r="M32" s="233">
        <v>0</v>
      </c>
      <c r="N32" s="235">
        <v>0</v>
      </c>
      <c r="O32" s="256">
        <v>0</v>
      </c>
      <c r="P32" s="238">
        <v>0</v>
      </c>
      <c r="Q32" s="234">
        <v>0</v>
      </c>
      <c r="R32" s="234">
        <v>0</v>
      </c>
      <c r="S32" s="234">
        <v>0</v>
      </c>
      <c r="T32" s="235">
        <v>0</v>
      </c>
      <c r="U32" s="256">
        <v>0</v>
      </c>
      <c r="V32" s="237">
        <v>0</v>
      </c>
      <c r="W32" s="238">
        <v>0</v>
      </c>
      <c r="X32" s="235">
        <v>0</v>
      </c>
      <c r="Y32" s="235">
        <v>0</v>
      </c>
      <c r="Z32" s="236">
        <v>0</v>
      </c>
      <c r="AA32" s="234">
        <v>0</v>
      </c>
      <c r="AB32" s="234">
        <v>0</v>
      </c>
      <c r="AC32" s="234">
        <v>0</v>
      </c>
      <c r="AD32" s="235">
        <v>0</v>
      </c>
      <c r="AE32" s="256">
        <v>0</v>
      </c>
      <c r="AF32" s="257">
        <v>0</v>
      </c>
      <c r="AG32" s="233">
        <v>0</v>
      </c>
      <c r="AH32" s="235">
        <v>0</v>
      </c>
      <c r="AI32" s="235">
        <v>0</v>
      </c>
      <c r="AJ32" s="236">
        <v>0</v>
      </c>
      <c r="AK32" s="234">
        <v>0</v>
      </c>
      <c r="AL32" s="234">
        <v>0</v>
      </c>
      <c r="AM32" s="234">
        <v>0</v>
      </c>
      <c r="AN32" s="235">
        <v>0</v>
      </c>
      <c r="AO32" s="256">
        <v>0</v>
      </c>
      <c r="AP32" s="258">
        <v>0</v>
      </c>
      <c r="AQ32" s="255"/>
    </row>
    <row r="33" spans="2:43" ht="21" customHeight="1" x14ac:dyDescent="0.2">
      <c r="B33" s="173" t="s">
        <v>31</v>
      </c>
      <c r="C33" s="233">
        <v>0</v>
      </c>
      <c r="D33" s="235">
        <v>0</v>
      </c>
      <c r="E33" s="235">
        <v>0</v>
      </c>
      <c r="F33" s="236">
        <v>0</v>
      </c>
      <c r="G33" s="234">
        <v>0</v>
      </c>
      <c r="H33" s="234">
        <v>1</v>
      </c>
      <c r="I33" s="234">
        <v>1</v>
      </c>
      <c r="J33" s="235">
        <v>1</v>
      </c>
      <c r="K33" s="256">
        <v>3</v>
      </c>
      <c r="L33" s="257">
        <v>3</v>
      </c>
      <c r="M33" s="233">
        <v>0</v>
      </c>
      <c r="N33" s="235">
        <v>0</v>
      </c>
      <c r="O33" s="256">
        <v>0</v>
      </c>
      <c r="P33" s="238">
        <v>0</v>
      </c>
      <c r="Q33" s="234">
        <v>0</v>
      </c>
      <c r="R33" s="234">
        <v>3</v>
      </c>
      <c r="S33" s="234">
        <v>0</v>
      </c>
      <c r="T33" s="235">
        <v>0</v>
      </c>
      <c r="U33" s="256">
        <v>3</v>
      </c>
      <c r="V33" s="237">
        <v>3</v>
      </c>
      <c r="W33" s="238">
        <v>0</v>
      </c>
      <c r="X33" s="235">
        <v>0</v>
      </c>
      <c r="Y33" s="235">
        <v>0</v>
      </c>
      <c r="Z33" s="236">
        <v>0</v>
      </c>
      <c r="AA33" s="234">
        <v>0</v>
      </c>
      <c r="AB33" s="234">
        <v>0</v>
      </c>
      <c r="AC33" s="234">
        <v>0</v>
      </c>
      <c r="AD33" s="235">
        <v>0</v>
      </c>
      <c r="AE33" s="256">
        <v>0</v>
      </c>
      <c r="AF33" s="257">
        <v>0</v>
      </c>
      <c r="AG33" s="233">
        <v>0</v>
      </c>
      <c r="AH33" s="235">
        <v>0</v>
      </c>
      <c r="AI33" s="235">
        <v>0</v>
      </c>
      <c r="AJ33" s="236">
        <v>0</v>
      </c>
      <c r="AK33" s="234">
        <v>0</v>
      </c>
      <c r="AL33" s="234">
        <v>0</v>
      </c>
      <c r="AM33" s="234">
        <v>0</v>
      </c>
      <c r="AN33" s="235">
        <v>0</v>
      </c>
      <c r="AO33" s="256">
        <v>0</v>
      </c>
      <c r="AP33" s="258">
        <v>0</v>
      </c>
      <c r="AQ33" s="255"/>
    </row>
    <row r="34" spans="2:43" ht="21" customHeight="1" x14ac:dyDescent="0.2">
      <c r="B34" s="173" t="s">
        <v>32</v>
      </c>
      <c r="C34" s="233">
        <v>0</v>
      </c>
      <c r="D34" s="235">
        <v>0</v>
      </c>
      <c r="E34" s="235">
        <v>0</v>
      </c>
      <c r="F34" s="236">
        <v>0</v>
      </c>
      <c r="G34" s="234">
        <v>0</v>
      </c>
      <c r="H34" s="234">
        <v>1</v>
      </c>
      <c r="I34" s="234">
        <v>0</v>
      </c>
      <c r="J34" s="235">
        <v>1</v>
      </c>
      <c r="K34" s="256">
        <v>2</v>
      </c>
      <c r="L34" s="257">
        <v>2</v>
      </c>
      <c r="M34" s="233">
        <v>0</v>
      </c>
      <c r="N34" s="235">
        <v>0</v>
      </c>
      <c r="O34" s="256">
        <v>0</v>
      </c>
      <c r="P34" s="238">
        <v>0</v>
      </c>
      <c r="Q34" s="234">
        <v>0</v>
      </c>
      <c r="R34" s="234">
        <v>0</v>
      </c>
      <c r="S34" s="234">
        <v>1</v>
      </c>
      <c r="T34" s="235">
        <v>0</v>
      </c>
      <c r="U34" s="256">
        <v>1</v>
      </c>
      <c r="V34" s="237">
        <v>1</v>
      </c>
      <c r="W34" s="238">
        <v>0</v>
      </c>
      <c r="X34" s="235">
        <v>0</v>
      </c>
      <c r="Y34" s="235">
        <v>0</v>
      </c>
      <c r="Z34" s="236">
        <v>0</v>
      </c>
      <c r="AA34" s="234">
        <v>0</v>
      </c>
      <c r="AB34" s="234">
        <v>0</v>
      </c>
      <c r="AC34" s="234">
        <v>0</v>
      </c>
      <c r="AD34" s="235">
        <v>0</v>
      </c>
      <c r="AE34" s="256">
        <v>0</v>
      </c>
      <c r="AF34" s="257">
        <v>0</v>
      </c>
      <c r="AG34" s="233">
        <v>0</v>
      </c>
      <c r="AH34" s="235">
        <v>0</v>
      </c>
      <c r="AI34" s="235">
        <v>0</v>
      </c>
      <c r="AJ34" s="236">
        <v>0</v>
      </c>
      <c r="AK34" s="234">
        <v>0</v>
      </c>
      <c r="AL34" s="234">
        <v>0</v>
      </c>
      <c r="AM34" s="234">
        <v>0</v>
      </c>
      <c r="AN34" s="235">
        <v>0</v>
      </c>
      <c r="AO34" s="256">
        <v>0</v>
      </c>
      <c r="AP34" s="258">
        <v>0</v>
      </c>
      <c r="AQ34" s="255"/>
    </row>
    <row r="35" spans="2:43" ht="21" customHeight="1" x14ac:dyDescent="0.2">
      <c r="B35" s="173" t="s">
        <v>33</v>
      </c>
      <c r="C35" s="233">
        <v>0</v>
      </c>
      <c r="D35" s="235">
        <v>0</v>
      </c>
      <c r="E35" s="235">
        <v>0</v>
      </c>
      <c r="F35" s="236">
        <v>0</v>
      </c>
      <c r="G35" s="234">
        <v>0</v>
      </c>
      <c r="H35" s="234">
        <v>0</v>
      </c>
      <c r="I35" s="234">
        <v>0</v>
      </c>
      <c r="J35" s="235">
        <v>0</v>
      </c>
      <c r="K35" s="256">
        <v>0</v>
      </c>
      <c r="L35" s="257">
        <v>0</v>
      </c>
      <c r="M35" s="233">
        <v>0</v>
      </c>
      <c r="N35" s="235">
        <v>0</v>
      </c>
      <c r="O35" s="256">
        <v>0</v>
      </c>
      <c r="P35" s="238">
        <v>0</v>
      </c>
      <c r="Q35" s="234">
        <v>0</v>
      </c>
      <c r="R35" s="234">
        <v>0</v>
      </c>
      <c r="S35" s="234">
        <v>0</v>
      </c>
      <c r="T35" s="235">
        <v>1</v>
      </c>
      <c r="U35" s="256">
        <v>1</v>
      </c>
      <c r="V35" s="237">
        <v>1</v>
      </c>
      <c r="W35" s="238">
        <v>0</v>
      </c>
      <c r="X35" s="235">
        <v>0</v>
      </c>
      <c r="Y35" s="235">
        <v>0</v>
      </c>
      <c r="Z35" s="236">
        <v>0</v>
      </c>
      <c r="AA35" s="234">
        <v>0</v>
      </c>
      <c r="AB35" s="234">
        <v>0</v>
      </c>
      <c r="AC35" s="234">
        <v>0</v>
      </c>
      <c r="AD35" s="235">
        <v>0</v>
      </c>
      <c r="AE35" s="256">
        <v>0</v>
      </c>
      <c r="AF35" s="257">
        <v>0</v>
      </c>
      <c r="AG35" s="233">
        <v>0</v>
      </c>
      <c r="AH35" s="235">
        <v>0</v>
      </c>
      <c r="AI35" s="235">
        <v>0</v>
      </c>
      <c r="AJ35" s="236">
        <v>0</v>
      </c>
      <c r="AK35" s="234">
        <v>0</v>
      </c>
      <c r="AL35" s="234">
        <v>0</v>
      </c>
      <c r="AM35" s="234">
        <v>0</v>
      </c>
      <c r="AN35" s="235">
        <v>3</v>
      </c>
      <c r="AO35" s="256">
        <v>3</v>
      </c>
      <c r="AP35" s="258">
        <v>3</v>
      </c>
      <c r="AQ35" s="255"/>
    </row>
    <row r="36" spans="2:43" ht="21" customHeight="1" x14ac:dyDescent="0.2">
      <c r="B36" s="173" t="s">
        <v>34</v>
      </c>
      <c r="C36" s="233">
        <v>0</v>
      </c>
      <c r="D36" s="235">
        <v>0</v>
      </c>
      <c r="E36" s="235">
        <v>0</v>
      </c>
      <c r="F36" s="236">
        <v>0</v>
      </c>
      <c r="G36" s="234">
        <v>0</v>
      </c>
      <c r="H36" s="234">
        <v>0</v>
      </c>
      <c r="I36" s="234">
        <v>0</v>
      </c>
      <c r="J36" s="235">
        <v>0</v>
      </c>
      <c r="K36" s="256">
        <v>0</v>
      </c>
      <c r="L36" s="257">
        <v>0</v>
      </c>
      <c r="M36" s="233">
        <v>0</v>
      </c>
      <c r="N36" s="235">
        <v>0</v>
      </c>
      <c r="O36" s="256">
        <v>0</v>
      </c>
      <c r="P36" s="238">
        <v>0</v>
      </c>
      <c r="Q36" s="234">
        <v>0</v>
      </c>
      <c r="R36" s="234">
        <v>0</v>
      </c>
      <c r="S36" s="234">
        <v>1</v>
      </c>
      <c r="T36" s="235">
        <v>0</v>
      </c>
      <c r="U36" s="256">
        <v>1</v>
      </c>
      <c r="V36" s="237">
        <v>1</v>
      </c>
      <c r="W36" s="238">
        <v>0</v>
      </c>
      <c r="X36" s="235">
        <v>0</v>
      </c>
      <c r="Y36" s="235">
        <v>0</v>
      </c>
      <c r="Z36" s="236">
        <v>0</v>
      </c>
      <c r="AA36" s="234">
        <v>0</v>
      </c>
      <c r="AB36" s="234">
        <v>0</v>
      </c>
      <c r="AC36" s="234">
        <v>0</v>
      </c>
      <c r="AD36" s="235">
        <v>0</v>
      </c>
      <c r="AE36" s="256">
        <v>0</v>
      </c>
      <c r="AF36" s="257">
        <v>0</v>
      </c>
      <c r="AG36" s="233">
        <v>0</v>
      </c>
      <c r="AH36" s="235">
        <v>0</v>
      </c>
      <c r="AI36" s="235">
        <v>0</v>
      </c>
      <c r="AJ36" s="236">
        <v>0</v>
      </c>
      <c r="AK36" s="234">
        <v>0</v>
      </c>
      <c r="AL36" s="234">
        <v>0</v>
      </c>
      <c r="AM36" s="234">
        <v>0</v>
      </c>
      <c r="AN36" s="235">
        <v>0</v>
      </c>
      <c r="AO36" s="256">
        <v>0</v>
      </c>
      <c r="AP36" s="258">
        <v>0</v>
      </c>
      <c r="AQ36" s="255"/>
    </row>
    <row r="37" spans="2:43" ht="21" customHeight="1" x14ac:dyDescent="0.2">
      <c r="B37" s="173" t="s">
        <v>35</v>
      </c>
      <c r="C37" s="233">
        <v>0</v>
      </c>
      <c r="D37" s="235">
        <v>0</v>
      </c>
      <c r="E37" s="235">
        <v>0</v>
      </c>
      <c r="F37" s="236">
        <v>0</v>
      </c>
      <c r="G37" s="234">
        <v>0</v>
      </c>
      <c r="H37" s="234">
        <v>0</v>
      </c>
      <c r="I37" s="234">
        <v>1</v>
      </c>
      <c r="J37" s="235">
        <v>0</v>
      </c>
      <c r="K37" s="256">
        <v>1</v>
      </c>
      <c r="L37" s="257">
        <v>1</v>
      </c>
      <c r="M37" s="233">
        <v>0</v>
      </c>
      <c r="N37" s="235">
        <v>0</v>
      </c>
      <c r="O37" s="256">
        <v>0</v>
      </c>
      <c r="P37" s="238">
        <v>0</v>
      </c>
      <c r="Q37" s="234">
        <v>0</v>
      </c>
      <c r="R37" s="234">
        <v>0</v>
      </c>
      <c r="S37" s="234">
        <v>0</v>
      </c>
      <c r="T37" s="235">
        <v>0</v>
      </c>
      <c r="U37" s="256">
        <v>0</v>
      </c>
      <c r="V37" s="237">
        <v>0</v>
      </c>
      <c r="W37" s="238">
        <v>0</v>
      </c>
      <c r="X37" s="235">
        <v>0</v>
      </c>
      <c r="Y37" s="235">
        <v>0</v>
      </c>
      <c r="Z37" s="236">
        <v>0</v>
      </c>
      <c r="AA37" s="234">
        <v>0</v>
      </c>
      <c r="AB37" s="234">
        <v>0</v>
      </c>
      <c r="AC37" s="234">
        <v>0</v>
      </c>
      <c r="AD37" s="235">
        <v>0</v>
      </c>
      <c r="AE37" s="256">
        <v>0</v>
      </c>
      <c r="AF37" s="257">
        <v>0</v>
      </c>
      <c r="AG37" s="233">
        <v>0</v>
      </c>
      <c r="AH37" s="235">
        <v>0</v>
      </c>
      <c r="AI37" s="235">
        <v>0</v>
      </c>
      <c r="AJ37" s="236">
        <v>0</v>
      </c>
      <c r="AK37" s="234">
        <v>0</v>
      </c>
      <c r="AL37" s="234">
        <v>0</v>
      </c>
      <c r="AM37" s="234">
        <v>0</v>
      </c>
      <c r="AN37" s="235">
        <v>0</v>
      </c>
      <c r="AO37" s="256">
        <v>0</v>
      </c>
      <c r="AP37" s="258">
        <v>0</v>
      </c>
      <c r="AQ37" s="255"/>
    </row>
    <row r="38" spans="2:43" ht="21" customHeight="1" x14ac:dyDescent="0.2">
      <c r="B38" s="173" t="s">
        <v>36</v>
      </c>
      <c r="C38" s="233">
        <v>0</v>
      </c>
      <c r="D38" s="235">
        <v>0</v>
      </c>
      <c r="E38" s="235">
        <v>0</v>
      </c>
      <c r="F38" s="236">
        <v>0</v>
      </c>
      <c r="G38" s="234">
        <v>0</v>
      </c>
      <c r="H38" s="234">
        <v>0</v>
      </c>
      <c r="I38" s="234">
        <v>1</v>
      </c>
      <c r="J38" s="235">
        <v>1</v>
      </c>
      <c r="K38" s="256">
        <v>2</v>
      </c>
      <c r="L38" s="257">
        <v>2</v>
      </c>
      <c r="M38" s="233">
        <v>0</v>
      </c>
      <c r="N38" s="235">
        <v>0</v>
      </c>
      <c r="O38" s="256">
        <v>0</v>
      </c>
      <c r="P38" s="238">
        <v>0</v>
      </c>
      <c r="Q38" s="234">
        <v>0</v>
      </c>
      <c r="R38" s="234">
        <v>1</v>
      </c>
      <c r="S38" s="234">
        <v>0</v>
      </c>
      <c r="T38" s="235">
        <v>0</v>
      </c>
      <c r="U38" s="256">
        <v>1</v>
      </c>
      <c r="V38" s="237">
        <v>1</v>
      </c>
      <c r="W38" s="238">
        <v>0</v>
      </c>
      <c r="X38" s="235">
        <v>0</v>
      </c>
      <c r="Y38" s="235">
        <v>0</v>
      </c>
      <c r="Z38" s="236">
        <v>0</v>
      </c>
      <c r="AA38" s="234">
        <v>0</v>
      </c>
      <c r="AB38" s="234">
        <v>0</v>
      </c>
      <c r="AC38" s="234">
        <v>0</v>
      </c>
      <c r="AD38" s="235">
        <v>0</v>
      </c>
      <c r="AE38" s="256">
        <v>0</v>
      </c>
      <c r="AF38" s="257">
        <v>0</v>
      </c>
      <c r="AG38" s="233">
        <v>0</v>
      </c>
      <c r="AH38" s="235">
        <v>0</v>
      </c>
      <c r="AI38" s="235">
        <v>0</v>
      </c>
      <c r="AJ38" s="236">
        <v>0</v>
      </c>
      <c r="AK38" s="234">
        <v>0</v>
      </c>
      <c r="AL38" s="234">
        <v>0</v>
      </c>
      <c r="AM38" s="234">
        <v>0</v>
      </c>
      <c r="AN38" s="235">
        <v>0</v>
      </c>
      <c r="AO38" s="256">
        <v>0</v>
      </c>
      <c r="AP38" s="258">
        <v>0</v>
      </c>
      <c r="AQ38" s="255"/>
    </row>
    <row r="39" spans="2:43" ht="21" customHeight="1" thickBot="1" x14ac:dyDescent="0.25">
      <c r="B39" s="175" t="s">
        <v>37</v>
      </c>
      <c r="C39" s="239">
        <v>0</v>
      </c>
      <c r="D39" s="241">
        <v>0</v>
      </c>
      <c r="E39" s="241">
        <v>0</v>
      </c>
      <c r="F39" s="242">
        <v>0</v>
      </c>
      <c r="G39" s="240">
        <v>0</v>
      </c>
      <c r="H39" s="240">
        <v>0</v>
      </c>
      <c r="I39" s="240">
        <v>0</v>
      </c>
      <c r="J39" s="241">
        <v>0</v>
      </c>
      <c r="K39" s="259">
        <v>0</v>
      </c>
      <c r="L39" s="260">
        <v>0</v>
      </c>
      <c r="M39" s="239">
        <v>0</v>
      </c>
      <c r="N39" s="241">
        <v>0</v>
      </c>
      <c r="O39" s="259">
        <v>0</v>
      </c>
      <c r="P39" s="244">
        <v>0</v>
      </c>
      <c r="Q39" s="240">
        <v>0</v>
      </c>
      <c r="R39" s="240">
        <v>0</v>
      </c>
      <c r="S39" s="240">
        <v>0</v>
      </c>
      <c r="T39" s="241">
        <v>0</v>
      </c>
      <c r="U39" s="259">
        <v>0</v>
      </c>
      <c r="V39" s="243">
        <v>0</v>
      </c>
      <c r="W39" s="244">
        <v>0</v>
      </c>
      <c r="X39" s="241">
        <v>0</v>
      </c>
      <c r="Y39" s="241">
        <v>0</v>
      </c>
      <c r="Z39" s="242">
        <v>0</v>
      </c>
      <c r="AA39" s="240">
        <v>0</v>
      </c>
      <c r="AB39" s="240">
        <v>0</v>
      </c>
      <c r="AC39" s="240">
        <v>0</v>
      </c>
      <c r="AD39" s="241">
        <v>0</v>
      </c>
      <c r="AE39" s="259">
        <v>0</v>
      </c>
      <c r="AF39" s="260">
        <v>0</v>
      </c>
      <c r="AG39" s="239">
        <v>0</v>
      </c>
      <c r="AH39" s="241">
        <v>0</v>
      </c>
      <c r="AI39" s="241">
        <v>0</v>
      </c>
      <c r="AJ39" s="242">
        <v>0</v>
      </c>
      <c r="AK39" s="240">
        <v>0</v>
      </c>
      <c r="AL39" s="240">
        <v>0</v>
      </c>
      <c r="AM39" s="240">
        <v>0</v>
      </c>
      <c r="AN39" s="241">
        <v>0</v>
      </c>
      <c r="AO39" s="259">
        <v>0</v>
      </c>
      <c r="AP39" s="261">
        <v>0</v>
      </c>
      <c r="AQ39" s="255"/>
    </row>
    <row r="40" spans="2:43" x14ac:dyDescent="0.2">
      <c r="C40" s="262"/>
      <c r="D40" s="262"/>
      <c r="E40" s="262"/>
      <c r="F40" s="262"/>
      <c r="G40" s="262"/>
      <c r="H40" s="262"/>
      <c r="I40" s="262"/>
      <c r="J40" s="262"/>
      <c r="K40" s="262"/>
      <c r="L40" s="262"/>
      <c r="M40" s="255"/>
      <c r="N40" s="255"/>
      <c r="O40" s="255"/>
      <c r="P40" s="255"/>
      <c r="Q40" s="255"/>
      <c r="R40" s="255"/>
      <c r="S40" s="255"/>
      <c r="T40" s="255"/>
      <c r="U40" s="255"/>
      <c r="V40" s="255"/>
      <c r="W40" s="255"/>
      <c r="X40" s="255"/>
      <c r="Y40" s="255"/>
      <c r="Z40" s="255"/>
      <c r="AA40" s="255"/>
      <c r="AB40" s="255"/>
      <c r="AC40" s="255"/>
      <c r="AD40" s="255"/>
      <c r="AE40" s="255"/>
      <c r="AF40" s="255"/>
      <c r="AG40" s="255"/>
      <c r="AH40" s="255"/>
      <c r="AI40" s="255"/>
      <c r="AJ40" s="255"/>
      <c r="AK40" s="255"/>
      <c r="AL40" s="255"/>
      <c r="AM40" s="255"/>
      <c r="AN40" s="255"/>
      <c r="AO40" s="255"/>
      <c r="AP40" s="255"/>
      <c r="AQ40" s="255"/>
    </row>
    <row r="41" spans="2:43" x14ac:dyDescent="0.2">
      <c r="C41" s="262"/>
      <c r="D41" s="262"/>
      <c r="E41" s="262"/>
      <c r="F41" s="262"/>
      <c r="G41" s="262"/>
      <c r="H41" s="262"/>
      <c r="I41" s="262"/>
      <c r="J41" s="262"/>
      <c r="K41" s="262"/>
      <c r="L41" s="262"/>
      <c r="M41" s="255"/>
      <c r="N41" s="255"/>
      <c r="O41" s="255"/>
      <c r="P41" s="255"/>
      <c r="Q41" s="255"/>
      <c r="R41" s="255"/>
      <c r="S41" s="255"/>
      <c r="T41" s="255"/>
      <c r="U41" s="255"/>
      <c r="V41" s="255"/>
      <c r="W41" s="255"/>
      <c r="X41" s="255"/>
      <c r="Y41" s="255"/>
      <c r="Z41" s="255"/>
      <c r="AA41" s="255"/>
      <c r="AB41" s="255"/>
      <c r="AC41" s="255"/>
      <c r="AD41" s="255"/>
      <c r="AE41" s="255"/>
      <c r="AF41" s="255"/>
      <c r="AG41" s="255"/>
      <c r="AH41" s="255"/>
      <c r="AI41" s="255"/>
      <c r="AJ41" s="255"/>
      <c r="AK41" s="255"/>
      <c r="AL41" s="255"/>
      <c r="AM41" s="255"/>
      <c r="AN41" s="255"/>
      <c r="AO41" s="255"/>
      <c r="AP41" s="255"/>
      <c r="AQ41" s="255"/>
    </row>
    <row r="42" spans="2:43" x14ac:dyDescent="0.2">
      <c r="C42" s="262"/>
      <c r="D42" s="262"/>
      <c r="E42" s="262"/>
      <c r="F42" s="262"/>
      <c r="G42" s="262"/>
      <c r="H42" s="262"/>
      <c r="I42" s="262"/>
      <c r="J42" s="262"/>
      <c r="K42" s="262"/>
      <c r="L42" s="262"/>
      <c r="M42" s="255"/>
      <c r="N42" s="255"/>
      <c r="O42" s="255"/>
      <c r="P42" s="255"/>
      <c r="Q42" s="255"/>
      <c r="R42" s="255"/>
      <c r="S42" s="255"/>
      <c r="T42" s="255"/>
      <c r="U42" s="255"/>
      <c r="V42" s="255"/>
      <c r="W42" s="255"/>
      <c r="X42" s="255"/>
      <c r="Y42" s="255"/>
      <c r="Z42" s="255"/>
      <c r="AA42" s="255"/>
      <c r="AB42" s="255"/>
      <c r="AC42" s="255"/>
      <c r="AD42" s="255"/>
      <c r="AE42" s="255"/>
      <c r="AF42" s="255"/>
      <c r="AG42" s="255"/>
      <c r="AH42" s="255"/>
      <c r="AI42" s="255"/>
      <c r="AJ42" s="255"/>
      <c r="AK42" s="255"/>
      <c r="AL42" s="255"/>
      <c r="AM42" s="255"/>
      <c r="AN42" s="255"/>
      <c r="AO42" s="255"/>
      <c r="AP42" s="255"/>
      <c r="AQ42" s="255"/>
    </row>
    <row r="43" spans="2:43" x14ac:dyDescent="0.2">
      <c r="C43" s="262"/>
      <c r="D43" s="262"/>
      <c r="E43" s="262"/>
      <c r="F43" s="262"/>
      <c r="G43" s="262"/>
      <c r="H43" s="262"/>
      <c r="I43" s="262"/>
      <c r="J43" s="262"/>
      <c r="K43" s="262"/>
      <c r="L43" s="262"/>
      <c r="M43" s="255"/>
      <c r="N43" s="255"/>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row>
    <row r="44" spans="2:43" x14ac:dyDescent="0.2">
      <c r="C44" s="262"/>
      <c r="D44" s="262"/>
      <c r="E44" s="262"/>
      <c r="F44" s="262"/>
      <c r="G44" s="262"/>
      <c r="H44" s="262"/>
      <c r="I44" s="262"/>
      <c r="J44" s="262"/>
      <c r="K44" s="262"/>
      <c r="L44" s="262"/>
      <c r="M44" s="255"/>
      <c r="N44" s="255"/>
      <c r="O44" s="255"/>
      <c r="P44" s="255"/>
      <c r="Q44" s="255"/>
      <c r="R44" s="255"/>
      <c r="S44" s="255"/>
      <c r="T44" s="255"/>
      <c r="U44" s="255"/>
      <c r="V44" s="255"/>
      <c r="W44" s="255"/>
      <c r="X44" s="255"/>
      <c r="Y44" s="255"/>
      <c r="Z44" s="255"/>
      <c r="AA44" s="255"/>
      <c r="AB44" s="255"/>
      <c r="AC44" s="255"/>
      <c r="AD44" s="255"/>
      <c r="AE44" s="255"/>
      <c r="AF44" s="255"/>
      <c r="AG44" s="255"/>
      <c r="AH44" s="255"/>
      <c r="AI44" s="255"/>
      <c r="AJ44" s="255"/>
      <c r="AK44" s="255"/>
      <c r="AL44" s="255"/>
      <c r="AM44" s="255"/>
      <c r="AN44" s="255"/>
      <c r="AO44" s="255"/>
      <c r="AP44" s="255"/>
      <c r="AQ44" s="255"/>
    </row>
    <row r="45" spans="2:43" x14ac:dyDescent="0.2">
      <c r="C45" s="137"/>
      <c r="D45" s="137"/>
      <c r="E45" s="137"/>
      <c r="F45" s="137"/>
      <c r="G45" s="137"/>
      <c r="H45" s="137"/>
      <c r="I45" s="137"/>
      <c r="J45" s="137"/>
      <c r="K45" s="137"/>
      <c r="L45" s="137"/>
    </row>
    <row r="46" spans="2:43" x14ac:dyDescent="0.2">
      <c r="C46" s="137"/>
      <c r="D46" s="137"/>
      <c r="E46" s="137"/>
      <c r="F46" s="137"/>
      <c r="G46" s="137"/>
      <c r="H46" s="137"/>
      <c r="I46" s="137"/>
      <c r="J46" s="137"/>
      <c r="K46" s="137"/>
      <c r="L46" s="137"/>
    </row>
    <row r="47" spans="2:43" x14ac:dyDescent="0.2">
      <c r="C47" s="137"/>
      <c r="D47" s="137"/>
      <c r="E47" s="137"/>
      <c r="F47" s="137"/>
      <c r="G47" s="137"/>
      <c r="H47" s="137"/>
      <c r="I47" s="137"/>
      <c r="J47" s="137"/>
      <c r="K47" s="137"/>
      <c r="L47" s="137"/>
    </row>
    <row r="48" spans="2:43" x14ac:dyDescent="0.2">
      <c r="C48" s="137"/>
      <c r="D48" s="137"/>
      <c r="E48" s="137"/>
      <c r="F48" s="137"/>
      <c r="G48" s="137"/>
      <c r="H48" s="137"/>
      <c r="I48" s="137"/>
      <c r="J48" s="137"/>
      <c r="K48" s="137"/>
      <c r="L48" s="137"/>
    </row>
    <row r="49" spans="3:12" x14ac:dyDescent="0.2">
      <c r="C49" s="137"/>
      <c r="D49" s="137"/>
      <c r="E49" s="137"/>
      <c r="F49" s="137"/>
      <c r="G49" s="137"/>
      <c r="H49" s="137"/>
      <c r="I49" s="137"/>
      <c r="J49" s="137"/>
      <c r="K49" s="137"/>
      <c r="L49" s="137"/>
    </row>
    <row r="50" spans="3:12" x14ac:dyDescent="0.2">
      <c r="C50" s="137"/>
      <c r="D50" s="137"/>
      <c r="E50" s="137"/>
      <c r="F50" s="137"/>
      <c r="G50" s="137"/>
      <c r="H50" s="137"/>
      <c r="I50" s="137"/>
      <c r="J50" s="137"/>
      <c r="K50" s="137"/>
      <c r="L50" s="137"/>
    </row>
    <row r="51" spans="3:12" x14ac:dyDescent="0.2">
      <c r="C51" s="137"/>
      <c r="D51" s="137"/>
      <c r="E51" s="137"/>
      <c r="F51" s="137"/>
      <c r="G51" s="137"/>
      <c r="H51" s="137"/>
      <c r="I51" s="137"/>
      <c r="J51" s="137"/>
      <c r="K51" s="137"/>
      <c r="L51" s="137"/>
    </row>
    <row r="52" spans="3:12" x14ac:dyDescent="0.2">
      <c r="C52" s="137"/>
      <c r="D52" s="137"/>
      <c r="E52" s="137"/>
      <c r="F52" s="137"/>
      <c r="G52" s="137"/>
      <c r="H52" s="137"/>
      <c r="I52" s="137"/>
      <c r="J52" s="137"/>
      <c r="K52" s="137"/>
      <c r="L52" s="137"/>
    </row>
    <row r="53" spans="3:12" x14ac:dyDescent="0.2">
      <c r="C53" s="137"/>
      <c r="D53" s="137"/>
      <c r="E53" s="137"/>
      <c r="F53" s="137"/>
      <c r="G53" s="137"/>
      <c r="H53" s="137"/>
      <c r="I53" s="137"/>
      <c r="J53" s="137"/>
      <c r="K53" s="137"/>
      <c r="L53" s="137"/>
    </row>
    <row r="54" spans="3:12" x14ac:dyDescent="0.2">
      <c r="C54" s="137"/>
      <c r="D54" s="137"/>
      <c r="E54" s="137"/>
      <c r="F54" s="137"/>
      <c r="G54" s="137"/>
      <c r="H54" s="137"/>
      <c r="I54" s="137"/>
      <c r="J54" s="137"/>
      <c r="K54" s="137"/>
      <c r="L54" s="137"/>
    </row>
    <row r="55" spans="3:12" x14ac:dyDescent="0.2">
      <c r="C55" s="137"/>
      <c r="D55" s="137"/>
      <c r="E55" s="137"/>
      <c r="F55" s="137"/>
      <c r="G55" s="137"/>
      <c r="H55" s="137"/>
      <c r="I55" s="137"/>
      <c r="J55" s="137"/>
      <c r="K55" s="137"/>
      <c r="L55" s="137"/>
    </row>
    <row r="56" spans="3:12" x14ac:dyDescent="0.2">
      <c r="C56" s="137"/>
      <c r="D56" s="137"/>
      <c r="E56" s="137"/>
      <c r="F56" s="137"/>
      <c r="G56" s="137"/>
      <c r="H56" s="137"/>
      <c r="I56" s="137"/>
      <c r="J56" s="137"/>
      <c r="K56" s="137"/>
      <c r="L56" s="137"/>
    </row>
    <row r="57" spans="3:12" x14ac:dyDescent="0.2">
      <c r="C57" s="137"/>
      <c r="D57" s="137"/>
      <c r="E57" s="137"/>
      <c r="F57" s="137"/>
      <c r="G57" s="137"/>
      <c r="H57" s="137"/>
      <c r="I57" s="137"/>
      <c r="J57" s="137"/>
      <c r="K57" s="137"/>
      <c r="L57" s="137"/>
    </row>
    <row r="58" spans="3:12" x14ac:dyDescent="0.2">
      <c r="C58" s="137"/>
      <c r="D58" s="137"/>
      <c r="E58" s="137"/>
      <c r="F58" s="137"/>
      <c r="G58" s="137"/>
      <c r="H58" s="137"/>
      <c r="I58" s="137"/>
      <c r="J58" s="137"/>
      <c r="K58" s="137"/>
      <c r="L58" s="137"/>
    </row>
    <row r="59" spans="3:12" x14ac:dyDescent="0.2">
      <c r="C59" s="137"/>
      <c r="D59" s="137"/>
      <c r="E59" s="137"/>
      <c r="F59" s="137"/>
      <c r="G59" s="137"/>
      <c r="H59" s="137"/>
      <c r="I59" s="137"/>
      <c r="J59" s="137"/>
      <c r="K59" s="137"/>
      <c r="L59" s="137"/>
    </row>
    <row r="60" spans="3:12" x14ac:dyDescent="0.2">
      <c r="C60" s="137"/>
      <c r="D60" s="137"/>
      <c r="E60" s="137"/>
      <c r="F60" s="137"/>
      <c r="G60" s="137"/>
      <c r="H60" s="137"/>
      <c r="I60" s="137"/>
      <c r="J60" s="137"/>
      <c r="K60" s="137"/>
      <c r="L60" s="137"/>
    </row>
    <row r="61" spans="3:12" x14ac:dyDescent="0.2">
      <c r="C61" s="137"/>
      <c r="D61" s="137"/>
      <c r="E61" s="137"/>
      <c r="F61" s="137"/>
      <c r="G61" s="137"/>
      <c r="H61" s="137"/>
      <c r="I61" s="137"/>
      <c r="J61" s="137"/>
      <c r="K61" s="137"/>
      <c r="L61" s="137"/>
    </row>
    <row r="62" spans="3:12" x14ac:dyDescent="0.2">
      <c r="C62" s="137"/>
      <c r="D62" s="137"/>
      <c r="E62" s="137"/>
      <c r="F62" s="137"/>
      <c r="G62" s="137"/>
      <c r="H62" s="137"/>
      <c r="I62" s="137"/>
      <c r="J62" s="137"/>
      <c r="K62" s="137"/>
      <c r="L62" s="137"/>
    </row>
    <row r="63" spans="3:12" x14ac:dyDescent="0.2">
      <c r="C63" s="137"/>
      <c r="D63" s="137"/>
      <c r="E63" s="137"/>
      <c r="F63" s="137"/>
      <c r="G63" s="137"/>
      <c r="H63" s="137"/>
      <c r="I63" s="137"/>
      <c r="J63" s="137"/>
      <c r="K63" s="137"/>
      <c r="L63" s="137"/>
    </row>
    <row r="64" spans="3:12" x14ac:dyDescent="0.2">
      <c r="C64" s="137"/>
      <c r="D64" s="137"/>
      <c r="E64" s="137"/>
      <c r="F64" s="137"/>
      <c r="G64" s="137"/>
      <c r="H64" s="137"/>
      <c r="I64" s="137"/>
      <c r="J64" s="137"/>
      <c r="K64" s="137"/>
      <c r="L64" s="137"/>
    </row>
    <row r="65" spans="3:12" x14ac:dyDescent="0.2">
      <c r="C65" s="137"/>
      <c r="D65" s="137"/>
      <c r="E65" s="137"/>
      <c r="F65" s="137"/>
      <c r="G65" s="137"/>
      <c r="H65" s="137"/>
      <c r="I65" s="137"/>
      <c r="J65" s="137"/>
      <c r="K65" s="137"/>
      <c r="L65" s="137"/>
    </row>
    <row r="66" spans="3:12" x14ac:dyDescent="0.2">
      <c r="C66" s="137"/>
      <c r="D66" s="137"/>
      <c r="E66" s="137"/>
      <c r="F66" s="137"/>
      <c r="G66" s="137"/>
      <c r="H66" s="137"/>
      <c r="I66" s="137"/>
      <c r="J66" s="137"/>
      <c r="K66" s="137"/>
      <c r="L66" s="137"/>
    </row>
    <row r="67" spans="3:12" x14ac:dyDescent="0.2">
      <c r="C67" s="137"/>
      <c r="D67" s="137"/>
      <c r="E67" s="137"/>
      <c r="F67" s="137"/>
      <c r="G67" s="137"/>
      <c r="H67" s="137"/>
      <c r="I67" s="137"/>
      <c r="J67" s="137"/>
      <c r="K67" s="137"/>
      <c r="L67" s="137"/>
    </row>
    <row r="68" spans="3:12" x14ac:dyDescent="0.2">
      <c r="C68" s="137"/>
      <c r="D68" s="137"/>
      <c r="E68" s="137"/>
      <c r="F68" s="137"/>
      <c r="G68" s="137"/>
      <c r="H68" s="137"/>
      <c r="I68" s="137"/>
      <c r="J68" s="137"/>
      <c r="K68" s="137"/>
      <c r="L68" s="137"/>
    </row>
    <row r="69" spans="3:12" x14ac:dyDescent="0.2">
      <c r="C69" s="137"/>
      <c r="D69" s="137"/>
      <c r="E69" s="137"/>
      <c r="F69" s="137"/>
      <c r="G69" s="137"/>
      <c r="H69" s="137"/>
      <c r="I69" s="137"/>
      <c r="J69" s="137"/>
      <c r="K69" s="137"/>
      <c r="L69" s="137"/>
    </row>
    <row r="70" spans="3:12" x14ac:dyDescent="0.2">
      <c r="C70" s="137"/>
      <c r="D70" s="137"/>
      <c r="E70" s="137"/>
      <c r="F70" s="137"/>
      <c r="G70" s="137"/>
      <c r="H70" s="137"/>
      <c r="I70" s="137"/>
      <c r="J70" s="137"/>
      <c r="K70" s="137"/>
      <c r="L70" s="137"/>
    </row>
    <row r="71" spans="3:12" x14ac:dyDescent="0.2">
      <c r="C71" s="137"/>
      <c r="D71" s="137"/>
      <c r="E71" s="137"/>
      <c r="F71" s="137"/>
      <c r="G71" s="137"/>
      <c r="H71" s="137"/>
      <c r="I71" s="137"/>
      <c r="J71" s="137"/>
      <c r="K71" s="137"/>
      <c r="L71" s="137"/>
    </row>
    <row r="72" spans="3:12" x14ac:dyDescent="0.2">
      <c r="C72" s="137"/>
      <c r="D72" s="137"/>
      <c r="E72" s="137"/>
      <c r="F72" s="137"/>
      <c r="G72" s="137"/>
      <c r="H72" s="137"/>
      <c r="I72" s="137"/>
      <c r="J72" s="137"/>
      <c r="K72" s="137"/>
      <c r="L72" s="137"/>
    </row>
    <row r="73" spans="3:12" x14ac:dyDescent="0.2">
      <c r="C73" s="137"/>
      <c r="D73" s="137"/>
      <c r="E73" s="137"/>
      <c r="F73" s="137"/>
      <c r="G73" s="137"/>
      <c r="H73" s="137"/>
      <c r="I73" s="137"/>
      <c r="J73" s="137"/>
      <c r="K73" s="137"/>
      <c r="L73" s="137"/>
    </row>
    <row r="74" spans="3:12" x14ac:dyDescent="0.2">
      <c r="C74" s="137"/>
      <c r="D74" s="137"/>
      <c r="E74" s="137"/>
      <c r="F74" s="137"/>
      <c r="G74" s="137"/>
      <c r="H74" s="137"/>
      <c r="I74" s="137"/>
      <c r="J74" s="137"/>
      <c r="K74" s="137"/>
      <c r="L74" s="137"/>
    </row>
    <row r="75" spans="3:12" x14ac:dyDescent="0.2">
      <c r="C75" s="137"/>
      <c r="D75" s="137"/>
      <c r="E75" s="137"/>
      <c r="F75" s="137"/>
      <c r="G75" s="137"/>
      <c r="H75" s="137"/>
      <c r="I75" s="137"/>
      <c r="J75" s="137"/>
      <c r="K75" s="137"/>
      <c r="L75" s="137"/>
    </row>
    <row r="76" spans="3:12" x14ac:dyDescent="0.2">
      <c r="C76" s="137"/>
      <c r="D76" s="137"/>
      <c r="E76" s="137"/>
      <c r="F76" s="137"/>
      <c r="G76" s="137"/>
      <c r="H76" s="137"/>
      <c r="I76" s="137"/>
      <c r="J76" s="137"/>
      <c r="K76" s="137"/>
      <c r="L76" s="137"/>
    </row>
    <row r="77" spans="3:12" x14ac:dyDescent="0.2">
      <c r="C77" s="137"/>
      <c r="D77" s="137"/>
      <c r="E77" s="137"/>
      <c r="F77" s="137"/>
      <c r="G77" s="137"/>
      <c r="H77" s="137"/>
      <c r="I77" s="137"/>
      <c r="J77" s="137"/>
      <c r="K77" s="137"/>
      <c r="L77" s="137"/>
    </row>
    <row r="78" spans="3:12" x14ac:dyDescent="0.2">
      <c r="C78" s="137"/>
      <c r="D78" s="137"/>
      <c r="E78" s="137"/>
      <c r="F78" s="137"/>
      <c r="G78" s="137"/>
      <c r="H78" s="137"/>
      <c r="I78" s="137"/>
      <c r="J78" s="137"/>
      <c r="K78" s="137"/>
      <c r="L78" s="137"/>
    </row>
    <row r="79" spans="3:12" x14ac:dyDescent="0.2">
      <c r="C79" s="137"/>
      <c r="D79" s="137"/>
      <c r="E79" s="137"/>
      <c r="F79" s="137"/>
      <c r="G79" s="137"/>
      <c r="H79" s="137"/>
      <c r="I79" s="137"/>
      <c r="J79" s="137"/>
      <c r="K79" s="137"/>
      <c r="L79" s="137"/>
    </row>
    <row r="80" spans="3:12" x14ac:dyDescent="0.2">
      <c r="C80" s="137"/>
      <c r="D80" s="137"/>
      <c r="E80" s="137"/>
      <c r="F80" s="137"/>
      <c r="G80" s="137"/>
      <c r="H80" s="137"/>
      <c r="I80" s="137"/>
      <c r="J80" s="137"/>
      <c r="K80" s="137"/>
      <c r="L80" s="137"/>
    </row>
    <row r="81" spans="3:12" x14ac:dyDescent="0.2">
      <c r="C81" s="137"/>
      <c r="D81" s="137"/>
      <c r="E81" s="137"/>
      <c r="F81" s="137"/>
      <c r="G81" s="137"/>
      <c r="H81" s="137"/>
      <c r="I81" s="137"/>
      <c r="J81" s="137"/>
      <c r="K81" s="137"/>
      <c r="L81" s="137"/>
    </row>
    <row r="82" spans="3:12" x14ac:dyDescent="0.2">
      <c r="C82" s="137"/>
      <c r="D82" s="137"/>
      <c r="E82" s="137"/>
      <c r="F82" s="137"/>
      <c r="G82" s="137"/>
      <c r="H82" s="137"/>
      <c r="I82" s="137"/>
      <c r="J82" s="137"/>
      <c r="K82" s="137"/>
      <c r="L82" s="137"/>
    </row>
    <row r="83" spans="3:12" x14ac:dyDescent="0.2">
      <c r="C83" s="137"/>
      <c r="D83" s="137"/>
      <c r="E83" s="137"/>
      <c r="F83" s="137"/>
      <c r="G83" s="137"/>
      <c r="H83" s="137"/>
      <c r="I83" s="137"/>
      <c r="J83" s="137"/>
      <c r="K83" s="137"/>
      <c r="L83" s="137"/>
    </row>
    <row r="84" spans="3:12" x14ac:dyDescent="0.2">
      <c r="C84" s="137"/>
      <c r="D84" s="137"/>
      <c r="E84" s="137"/>
      <c r="F84" s="137"/>
      <c r="G84" s="137"/>
      <c r="H84" s="137"/>
      <c r="I84" s="137"/>
      <c r="J84" s="137"/>
      <c r="K84" s="137"/>
      <c r="L84" s="137"/>
    </row>
    <row r="85" spans="3:12" x14ac:dyDescent="0.2">
      <c r="C85" s="137"/>
      <c r="D85" s="137"/>
      <c r="E85" s="137"/>
      <c r="F85" s="137"/>
      <c r="G85" s="137"/>
      <c r="H85" s="137"/>
      <c r="I85" s="137"/>
      <c r="J85" s="137"/>
      <c r="K85" s="137"/>
      <c r="L85" s="137"/>
    </row>
    <row r="86" spans="3:12" x14ac:dyDescent="0.2">
      <c r="C86" s="137"/>
      <c r="D86" s="137"/>
      <c r="E86" s="137"/>
      <c r="F86" s="137"/>
      <c r="G86" s="137"/>
      <c r="H86" s="137"/>
      <c r="I86" s="137"/>
      <c r="J86" s="137"/>
      <c r="K86" s="137"/>
      <c r="L86" s="137"/>
    </row>
    <row r="87" spans="3:12" x14ac:dyDescent="0.2">
      <c r="C87" s="137"/>
      <c r="D87" s="137"/>
      <c r="E87" s="137"/>
      <c r="F87" s="137"/>
      <c r="G87" s="137"/>
      <c r="H87" s="137"/>
      <c r="I87" s="137"/>
      <c r="J87" s="137"/>
      <c r="K87" s="137"/>
      <c r="L87" s="137"/>
    </row>
    <row r="88" spans="3:12" x14ac:dyDescent="0.2">
      <c r="C88" s="137"/>
      <c r="D88" s="137"/>
      <c r="E88" s="137"/>
      <c r="F88" s="137"/>
      <c r="G88" s="137"/>
      <c r="H88" s="137"/>
      <c r="I88" s="137"/>
      <c r="J88" s="137"/>
      <c r="K88" s="137"/>
      <c r="L88" s="137"/>
    </row>
    <row r="89" spans="3:12" x14ac:dyDescent="0.2">
      <c r="C89" s="137"/>
      <c r="D89" s="137"/>
      <c r="E89" s="137"/>
      <c r="F89" s="137"/>
      <c r="G89" s="137"/>
      <c r="H89" s="137"/>
      <c r="I89" s="137"/>
      <c r="J89" s="137"/>
      <c r="K89" s="137"/>
      <c r="L89" s="137"/>
    </row>
    <row r="90" spans="3:12" x14ac:dyDescent="0.2">
      <c r="C90" s="137"/>
      <c r="D90" s="137"/>
      <c r="E90" s="137"/>
      <c r="F90" s="137"/>
      <c r="G90" s="137"/>
      <c r="H90" s="137"/>
      <c r="I90" s="137"/>
      <c r="J90" s="137"/>
      <c r="K90" s="137"/>
      <c r="L90" s="137"/>
    </row>
    <row r="91" spans="3:12" x14ac:dyDescent="0.2">
      <c r="C91" s="137"/>
      <c r="D91" s="137"/>
      <c r="E91" s="137"/>
      <c r="F91" s="137"/>
      <c r="G91" s="137"/>
      <c r="H91" s="137"/>
      <c r="I91" s="137"/>
      <c r="J91" s="137"/>
      <c r="K91" s="137"/>
      <c r="L91" s="137"/>
    </row>
    <row r="92" spans="3:12" x14ac:dyDescent="0.2">
      <c r="C92" s="137"/>
      <c r="D92" s="137"/>
      <c r="E92" s="137"/>
      <c r="F92" s="137"/>
      <c r="G92" s="137"/>
      <c r="H92" s="137"/>
      <c r="I92" s="137"/>
      <c r="J92" s="137"/>
      <c r="K92" s="137"/>
      <c r="L92" s="137"/>
    </row>
    <row r="93" spans="3:12" x14ac:dyDescent="0.2">
      <c r="C93" s="137"/>
      <c r="D93" s="137"/>
      <c r="E93" s="137"/>
      <c r="F93" s="137"/>
      <c r="G93" s="137"/>
      <c r="H93" s="137"/>
      <c r="I93" s="137"/>
      <c r="J93" s="137"/>
      <c r="K93" s="137"/>
      <c r="L93" s="137"/>
    </row>
    <row r="94" spans="3:12" x14ac:dyDescent="0.2">
      <c r="C94" s="137"/>
      <c r="D94" s="137"/>
      <c r="E94" s="137"/>
      <c r="F94" s="137"/>
      <c r="G94" s="137"/>
      <c r="H94" s="137"/>
      <c r="I94" s="137"/>
      <c r="J94" s="137"/>
      <c r="K94" s="137"/>
      <c r="L94" s="137"/>
    </row>
    <row r="95" spans="3:12" x14ac:dyDescent="0.2">
      <c r="C95" s="137"/>
      <c r="D95" s="137"/>
      <c r="E95" s="137"/>
      <c r="F95" s="137"/>
      <c r="G95" s="137"/>
      <c r="H95" s="137"/>
      <c r="I95" s="137"/>
      <c r="J95" s="137"/>
      <c r="K95" s="137"/>
      <c r="L95" s="137"/>
    </row>
    <row r="96" spans="3:12" x14ac:dyDescent="0.2">
      <c r="C96" s="137"/>
      <c r="D96" s="137"/>
      <c r="E96" s="137"/>
      <c r="F96" s="137"/>
      <c r="G96" s="137"/>
      <c r="H96" s="137"/>
      <c r="I96" s="137"/>
      <c r="J96" s="137"/>
      <c r="K96" s="137"/>
      <c r="L96" s="137"/>
    </row>
    <row r="97" spans="3:12" x14ac:dyDescent="0.2">
      <c r="C97" s="137"/>
      <c r="D97" s="137"/>
      <c r="E97" s="137"/>
      <c r="F97" s="137"/>
      <c r="G97" s="137"/>
      <c r="H97" s="137"/>
      <c r="I97" s="137"/>
      <c r="J97" s="137"/>
      <c r="K97" s="137"/>
      <c r="L97" s="137"/>
    </row>
    <row r="98" spans="3:12" x14ac:dyDescent="0.2">
      <c r="C98" s="137"/>
      <c r="D98" s="137"/>
      <c r="E98" s="137"/>
      <c r="F98" s="137"/>
      <c r="G98" s="137"/>
      <c r="H98" s="137"/>
      <c r="I98" s="137"/>
      <c r="J98" s="137"/>
      <c r="K98" s="137"/>
      <c r="L98" s="137"/>
    </row>
    <row r="99" spans="3:12" x14ac:dyDescent="0.2">
      <c r="C99" s="137"/>
      <c r="D99" s="137"/>
      <c r="E99" s="137"/>
      <c r="F99" s="137"/>
      <c r="G99" s="137"/>
      <c r="H99" s="137"/>
      <c r="I99" s="137"/>
      <c r="J99" s="137"/>
      <c r="K99" s="137"/>
      <c r="L99" s="137"/>
    </row>
    <row r="100" spans="3:12" x14ac:dyDescent="0.2">
      <c r="C100" s="137"/>
      <c r="D100" s="137"/>
      <c r="E100" s="137"/>
      <c r="F100" s="137"/>
      <c r="G100" s="137"/>
      <c r="H100" s="137"/>
      <c r="I100" s="137"/>
      <c r="J100" s="137"/>
      <c r="K100" s="137"/>
      <c r="L100" s="137"/>
    </row>
    <row r="101" spans="3:12" x14ac:dyDescent="0.2">
      <c r="C101" s="137"/>
      <c r="D101" s="137"/>
      <c r="E101" s="137"/>
      <c r="F101" s="137"/>
      <c r="G101" s="137"/>
      <c r="H101" s="137"/>
      <c r="I101" s="137"/>
      <c r="J101" s="137"/>
      <c r="K101" s="137"/>
      <c r="L101" s="137"/>
    </row>
    <row r="102" spans="3:12" x14ac:dyDescent="0.2">
      <c r="C102" s="137"/>
      <c r="D102" s="137"/>
      <c r="E102" s="137"/>
      <c r="F102" s="137"/>
      <c r="G102" s="137"/>
      <c r="H102" s="137"/>
      <c r="I102" s="137"/>
      <c r="J102" s="137"/>
      <c r="K102" s="137"/>
      <c r="L102" s="137"/>
    </row>
    <row r="103" spans="3:12" x14ac:dyDescent="0.2">
      <c r="C103" s="137"/>
      <c r="D103" s="137"/>
      <c r="E103" s="137"/>
      <c r="F103" s="137"/>
      <c r="G103" s="137"/>
      <c r="H103" s="137"/>
      <c r="I103" s="137"/>
      <c r="J103" s="137"/>
      <c r="K103" s="137"/>
      <c r="L103" s="137"/>
    </row>
    <row r="104" spans="3:12" x14ac:dyDescent="0.2">
      <c r="C104" s="137"/>
      <c r="D104" s="137"/>
      <c r="E104" s="137"/>
      <c r="F104" s="137"/>
      <c r="G104" s="137"/>
      <c r="H104" s="137"/>
      <c r="I104" s="137"/>
      <c r="J104" s="137"/>
      <c r="K104" s="137"/>
      <c r="L104" s="137"/>
    </row>
    <row r="105" spans="3:12" x14ac:dyDescent="0.2">
      <c r="C105" s="137"/>
      <c r="D105" s="137"/>
      <c r="E105" s="137"/>
      <c r="F105" s="137"/>
      <c r="G105" s="137"/>
      <c r="H105" s="137"/>
      <c r="I105" s="137"/>
      <c r="J105" s="137"/>
      <c r="K105" s="137"/>
      <c r="L105" s="137"/>
    </row>
    <row r="106" spans="3:12" x14ac:dyDescent="0.2">
      <c r="C106" s="137"/>
      <c r="D106" s="137"/>
      <c r="E106" s="137"/>
      <c r="F106" s="137"/>
      <c r="G106" s="137"/>
      <c r="H106" s="137"/>
      <c r="I106" s="137"/>
      <c r="J106" s="137"/>
      <c r="K106" s="137"/>
      <c r="L106" s="137"/>
    </row>
    <row r="107" spans="3:12" x14ac:dyDescent="0.2">
      <c r="C107" s="137"/>
      <c r="D107" s="137"/>
      <c r="E107" s="137"/>
      <c r="F107" s="137"/>
      <c r="G107" s="137"/>
      <c r="H107" s="137"/>
      <c r="I107" s="137"/>
      <c r="J107" s="137"/>
      <c r="K107" s="137"/>
      <c r="L107" s="137"/>
    </row>
    <row r="108" spans="3:12" x14ac:dyDescent="0.2">
      <c r="C108" s="137"/>
      <c r="D108" s="137"/>
      <c r="E108" s="137"/>
      <c r="F108" s="137"/>
      <c r="G108" s="137"/>
      <c r="H108" s="137"/>
      <c r="I108" s="137"/>
      <c r="J108" s="137"/>
      <c r="K108" s="137"/>
      <c r="L108" s="137"/>
    </row>
    <row r="109" spans="3:12" x14ac:dyDescent="0.2">
      <c r="C109" s="137"/>
      <c r="D109" s="137"/>
      <c r="E109" s="137"/>
      <c r="F109" s="137"/>
      <c r="G109" s="137"/>
      <c r="H109" s="137"/>
      <c r="I109" s="137"/>
      <c r="J109" s="137"/>
      <c r="K109" s="137"/>
      <c r="L109" s="137"/>
    </row>
    <row r="110" spans="3:12" x14ac:dyDescent="0.2">
      <c r="C110" s="137"/>
      <c r="D110" s="137"/>
      <c r="E110" s="137"/>
      <c r="F110" s="137"/>
      <c r="G110" s="137"/>
      <c r="H110" s="137"/>
      <c r="I110" s="137"/>
      <c r="J110" s="137"/>
      <c r="K110" s="137"/>
      <c r="L110" s="137"/>
    </row>
    <row r="111" spans="3:12" x14ac:dyDescent="0.2">
      <c r="C111" s="137"/>
      <c r="D111" s="137"/>
      <c r="E111" s="137"/>
      <c r="F111" s="137"/>
      <c r="G111" s="137"/>
      <c r="H111" s="137"/>
      <c r="I111" s="137"/>
      <c r="J111" s="137"/>
      <c r="K111" s="137"/>
      <c r="L111" s="137"/>
    </row>
    <row r="112" spans="3:12" x14ac:dyDescent="0.2">
      <c r="C112" s="137"/>
      <c r="D112" s="137"/>
      <c r="E112" s="137"/>
      <c r="F112" s="137"/>
      <c r="G112" s="137"/>
      <c r="H112" s="137"/>
      <c r="I112" s="137"/>
      <c r="J112" s="137"/>
      <c r="K112" s="137"/>
      <c r="L112" s="137"/>
    </row>
    <row r="113" spans="3:12" x14ac:dyDescent="0.2">
      <c r="C113" s="137"/>
      <c r="D113" s="137"/>
      <c r="E113" s="137"/>
      <c r="F113" s="137"/>
      <c r="G113" s="137"/>
      <c r="H113" s="137"/>
      <c r="I113" s="137"/>
      <c r="J113" s="137"/>
      <c r="K113" s="137"/>
      <c r="L113" s="137"/>
    </row>
    <row r="114" spans="3:12" x14ac:dyDescent="0.2">
      <c r="C114" s="137"/>
      <c r="D114" s="137"/>
      <c r="E114" s="137"/>
      <c r="F114" s="137"/>
      <c r="G114" s="137"/>
      <c r="H114" s="137"/>
      <c r="I114" s="137"/>
      <c r="J114" s="137"/>
      <c r="K114" s="137"/>
      <c r="L114" s="137"/>
    </row>
    <row r="115" spans="3:12" x14ac:dyDescent="0.2">
      <c r="C115" s="137"/>
      <c r="D115" s="137"/>
      <c r="E115" s="137"/>
      <c r="F115" s="137"/>
      <c r="G115" s="137"/>
      <c r="H115" s="137"/>
      <c r="I115" s="137"/>
      <c r="J115" s="137"/>
      <c r="K115" s="137"/>
      <c r="L115" s="137"/>
    </row>
    <row r="116" spans="3:12" x14ac:dyDescent="0.2">
      <c r="C116" s="137"/>
      <c r="D116" s="137"/>
      <c r="E116" s="137"/>
      <c r="F116" s="137"/>
      <c r="G116" s="137"/>
      <c r="H116" s="137"/>
      <c r="I116" s="137"/>
      <c r="J116" s="137"/>
      <c r="K116" s="137"/>
      <c r="L116" s="137"/>
    </row>
    <row r="117" spans="3:12" x14ac:dyDescent="0.2">
      <c r="C117" s="137"/>
      <c r="D117" s="137"/>
      <c r="E117" s="137"/>
      <c r="F117" s="137"/>
      <c r="G117" s="137"/>
      <c r="H117" s="137"/>
      <c r="I117" s="137"/>
      <c r="J117" s="137"/>
      <c r="K117" s="137"/>
      <c r="L117" s="137"/>
    </row>
    <row r="118" spans="3:12" x14ac:dyDescent="0.2">
      <c r="C118" s="137"/>
      <c r="D118" s="137"/>
      <c r="E118" s="137"/>
      <c r="F118" s="137"/>
      <c r="G118" s="137"/>
      <c r="H118" s="137"/>
      <c r="I118" s="137"/>
      <c r="J118" s="137"/>
      <c r="K118" s="137"/>
      <c r="L118" s="137"/>
    </row>
    <row r="119" spans="3:12" x14ac:dyDescent="0.2">
      <c r="C119" s="137"/>
      <c r="D119" s="137"/>
      <c r="E119" s="137"/>
      <c r="F119" s="137"/>
      <c r="G119" s="137"/>
      <c r="H119" s="137"/>
      <c r="I119" s="137"/>
      <c r="J119" s="137"/>
      <c r="K119" s="137"/>
      <c r="L119" s="137"/>
    </row>
    <row r="120" spans="3:12" x14ac:dyDescent="0.2">
      <c r="C120" s="137"/>
      <c r="D120" s="137"/>
      <c r="E120" s="137"/>
      <c r="F120" s="137"/>
      <c r="G120" s="137"/>
      <c r="H120" s="137"/>
      <c r="I120" s="137"/>
      <c r="J120" s="137"/>
      <c r="K120" s="137"/>
      <c r="L120" s="137"/>
    </row>
    <row r="121" spans="3:12" x14ac:dyDescent="0.2">
      <c r="C121" s="137"/>
      <c r="D121" s="137"/>
      <c r="E121" s="137"/>
      <c r="F121" s="137"/>
      <c r="G121" s="137"/>
      <c r="H121" s="137"/>
      <c r="I121" s="137"/>
      <c r="J121" s="137"/>
      <c r="K121" s="137"/>
      <c r="L121" s="137"/>
    </row>
    <row r="122" spans="3:12" x14ac:dyDescent="0.2">
      <c r="C122" s="137"/>
      <c r="D122" s="137"/>
      <c r="E122" s="137"/>
      <c r="F122" s="137"/>
      <c r="G122" s="137"/>
      <c r="H122" s="137"/>
      <c r="I122" s="137"/>
      <c r="J122" s="137"/>
      <c r="K122" s="137"/>
      <c r="L122" s="137"/>
    </row>
    <row r="123" spans="3:12" x14ac:dyDescent="0.2">
      <c r="C123" s="137"/>
      <c r="D123" s="137"/>
      <c r="E123" s="137"/>
      <c r="F123" s="137"/>
      <c r="G123" s="137"/>
      <c r="H123" s="137"/>
      <c r="I123" s="137"/>
      <c r="J123" s="137"/>
      <c r="K123" s="137"/>
      <c r="L123" s="137"/>
    </row>
    <row r="124" spans="3:12" x14ac:dyDescent="0.2">
      <c r="C124" s="137"/>
      <c r="D124" s="137"/>
      <c r="E124" s="137"/>
      <c r="F124" s="137"/>
      <c r="G124" s="137"/>
      <c r="H124" s="137"/>
      <c r="I124" s="137"/>
      <c r="J124" s="137"/>
      <c r="K124" s="137"/>
      <c r="L124" s="137"/>
    </row>
    <row r="125" spans="3:12" x14ac:dyDescent="0.2">
      <c r="C125" s="137"/>
      <c r="D125" s="137"/>
      <c r="E125" s="137"/>
      <c r="F125" s="137"/>
      <c r="G125" s="137"/>
      <c r="H125" s="137"/>
      <c r="I125" s="137"/>
      <c r="J125" s="137"/>
      <c r="K125" s="137"/>
      <c r="L125" s="137"/>
    </row>
    <row r="126" spans="3:12" x14ac:dyDescent="0.2">
      <c r="C126" s="137"/>
      <c r="D126" s="137"/>
      <c r="E126" s="137"/>
      <c r="F126" s="137"/>
      <c r="G126" s="137"/>
      <c r="H126" s="137"/>
      <c r="I126" s="137"/>
      <c r="J126" s="137"/>
      <c r="K126" s="137"/>
      <c r="L126" s="137"/>
    </row>
    <row r="127" spans="3:12" x14ac:dyDescent="0.2">
      <c r="C127" s="137"/>
      <c r="D127" s="137"/>
      <c r="E127" s="137"/>
      <c r="F127" s="137"/>
      <c r="G127" s="137"/>
      <c r="H127" s="137"/>
      <c r="I127" s="137"/>
      <c r="J127" s="137"/>
      <c r="K127" s="137"/>
      <c r="L127" s="137"/>
    </row>
    <row r="128" spans="3:12" x14ac:dyDescent="0.2">
      <c r="C128" s="137"/>
      <c r="D128" s="137"/>
      <c r="E128" s="137"/>
      <c r="F128" s="137"/>
      <c r="G128" s="137"/>
      <c r="H128" s="137"/>
      <c r="I128" s="137"/>
      <c r="J128" s="137"/>
      <c r="K128" s="137"/>
      <c r="L128" s="137"/>
    </row>
    <row r="129" spans="3:12" x14ac:dyDescent="0.2">
      <c r="C129" s="137"/>
      <c r="D129" s="137"/>
      <c r="E129" s="137"/>
      <c r="F129" s="137"/>
      <c r="G129" s="137"/>
      <c r="H129" s="137"/>
      <c r="I129" s="137"/>
      <c r="J129" s="137"/>
      <c r="K129" s="137"/>
      <c r="L129" s="137"/>
    </row>
    <row r="130" spans="3:12" x14ac:dyDescent="0.2">
      <c r="C130" s="137"/>
      <c r="D130" s="137"/>
      <c r="E130" s="137"/>
      <c r="F130" s="137"/>
      <c r="G130" s="137"/>
      <c r="H130" s="137"/>
      <c r="I130" s="137"/>
      <c r="J130" s="137"/>
      <c r="K130" s="137"/>
      <c r="L130" s="137"/>
    </row>
    <row r="131" spans="3:12" x14ac:dyDescent="0.2">
      <c r="C131" s="137"/>
      <c r="D131" s="137"/>
      <c r="E131" s="137"/>
      <c r="F131" s="137"/>
      <c r="G131" s="137"/>
      <c r="H131" s="137"/>
      <c r="I131" s="137"/>
      <c r="J131" s="137"/>
      <c r="K131" s="137"/>
      <c r="L131" s="137"/>
    </row>
    <row r="132" spans="3:12" x14ac:dyDescent="0.2">
      <c r="C132" s="137"/>
      <c r="D132" s="137"/>
      <c r="E132" s="137"/>
      <c r="F132" s="137"/>
      <c r="G132" s="137"/>
      <c r="H132" s="137"/>
      <c r="I132" s="137"/>
      <c r="J132" s="137"/>
      <c r="K132" s="137"/>
      <c r="L132" s="137"/>
    </row>
    <row r="133" spans="3:12" x14ac:dyDescent="0.2">
      <c r="C133" s="137"/>
      <c r="D133" s="137"/>
      <c r="E133" s="137"/>
      <c r="F133" s="137"/>
      <c r="G133" s="137"/>
      <c r="H133" s="137"/>
      <c r="I133" s="137"/>
      <c r="J133" s="137"/>
      <c r="K133" s="137"/>
      <c r="L133" s="137"/>
    </row>
    <row r="134" spans="3:12" x14ac:dyDescent="0.2">
      <c r="C134" s="137"/>
      <c r="D134" s="137"/>
      <c r="E134" s="137"/>
      <c r="F134" s="137"/>
      <c r="G134" s="137"/>
      <c r="H134" s="137"/>
      <c r="I134" s="137"/>
      <c r="J134" s="137"/>
      <c r="K134" s="137"/>
      <c r="L134" s="137"/>
    </row>
    <row r="135" spans="3:12" x14ac:dyDescent="0.2">
      <c r="C135" s="137"/>
      <c r="D135" s="137"/>
      <c r="E135" s="137"/>
      <c r="F135" s="137"/>
      <c r="G135" s="137"/>
      <c r="H135" s="137"/>
      <c r="I135" s="137"/>
      <c r="J135" s="137"/>
      <c r="K135" s="137"/>
      <c r="L135" s="137"/>
    </row>
    <row r="136" spans="3:12" x14ac:dyDescent="0.2">
      <c r="C136" s="137"/>
      <c r="D136" s="137"/>
      <c r="E136" s="137"/>
      <c r="F136" s="137"/>
      <c r="G136" s="137"/>
      <c r="H136" s="137"/>
      <c r="I136" s="137"/>
      <c r="J136" s="137"/>
      <c r="K136" s="137"/>
      <c r="L136" s="137"/>
    </row>
    <row r="137" spans="3:12" x14ac:dyDescent="0.2">
      <c r="C137" s="137"/>
      <c r="D137" s="137"/>
      <c r="E137" s="137"/>
      <c r="F137" s="137"/>
      <c r="G137" s="137"/>
      <c r="H137" s="137"/>
      <c r="I137" s="137"/>
      <c r="J137" s="137"/>
      <c r="K137" s="137"/>
      <c r="L137" s="137"/>
    </row>
    <row r="138" spans="3:12" x14ac:dyDescent="0.2">
      <c r="C138" s="137"/>
      <c r="D138" s="137"/>
      <c r="E138" s="137"/>
      <c r="F138" s="137"/>
      <c r="G138" s="137"/>
      <c r="H138" s="137"/>
      <c r="I138" s="137"/>
      <c r="J138" s="137"/>
      <c r="K138" s="137"/>
      <c r="L138" s="137"/>
    </row>
    <row r="139" spans="3:12" x14ac:dyDescent="0.2">
      <c r="C139" s="137"/>
      <c r="D139" s="137"/>
      <c r="E139" s="137"/>
      <c r="F139" s="137"/>
      <c r="G139" s="137"/>
      <c r="H139" s="137"/>
      <c r="I139" s="137"/>
      <c r="J139" s="137"/>
      <c r="K139" s="137"/>
      <c r="L139" s="137"/>
    </row>
    <row r="140" spans="3:12" x14ac:dyDescent="0.2">
      <c r="C140" s="137"/>
      <c r="D140" s="137"/>
      <c r="E140" s="137"/>
      <c r="F140" s="137"/>
      <c r="G140" s="137"/>
      <c r="H140" s="137"/>
      <c r="I140" s="137"/>
      <c r="J140" s="137"/>
      <c r="K140" s="137"/>
      <c r="L140" s="137"/>
    </row>
    <row r="141" spans="3:12" x14ac:dyDescent="0.2">
      <c r="C141" s="137"/>
      <c r="D141" s="137"/>
      <c r="E141" s="137"/>
      <c r="F141" s="137"/>
      <c r="G141" s="137"/>
      <c r="H141" s="137"/>
      <c r="I141" s="137"/>
      <c r="J141" s="137"/>
      <c r="K141" s="137"/>
      <c r="L141" s="137"/>
    </row>
    <row r="142" spans="3:12" x14ac:dyDescent="0.2">
      <c r="C142" s="137"/>
      <c r="D142" s="137"/>
      <c r="E142" s="137"/>
      <c r="F142" s="137"/>
      <c r="G142" s="137"/>
      <c r="H142" s="137"/>
      <c r="I142" s="137"/>
      <c r="J142" s="137"/>
      <c r="K142" s="137"/>
      <c r="L142" s="137"/>
    </row>
    <row r="143" spans="3:12" x14ac:dyDescent="0.2">
      <c r="C143" s="137"/>
      <c r="D143" s="137"/>
      <c r="E143" s="137"/>
      <c r="F143" s="137"/>
      <c r="G143" s="137"/>
      <c r="H143" s="137"/>
      <c r="I143" s="137"/>
      <c r="J143" s="137"/>
      <c r="K143" s="137"/>
      <c r="L143" s="137"/>
    </row>
    <row r="144" spans="3:12" x14ac:dyDescent="0.2">
      <c r="C144" s="137"/>
      <c r="D144" s="137"/>
      <c r="E144" s="137"/>
      <c r="F144" s="137"/>
      <c r="G144" s="137"/>
      <c r="H144" s="137"/>
      <c r="I144" s="137"/>
      <c r="J144" s="137"/>
      <c r="K144" s="137"/>
      <c r="L144" s="137"/>
    </row>
    <row r="145" spans="3:12" x14ac:dyDescent="0.2">
      <c r="C145" s="137"/>
      <c r="D145" s="137"/>
      <c r="E145" s="137"/>
      <c r="F145" s="137"/>
      <c r="G145" s="137"/>
      <c r="H145" s="137"/>
      <c r="I145" s="137"/>
      <c r="J145" s="137"/>
      <c r="K145" s="137"/>
      <c r="L145" s="137"/>
    </row>
    <row r="146" spans="3:12" x14ac:dyDescent="0.2">
      <c r="C146" s="137"/>
      <c r="D146" s="137"/>
      <c r="E146" s="137"/>
      <c r="F146" s="137"/>
      <c r="G146" s="137"/>
      <c r="H146" s="137"/>
      <c r="I146" s="137"/>
      <c r="J146" s="137"/>
      <c r="K146" s="137"/>
      <c r="L146" s="137"/>
    </row>
    <row r="147" spans="3:12" x14ac:dyDescent="0.2">
      <c r="C147" s="137"/>
      <c r="D147" s="137"/>
      <c r="E147" s="137"/>
      <c r="F147" s="137"/>
      <c r="G147" s="137"/>
      <c r="H147" s="137"/>
      <c r="I147" s="137"/>
      <c r="J147" s="137"/>
      <c r="K147" s="137"/>
      <c r="L147" s="137"/>
    </row>
    <row r="148" spans="3:12" x14ac:dyDescent="0.2">
      <c r="C148" s="137"/>
      <c r="D148" s="137"/>
      <c r="E148" s="137"/>
      <c r="F148" s="137"/>
      <c r="G148" s="137"/>
      <c r="H148" s="137"/>
      <c r="I148" s="137"/>
      <c r="J148" s="137"/>
      <c r="K148" s="137"/>
      <c r="L148" s="137"/>
    </row>
    <row r="149" spans="3:12" x14ac:dyDescent="0.2">
      <c r="C149" s="137"/>
      <c r="D149" s="137"/>
      <c r="E149" s="137"/>
      <c r="F149" s="137"/>
      <c r="G149" s="137"/>
      <c r="H149" s="137"/>
      <c r="I149" s="137"/>
      <c r="J149" s="137"/>
      <c r="K149" s="137"/>
      <c r="L149" s="137"/>
    </row>
    <row r="150" spans="3:12" x14ac:dyDescent="0.2">
      <c r="C150" s="137"/>
      <c r="D150" s="137"/>
      <c r="E150" s="137"/>
      <c r="F150" s="137"/>
      <c r="G150" s="137"/>
      <c r="H150" s="137"/>
      <c r="I150" s="137"/>
      <c r="J150" s="137"/>
      <c r="K150" s="137"/>
      <c r="L150" s="137"/>
    </row>
    <row r="151" spans="3:12" x14ac:dyDescent="0.2">
      <c r="C151" s="137"/>
      <c r="D151" s="137"/>
      <c r="E151" s="137"/>
      <c r="F151" s="137"/>
      <c r="G151" s="137"/>
      <c r="H151" s="137"/>
      <c r="I151" s="137"/>
      <c r="J151" s="137"/>
      <c r="K151" s="137"/>
      <c r="L151" s="137"/>
    </row>
    <row r="152" spans="3:12" x14ac:dyDescent="0.2">
      <c r="C152" s="137"/>
      <c r="D152" s="137"/>
      <c r="E152" s="137"/>
      <c r="F152" s="137"/>
      <c r="G152" s="137"/>
      <c r="H152" s="137"/>
      <c r="I152" s="137"/>
      <c r="J152" s="137"/>
      <c r="K152" s="137"/>
      <c r="L152" s="137"/>
    </row>
    <row r="153" spans="3:12" x14ac:dyDescent="0.2">
      <c r="C153" s="137"/>
      <c r="D153" s="137"/>
      <c r="E153" s="137"/>
      <c r="F153" s="137"/>
      <c r="G153" s="137"/>
      <c r="H153" s="137"/>
      <c r="I153" s="137"/>
      <c r="J153" s="137"/>
      <c r="K153" s="137"/>
      <c r="L153" s="137"/>
    </row>
    <row r="154" spans="3:12" x14ac:dyDescent="0.2">
      <c r="C154" s="137"/>
      <c r="D154" s="137"/>
      <c r="E154" s="137"/>
      <c r="F154" s="137"/>
      <c r="G154" s="137"/>
      <c r="H154" s="137"/>
      <c r="I154" s="137"/>
      <c r="J154" s="137"/>
      <c r="K154" s="137"/>
      <c r="L154" s="137"/>
    </row>
    <row r="155" spans="3:12" x14ac:dyDescent="0.2">
      <c r="C155" s="137"/>
      <c r="D155" s="137"/>
      <c r="E155" s="137"/>
      <c r="F155" s="137"/>
      <c r="G155" s="137"/>
      <c r="H155" s="137"/>
      <c r="I155" s="137"/>
      <c r="J155" s="137"/>
      <c r="K155" s="137"/>
      <c r="L155" s="137"/>
    </row>
    <row r="156" spans="3:12" x14ac:dyDescent="0.2">
      <c r="C156" s="137"/>
      <c r="D156" s="137"/>
      <c r="E156" s="137"/>
      <c r="F156" s="137"/>
      <c r="G156" s="137"/>
      <c r="H156" s="137"/>
      <c r="I156" s="137"/>
      <c r="J156" s="137"/>
      <c r="K156" s="137"/>
      <c r="L156" s="137"/>
    </row>
    <row r="157" spans="3:12" x14ac:dyDescent="0.2">
      <c r="C157" s="137"/>
      <c r="D157" s="137"/>
      <c r="E157" s="137"/>
      <c r="F157" s="137"/>
      <c r="G157" s="137"/>
      <c r="H157" s="137"/>
      <c r="I157" s="137"/>
      <c r="J157" s="137"/>
      <c r="K157" s="137"/>
      <c r="L157" s="137"/>
    </row>
    <row r="158" spans="3:12" x14ac:dyDescent="0.2">
      <c r="C158" s="137"/>
      <c r="D158" s="137"/>
      <c r="E158" s="137"/>
      <c r="F158" s="137"/>
      <c r="G158" s="137"/>
      <c r="H158" s="137"/>
      <c r="I158" s="137"/>
      <c r="J158" s="137"/>
      <c r="K158" s="137"/>
      <c r="L158" s="137"/>
    </row>
    <row r="159" spans="3:12" x14ac:dyDescent="0.2">
      <c r="C159" s="137"/>
      <c r="D159" s="137"/>
      <c r="E159" s="137"/>
      <c r="F159" s="137"/>
      <c r="G159" s="137"/>
      <c r="H159" s="137"/>
      <c r="I159" s="137"/>
      <c r="J159" s="137"/>
      <c r="K159" s="137"/>
      <c r="L159" s="137"/>
    </row>
    <row r="160" spans="3:12" x14ac:dyDescent="0.2">
      <c r="C160" s="137"/>
      <c r="D160" s="137"/>
      <c r="E160" s="137"/>
      <c r="F160" s="137"/>
      <c r="G160" s="137"/>
      <c r="H160" s="137"/>
      <c r="I160" s="137"/>
      <c r="J160" s="137"/>
      <c r="K160" s="137"/>
      <c r="L160" s="137"/>
    </row>
    <row r="161" spans="3:12" x14ac:dyDescent="0.2">
      <c r="C161" s="137"/>
      <c r="D161" s="137"/>
      <c r="E161" s="137"/>
      <c r="F161" s="137"/>
      <c r="G161" s="137"/>
      <c r="H161" s="137"/>
      <c r="I161" s="137"/>
      <c r="J161" s="137"/>
      <c r="K161" s="137"/>
      <c r="L161" s="137"/>
    </row>
    <row r="162" spans="3:12" x14ac:dyDescent="0.2">
      <c r="C162" s="137"/>
      <c r="D162" s="137"/>
      <c r="E162" s="137"/>
      <c r="F162" s="137"/>
      <c r="G162" s="137"/>
      <c r="H162" s="137"/>
      <c r="I162" s="137"/>
      <c r="J162" s="137"/>
      <c r="K162" s="137"/>
      <c r="L162" s="137"/>
    </row>
    <row r="163" spans="3:12" x14ac:dyDescent="0.2">
      <c r="C163" s="137"/>
      <c r="D163" s="137"/>
      <c r="E163" s="137"/>
      <c r="F163" s="137"/>
      <c r="G163" s="137"/>
      <c r="H163" s="137"/>
      <c r="I163" s="137"/>
      <c r="J163" s="137"/>
      <c r="K163" s="137"/>
      <c r="L163" s="137"/>
    </row>
    <row r="164" spans="3:12" x14ac:dyDescent="0.2">
      <c r="C164" s="137"/>
      <c r="D164" s="137"/>
      <c r="E164" s="137"/>
      <c r="F164" s="137"/>
      <c r="G164" s="137"/>
      <c r="H164" s="137"/>
      <c r="I164" s="137"/>
      <c r="J164" s="137"/>
      <c r="K164" s="137"/>
      <c r="L164" s="137"/>
    </row>
    <row r="165" spans="3:12" x14ac:dyDescent="0.2">
      <c r="C165" s="137"/>
      <c r="D165" s="137"/>
      <c r="E165" s="137"/>
      <c r="F165" s="137"/>
      <c r="G165" s="137"/>
      <c r="H165" s="137"/>
      <c r="I165" s="137"/>
      <c r="J165" s="137"/>
      <c r="K165" s="137"/>
      <c r="L165" s="137"/>
    </row>
    <row r="166" spans="3:12" x14ac:dyDescent="0.2">
      <c r="C166" s="137"/>
      <c r="D166" s="137"/>
      <c r="E166" s="137"/>
      <c r="F166" s="137"/>
      <c r="G166" s="137"/>
      <c r="H166" s="137"/>
      <c r="I166" s="137"/>
      <c r="J166" s="137"/>
      <c r="K166" s="137"/>
      <c r="L166" s="137"/>
    </row>
    <row r="167" spans="3:12" x14ac:dyDescent="0.2">
      <c r="C167" s="137"/>
      <c r="D167" s="137"/>
      <c r="E167" s="137"/>
      <c r="F167" s="137"/>
      <c r="G167" s="137"/>
      <c r="H167" s="137"/>
      <c r="I167" s="137"/>
      <c r="J167" s="137"/>
      <c r="K167" s="137"/>
      <c r="L167" s="137"/>
    </row>
    <row r="168" spans="3:12" x14ac:dyDescent="0.2">
      <c r="C168" s="137"/>
      <c r="D168" s="137"/>
      <c r="E168" s="137"/>
      <c r="F168" s="137"/>
      <c r="G168" s="137"/>
      <c r="H168" s="137"/>
      <c r="I168" s="137"/>
      <c r="J168" s="137"/>
      <c r="K168" s="137"/>
      <c r="L168" s="137"/>
    </row>
    <row r="169" spans="3:12" x14ac:dyDescent="0.2">
      <c r="C169" s="137"/>
      <c r="D169" s="137"/>
      <c r="E169" s="137"/>
      <c r="F169" s="137"/>
      <c r="G169" s="137"/>
      <c r="H169" s="137"/>
      <c r="I169" s="137"/>
      <c r="J169" s="137"/>
      <c r="K169" s="137"/>
      <c r="L169" s="137"/>
    </row>
    <row r="170" spans="3:12" x14ac:dyDescent="0.2">
      <c r="C170" s="137"/>
      <c r="D170" s="137"/>
      <c r="E170" s="137"/>
      <c r="F170" s="137"/>
      <c r="G170" s="137"/>
      <c r="H170" s="137"/>
      <c r="I170" s="137"/>
      <c r="J170" s="137"/>
      <c r="K170" s="137"/>
      <c r="L170" s="137"/>
    </row>
    <row r="171" spans="3:12" x14ac:dyDescent="0.2">
      <c r="C171" s="137"/>
      <c r="D171" s="137"/>
      <c r="E171" s="137"/>
      <c r="F171" s="137"/>
      <c r="G171" s="137"/>
      <c r="H171" s="137"/>
      <c r="I171" s="137"/>
      <c r="J171" s="137"/>
      <c r="K171" s="137"/>
      <c r="L171" s="137"/>
    </row>
    <row r="172" spans="3:12" x14ac:dyDescent="0.2">
      <c r="C172" s="137"/>
      <c r="D172" s="137"/>
      <c r="E172" s="137"/>
      <c r="F172" s="137"/>
      <c r="G172" s="137"/>
      <c r="H172" s="137"/>
      <c r="I172" s="137"/>
      <c r="J172" s="137"/>
      <c r="K172" s="137"/>
      <c r="L172" s="137"/>
    </row>
    <row r="173" spans="3:12" x14ac:dyDescent="0.2">
      <c r="C173" s="137"/>
      <c r="D173" s="137"/>
      <c r="E173" s="137"/>
      <c r="F173" s="137"/>
      <c r="G173" s="137"/>
      <c r="H173" s="137"/>
      <c r="I173" s="137"/>
      <c r="J173" s="137"/>
      <c r="K173" s="137"/>
      <c r="L173" s="137"/>
    </row>
    <row r="174" spans="3:12" x14ac:dyDescent="0.2">
      <c r="C174" s="137"/>
      <c r="D174" s="137"/>
      <c r="E174" s="137"/>
      <c r="F174" s="137"/>
      <c r="G174" s="137"/>
      <c r="H174" s="137"/>
      <c r="I174" s="137"/>
      <c r="J174" s="137"/>
      <c r="K174" s="137"/>
      <c r="L174" s="137"/>
    </row>
    <row r="175" spans="3:12" x14ac:dyDescent="0.2">
      <c r="C175" s="137"/>
      <c r="D175" s="137"/>
      <c r="E175" s="137"/>
      <c r="F175" s="137"/>
      <c r="G175" s="137"/>
      <c r="H175" s="137"/>
      <c r="I175" s="137"/>
      <c r="J175" s="137"/>
      <c r="K175" s="137"/>
      <c r="L175" s="137"/>
    </row>
    <row r="176" spans="3:12" x14ac:dyDescent="0.2">
      <c r="C176" s="137"/>
      <c r="D176" s="137"/>
      <c r="E176" s="137"/>
      <c r="F176" s="137"/>
      <c r="G176" s="137"/>
      <c r="H176" s="137"/>
      <c r="I176" s="137"/>
      <c r="J176" s="137"/>
      <c r="K176" s="137"/>
      <c r="L176" s="137"/>
    </row>
    <row r="177" spans="3:12" x14ac:dyDescent="0.2">
      <c r="C177" s="137"/>
      <c r="D177" s="137"/>
      <c r="E177" s="137"/>
      <c r="F177" s="137"/>
      <c r="G177" s="137"/>
      <c r="H177" s="137"/>
      <c r="I177" s="137"/>
      <c r="J177" s="137"/>
      <c r="K177" s="137"/>
      <c r="L177" s="137"/>
    </row>
    <row r="178" spans="3:12" x14ac:dyDescent="0.2">
      <c r="C178" s="137"/>
      <c r="D178" s="137"/>
      <c r="E178" s="137"/>
      <c r="F178" s="137"/>
      <c r="G178" s="137"/>
      <c r="H178" s="137"/>
      <c r="I178" s="137"/>
      <c r="J178" s="137"/>
      <c r="K178" s="137"/>
      <c r="L178" s="137"/>
    </row>
    <row r="179" spans="3:12" x14ac:dyDescent="0.2">
      <c r="C179" s="137"/>
      <c r="D179" s="137"/>
      <c r="E179" s="137"/>
      <c r="F179" s="137"/>
      <c r="G179" s="137"/>
      <c r="H179" s="137"/>
      <c r="I179" s="137"/>
      <c r="J179" s="137"/>
      <c r="K179" s="137"/>
      <c r="L179" s="137"/>
    </row>
    <row r="180" spans="3:12" x14ac:dyDescent="0.2">
      <c r="C180" s="137"/>
      <c r="D180" s="137"/>
      <c r="E180" s="137"/>
      <c r="F180" s="137"/>
      <c r="G180" s="137"/>
      <c r="H180" s="137"/>
      <c r="I180" s="137"/>
      <c r="J180" s="137"/>
      <c r="K180" s="137"/>
      <c r="L180" s="137"/>
    </row>
    <row r="181" spans="3:12" x14ac:dyDescent="0.2">
      <c r="C181" s="137"/>
      <c r="D181" s="137"/>
      <c r="E181" s="137"/>
      <c r="F181" s="137"/>
      <c r="G181" s="137"/>
      <c r="H181" s="137"/>
      <c r="I181" s="137"/>
      <c r="J181" s="137"/>
      <c r="K181" s="137"/>
      <c r="L181" s="137"/>
    </row>
    <row r="182" spans="3:12" x14ac:dyDescent="0.2">
      <c r="C182" s="137"/>
      <c r="D182" s="137"/>
      <c r="E182" s="137"/>
      <c r="F182" s="137"/>
      <c r="G182" s="137"/>
      <c r="H182" s="137"/>
      <c r="I182" s="137"/>
      <c r="J182" s="137"/>
      <c r="K182" s="137"/>
      <c r="L182" s="137"/>
    </row>
    <row r="183" spans="3:12" x14ac:dyDescent="0.2">
      <c r="C183" s="137"/>
      <c r="D183" s="137"/>
      <c r="E183" s="137"/>
      <c r="F183" s="137"/>
      <c r="G183" s="137"/>
      <c r="H183" s="137"/>
      <c r="I183" s="137"/>
      <c r="J183" s="137"/>
      <c r="K183" s="137"/>
      <c r="L183" s="137"/>
    </row>
    <row r="184" spans="3:12" x14ac:dyDescent="0.2">
      <c r="C184" s="137"/>
      <c r="D184" s="137"/>
      <c r="E184" s="137"/>
      <c r="F184" s="137"/>
      <c r="G184" s="137"/>
      <c r="H184" s="137"/>
      <c r="I184" s="137"/>
      <c r="J184" s="137"/>
      <c r="K184" s="137"/>
      <c r="L184" s="137"/>
    </row>
    <row r="185" spans="3:12" x14ac:dyDescent="0.2">
      <c r="C185" s="137"/>
      <c r="D185" s="137"/>
      <c r="E185" s="137"/>
      <c r="F185" s="137"/>
      <c r="G185" s="137"/>
      <c r="H185" s="137"/>
      <c r="I185" s="137"/>
      <c r="J185" s="137"/>
      <c r="K185" s="137"/>
      <c r="L185" s="137"/>
    </row>
    <row r="186" spans="3:12" x14ac:dyDescent="0.2">
      <c r="C186" s="137"/>
      <c r="D186" s="137"/>
      <c r="E186" s="137"/>
      <c r="F186" s="137"/>
      <c r="G186" s="137"/>
      <c r="H186" s="137"/>
      <c r="I186" s="137"/>
      <c r="J186" s="137"/>
      <c r="K186" s="137"/>
      <c r="L186" s="137"/>
    </row>
    <row r="187" spans="3:12" x14ac:dyDescent="0.2">
      <c r="C187" s="137"/>
      <c r="D187" s="137"/>
      <c r="E187" s="137"/>
      <c r="F187" s="137"/>
      <c r="G187" s="137"/>
      <c r="H187" s="137"/>
      <c r="I187" s="137"/>
      <c r="J187" s="137"/>
      <c r="K187" s="137"/>
      <c r="L187" s="137"/>
    </row>
    <row r="188" spans="3:12" x14ac:dyDescent="0.2">
      <c r="C188" s="137"/>
      <c r="D188" s="137"/>
      <c r="E188" s="137"/>
      <c r="F188" s="137"/>
      <c r="G188" s="137"/>
      <c r="H188" s="137"/>
      <c r="I188" s="137"/>
      <c r="J188" s="137"/>
      <c r="K188" s="137"/>
      <c r="L188" s="137"/>
    </row>
    <row r="189" spans="3:12" x14ac:dyDescent="0.2">
      <c r="C189" s="137"/>
      <c r="D189" s="137"/>
      <c r="E189" s="137"/>
      <c r="F189" s="137"/>
      <c r="G189" s="137"/>
      <c r="H189" s="137"/>
      <c r="I189" s="137"/>
      <c r="J189" s="137"/>
      <c r="K189" s="137"/>
      <c r="L189" s="137"/>
    </row>
    <row r="190" spans="3:12" x14ac:dyDescent="0.2">
      <c r="C190" s="137"/>
      <c r="D190" s="137"/>
      <c r="E190" s="137"/>
      <c r="F190" s="137"/>
      <c r="G190" s="137"/>
      <c r="H190" s="137"/>
      <c r="I190" s="137"/>
      <c r="J190" s="137"/>
      <c r="K190" s="137"/>
      <c r="L190" s="137"/>
    </row>
    <row r="191" spans="3:12" x14ac:dyDescent="0.2">
      <c r="C191" s="137"/>
      <c r="D191" s="137"/>
      <c r="E191" s="137"/>
      <c r="F191" s="137"/>
      <c r="G191" s="137"/>
      <c r="H191" s="137"/>
      <c r="I191" s="137"/>
      <c r="J191" s="137"/>
      <c r="K191" s="137"/>
      <c r="L191" s="137"/>
    </row>
    <row r="192" spans="3:12" x14ac:dyDescent="0.2">
      <c r="C192" s="137"/>
      <c r="D192" s="137"/>
      <c r="E192" s="137"/>
      <c r="F192" s="137"/>
      <c r="G192" s="137"/>
      <c r="H192" s="137"/>
      <c r="I192" s="137"/>
      <c r="J192" s="137"/>
      <c r="K192" s="137"/>
      <c r="L192" s="137"/>
    </row>
    <row r="193" spans="3:12" x14ac:dyDescent="0.2">
      <c r="C193" s="137"/>
      <c r="D193" s="137"/>
      <c r="E193" s="137"/>
      <c r="F193" s="137"/>
      <c r="G193" s="137"/>
      <c r="H193" s="137"/>
      <c r="I193" s="137"/>
      <c r="J193" s="137"/>
      <c r="K193" s="137"/>
      <c r="L193" s="137"/>
    </row>
    <row r="194" spans="3:12" x14ac:dyDescent="0.2">
      <c r="C194" s="137"/>
      <c r="D194" s="137"/>
      <c r="E194" s="137"/>
      <c r="F194" s="137"/>
      <c r="G194" s="137"/>
      <c r="H194" s="137"/>
      <c r="I194" s="137"/>
      <c r="J194" s="137"/>
      <c r="K194" s="137"/>
      <c r="L194" s="137"/>
    </row>
    <row r="195" spans="3:12" x14ac:dyDescent="0.2">
      <c r="C195" s="137"/>
      <c r="D195" s="137"/>
      <c r="E195" s="137"/>
      <c r="F195" s="137"/>
      <c r="G195" s="137"/>
      <c r="H195" s="137"/>
      <c r="I195" s="137"/>
      <c r="J195" s="137"/>
      <c r="K195" s="137"/>
      <c r="L195" s="137"/>
    </row>
    <row r="196" spans="3:12" x14ac:dyDescent="0.2">
      <c r="C196" s="137"/>
      <c r="D196" s="137"/>
      <c r="E196" s="137"/>
      <c r="F196" s="137"/>
      <c r="G196" s="137"/>
      <c r="H196" s="137"/>
      <c r="I196" s="137"/>
      <c r="J196" s="137"/>
      <c r="K196" s="137"/>
      <c r="L196" s="137"/>
    </row>
    <row r="197" spans="3:12" x14ac:dyDescent="0.2">
      <c r="C197" s="137"/>
      <c r="D197" s="137"/>
      <c r="E197" s="137"/>
      <c r="F197" s="137"/>
      <c r="G197" s="137"/>
      <c r="H197" s="137"/>
      <c r="I197" s="137"/>
      <c r="J197" s="137"/>
      <c r="K197" s="137"/>
      <c r="L197" s="137"/>
    </row>
    <row r="198" spans="3:12" x14ac:dyDescent="0.2">
      <c r="C198" s="137"/>
      <c r="D198" s="137"/>
      <c r="E198" s="137"/>
      <c r="F198" s="137"/>
      <c r="G198" s="137"/>
      <c r="H198" s="137"/>
      <c r="I198" s="137"/>
      <c r="J198" s="137"/>
      <c r="K198" s="137"/>
      <c r="L198" s="137"/>
    </row>
    <row r="199" spans="3:12" x14ac:dyDescent="0.2">
      <c r="C199" s="137"/>
      <c r="D199" s="137"/>
      <c r="E199" s="137"/>
      <c r="F199" s="137"/>
      <c r="G199" s="137"/>
      <c r="H199" s="137"/>
      <c r="I199" s="137"/>
      <c r="J199" s="137"/>
      <c r="K199" s="137"/>
      <c r="L199" s="137"/>
    </row>
    <row r="200" spans="3:12" x14ac:dyDescent="0.2">
      <c r="C200" s="137"/>
      <c r="D200" s="137"/>
      <c r="E200" s="137"/>
      <c r="F200" s="137"/>
      <c r="G200" s="137"/>
      <c r="H200" s="137"/>
      <c r="I200" s="137"/>
      <c r="J200" s="137"/>
      <c r="K200" s="137"/>
      <c r="L200" s="137"/>
    </row>
    <row r="201" spans="3:12" x14ac:dyDescent="0.2">
      <c r="C201" s="137"/>
      <c r="D201" s="137"/>
      <c r="E201" s="137"/>
      <c r="F201" s="137"/>
      <c r="G201" s="137"/>
      <c r="H201" s="137"/>
      <c r="I201" s="137"/>
      <c r="J201" s="137"/>
      <c r="K201" s="137"/>
      <c r="L201" s="137"/>
    </row>
    <row r="202" spans="3:12" x14ac:dyDescent="0.2">
      <c r="C202" s="137"/>
      <c r="D202" s="137"/>
      <c r="E202" s="137"/>
      <c r="F202" s="137"/>
      <c r="G202" s="137"/>
      <c r="H202" s="137"/>
      <c r="I202" s="137"/>
      <c r="J202" s="137"/>
      <c r="K202" s="137"/>
      <c r="L202" s="137"/>
    </row>
    <row r="203" spans="3:12" x14ac:dyDescent="0.2">
      <c r="C203" s="137"/>
      <c r="D203" s="137"/>
      <c r="E203" s="137"/>
      <c r="F203" s="137"/>
      <c r="G203" s="137"/>
      <c r="H203" s="137"/>
      <c r="I203" s="137"/>
      <c r="J203" s="137"/>
      <c r="K203" s="137"/>
      <c r="L203" s="137"/>
    </row>
    <row r="204" spans="3:12" x14ac:dyDescent="0.2">
      <c r="C204" s="137"/>
      <c r="D204" s="137"/>
      <c r="E204" s="137"/>
      <c r="F204" s="137"/>
      <c r="G204" s="137"/>
      <c r="H204" s="137"/>
      <c r="I204" s="137"/>
      <c r="J204" s="137"/>
      <c r="K204" s="137"/>
      <c r="L204" s="137"/>
    </row>
    <row r="205" spans="3:12" x14ac:dyDescent="0.2">
      <c r="C205" s="137"/>
      <c r="D205" s="137"/>
      <c r="E205" s="137"/>
      <c r="F205" s="137"/>
      <c r="G205" s="137"/>
      <c r="H205" s="137"/>
      <c r="I205" s="137"/>
      <c r="J205" s="137"/>
      <c r="K205" s="137"/>
      <c r="L205" s="137"/>
    </row>
    <row r="206" spans="3:12" x14ac:dyDescent="0.2">
      <c r="C206" s="137"/>
      <c r="D206" s="137"/>
      <c r="E206" s="137"/>
      <c r="F206" s="137"/>
      <c r="G206" s="137"/>
      <c r="H206" s="137"/>
      <c r="I206" s="137"/>
      <c r="J206" s="137"/>
      <c r="K206" s="137"/>
      <c r="L206" s="137"/>
    </row>
    <row r="207" spans="3:12" x14ac:dyDescent="0.2">
      <c r="C207" s="137"/>
      <c r="D207" s="137"/>
      <c r="E207" s="137"/>
      <c r="F207" s="137"/>
      <c r="G207" s="137"/>
      <c r="H207" s="137"/>
      <c r="I207" s="137"/>
      <c r="J207" s="137"/>
      <c r="K207" s="137"/>
      <c r="L207" s="137"/>
    </row>
    <row r="208" spans="3:12" x14ac:dyDescent="0.2">
      <c r="C208" s="137"/>
      <c r="D208" s="137"/>
      <c r="E208" s="137"/>
      <c r="F208" s="137"/>
      <c r="G208" s="137"/>
      <c r="H208" s="137"/>
      <c r="I208" s="137"/>
      <c r="J208" s="137"/>
      <c r="K208" s="137"/>
      <c r="L208" s="137"/>
    </row>
    <row r="209" spans="3:12" x14ac:dyDescent="0.2">
      <c r="C209" s="137"/>
      <c r="D209" s="137"/>
      <c r="E209" s="137"/>
      <c r="F209" s="137"/>
      <c r="G209" s="137"/>
      <c r="H209" s="137"/>
      <c r="I209" s="137"/>
      <c r="J209" s="137"/>
      <c r="K209" s="137"/>
      <c r="L209" s="137"/>
    </row>
    <row r="210" spans="3:12" x14ac:dyDescent="0.2">
      <c r="C210" s="137"/>
      <c r="D210" s="137"/>
      <c r="E210" s="137"/>
      <c r="F210" s="137"/>
      <c r="G210" s="137"/>
      <c r="H210" s="137"/>
      <c r="I210" s="137"/>
      <c r="J210" s="137"/>
      <c r="K210" s="137"/>
      <c r="L210" s="137"/>
    </row>
    <row r="211" spans="3:12" x14ac:dyDescent="0.2">
      <c r="C211" s="137"/>
      <c r="D211" s="137"/>
      <c r="E211" s="137"/>
      <c r="F211" s="137"/>
      <c r="G211" s="137"/>
      <c r="H211" s="137"/>
      <c r="I211" s="137"/>
      <c r="J211" s="137"/>
      <c r="K211" s="137"/>
      <c r="L211" s="137"/>
    </row>
    <row r="212" spans="3:12" x14ac:dyDescent="0.2">
      <c r="C212" s="137"/>
      <c r="D212" s="137"/>
      <c r="E212" s="137"/>
      <c r="F212" s="137"/>
      <c r="G212" s="137"/>
      <c r="H212" s="137"/>
      <c r="I212" s="137"/>
      <c r="J212" s="137"/>
      <c r="K212" s="137"/>
      <c r="L212" s="137"/>
    </row>
    <row r="213" spans="3:12" x14ac:dyDescent="0.2">
      <c r="C213" s="137"/>
      <c r="D213" s="137"/>
      <c r="E213" s="137"/>
      <c r="F213" s="137"/>
      <c r="G213" s="137"/>
      <c r="H213" s="137"/>
      <c r="I213" s="137"/>
      <c r="J213" s="137"/>
      <c r="K213" s="137"/>
      <c r="L213" s="137"/>
    </row>
    <row r="214" spans="3:12" x14ac:dyDescent="0.2">
      <c r="C214" s="137"/>
      <c r="D214" s="137"/>
      <c r="E214" s="137"/>
      <c r="F214" s="137"/>
      <c r="G214" s="137"/>
      <c r="H214" s="137"/>
      <c r="I214" s="137"/>
      <c r="J214" s="137"/>
      <c r="K214" s="137"/>
      <c r="L214" s="137"/>
    </row>
    <row r="215" spans="3:12" x14ac:dyDescent="0.2">
      <c r="C215" s="137"/>
      <c r="D215" s="137"/>
      <c r="E215" s="137"/>
      <c r="F215" s="137"/>
      <c r="G215" s="137"/>
      <c r="H215" s="137"/>
      <c r="I215" s="137"/>
      <c r="J215" s="137"/>
      <c r="K215" s="137"/>
      <c r="L215" s="137"/>
    </row>
    <row r="216" spans="3:12" x14ac:dyDescent="0.2">
      <c r="C216" s="137"/>
      <c r="D216" s="137"/>
      <c r="E216" s="137"/>
      <c r="F216" s="137"/>
      <c r="G216" s="137"/>
      <c r="H216" s="137"/>
      <c r="I216" s="137"/>
      <c r="J216" s="137"/>
      <c r="K216" s="137"/>
      <c r="L216" s="137"/>
    </row>
    <row r="217" spans="3:12" x14ac:dyDescent="0.2">
      <c r="C217" s="137"/>
      <c r="D217" s="137"/>
      <c r="E217" s="137"/>
      <c r="F217" s="137"/>
      <c r="G217" s="137"/>
      <c r="H217" s="137"/>
      <c r="I217" s="137"/>
      <c r="J217" s="137"/>
      <c r="K217" s="137"/>
      <c r="L217" s="137"/>
    </row>
    <row r="218" spans="3:12" x14ac:dyDescent="0.2">
      <c r="C218" s="137"/>
      <c r="D218" s="137"/>
      <c r="E218" s="137"/>
      <c r="F218" s="137"/>
      <c r="G218" s="137"/>
      <c r="H218" s="137"/>
      <c r="I218" s="137"/>
      <c r="J218" s="137"/>
      <c r="K218" s="137"/>
      <c r="L218" s="137"/>
    </row>
  </sheetData>
  <mergeCells count="18">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 ref="H1:I1"/>
    <mergeCell ref="AG4:AI4"/>
    <mergeCell ref="AJ4:AO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138" customWidth="1"/>
    <col min="2" max="2" width="9.77734375" style="138" customWidth="1"/>
    <col min="3" max="3" width="8.21875" style="138" customWidth="1"/>
    <col min="4" max="5" width="10" style="138" customWidth="1"/>
    <col min="6" max="6" width="7" style="138" customWidth="1"/>
    <col min="7" max="13" width="10.33203125" style="138" customWidth="1"/>
    <col min="14" max="16" width="8.88671875" style="138" customWidth="1"/>
    <col min="17" max="17" width="7.6640625" style="138" customWidth="1"/>
    <col min="18" max="24" width="10.6640625" style="138" customWidth="1"/>
    <col min="25" max="27" width="8.88671875" style="138" customWidth="1"/>
    <col min="28" max="28" width="7.6640625" style="138" customWidth="1"/>
    <col min="29" max="29" width="8.88671875" style="138" customWidth="1"/>
    <col min="30" max="30" width="10.44140625" style="138" customWidth="1"/>
    <col min="31" max="33" width="8.88671875" style="138" customWidth="1"/>
    <col min="34" max="35" width="10" style="138" customWidth="1"/>
    <col min="36" max="38" width="8.88671875" style="138" customWidth="1"/>
    <col min="39" max="39" width="7.77734375" style="138" customWidth="1"/>
    <col min="40" max="49" width="8.88671875" style="138" customWidth="1"/>
    <col min="50" max="50" width="7.77734375" style="138" customWidth="1"/>
    <col min="51" max="55" width="8.88671875" style="138" customWidth="1"/>
    <col min="56" max="57" width="10.33203125" style="138" customWidth="1"/>
    <col min="58" max="60" width="8.88671875" style="138" customWidth="1"/>
    <col min="61" max="61" width="8" style="138" customWidth="1"/>
    <col min="62" max="71" width="8.88671875" style="138" customWidth="1"/>
    <col min="72" max="72" width="7.44140625" style="138" customWidth="1"/>
    <col min="73" max="77" width="8.88671875" style="138" customWidth="1"/>
    <col min="78" max="78" width="11.77734375" style="138" customWidth="1"/>
    <col min="79" max="79" width="12" style="138" customWidth="1"/>
    <col min="80" max="82" width="8.88671875" style="263" customWidth="1"/>
    <col min="83" max="83" width="7.77734375" style="263" customWidth="1"/>
    <col min="84" max="90" width="9" style="263" customWidth="1"/>
    <col min="91" max="93" width="8.88671875" style="138" customWidth="1"/>
    <col min="94" max="94" width="7.44140625" style="138" customWidth="1"/>
    <col min="95" max="97" width="10.109375" style="138" customWidth="1"/>
    <col min="98" max="99" width="8.88671875" style="138" customWidth="1"/>
    <col min="100" max="101" width="10.21875" style="138" customWidth="1"/>
    <col min="102" max="104" width="8.88671875" style="138" customWidth="1"/>
    <col min="105" max="105" width="7.33203125" style="138" customWidth="1"/>
    <col min="106" max="110" width="8.88671875" style="138" customWidth="1"/>
    <col min="111" max="112" width="9.21875" style="138" customWidth="1"/>
    <col min="113" max="115" width="8.88671875" style="263" customWidth="1"/>
    <col min="116" max="116" width="7.33203125" style="263" customWidth="1"/>
    <col min="117" max="121" width="8.88671875" style="263" customWidth="1"/>
    <col min="122" max="123" width="9.6640625" style="263" customWidth="1"/>
    <col min="124" max="126" width="8.88671875" style="138" customWidth="1"/>
    <col min="127" max="127" width="7.77734375" style="138" customWidth="1"/>
    <col min="128" max="132" width="8.88671875" style="138" customWidth="1"/>
    <col min="133" max="134" width="9.33203125" style="138" customWidth="1"/>
    <col min="135" max="137" width="8.88671875" style="138" customWidth="1"/>
    <col min="138" max="138" width="7.44140625" style="138" customWidth="1"/>
    <col min="139" max="148" width="8.88671875" style="138" customWidth="1"/>
    <col min="149" max="149" width="7.21875" style="138" customWidth="1"/>
    <col min="150" max="159" width="8.88671875" style="138" customWidth="1"/>
    <col min="160" max="160" width="7.21875" style="138" customWidth="1"/>
    <col min="161" max="167" width="8.88671875" style="138" customWidth="1"/>
    <col min="168" max="170" width="8.88671875" style="263" customWidth="1"/>
    <col min="171" max="171" width="7.33203125" style="263" customWidth="1"/>
    <col min="172" max="176" width="8.88671875" style="263" customWidth="1"/>
    <col min="177" max="178" width="9.6640625" style="263" customWidth="1"/>
    <col min="179" max="181" width="8.88671875" style="138" customWidth="1"/>
    <col min="182" max="182" width="7.21875" style="138" customWidth="1"/>
    <col min="183" max="187" width="8.88671875" style="138" customWidth="1"/>
    <col min="188" max="189" width="9.44140625" style="138" customWidth="1"/>
    <col min="190" max="192" width="8.88671875" style="138" customWidth="1"/>
    <col min="193" max="193" width="7.77734375" style="138" customWidth="1"/>
    <col min="194" max="203" width="8.88671875" style="138" customWidth="1"/>
    <col min="204" max="204" width="7.44140625" style="138" customWidth="1"/>
    <col min="205" max="214" width="8.88671875" style="138" customWidth="1"/>
    <col min="215" max="215" width="7.33203125" style="138" customWidth="1"/>
    <col min="216" max="218" width="8.88671875" style="138" customWidth="1"/>
    <col min="219" max="219" width="10.44140625" style="138" customWidth="1"/>
    <col min="220" max="220" width="8.88671875" style="138" customWidth="1"/>
    <col min="221" max="222" width="9.6640625" style="138" customWidth="1"/>
    <col min="223" max="225" width="8.88671875" style="138" customWidth="1"/>
    <col min="226" max="226" width="7.6640625" style="138" customWidth="1"/>
    <col min="227" max="231" width="8.88671875" style="138" customWidth="1"/>
    <col min="232" max="233" width="10" style="138" customWidth="1"/>
    <col min="234" max="235" width="7.44140625" style="263" customWidth="1"/>
    <col min="236" max="236" width="9.33203125" style="263" customWidth="1"/>
    <col min="237" max="237" width="7.44140625" style="263" customWidth="1"/>
    <col min="238" max="244" width="10.109375" style="263" customWidth="1"/>
    <col min="245" max="247" width="10.109375" style="138" customWidth="1"/>
    <col min="248" max="248" width="7.109375" style="138" customWidth="1"/>
    <col min="249" max="258" width="10.109375" style="138" customWidth="1"/>
    <col min="259" max="259" width="7.33203125" style="138" customWidth="1"/>
    <col min="260" max="269" width="10.109375" style="138" customWidth="1"/>
    <col min="270" max="270" width="7.21875" style="138" customWidth="1"/>
    <col min="271" max="280" width="10.109375" style="138" customWidth="1"/>
    <col min="281" max="281" width="7.6640625" style="138" customWidth="1"/>
    <col min="282" max="291" width="10.109375" style="138" customWidth="1"/>
    <col min="292" max="292" width="6.33203125" style="138" customWidth="1"/>
    <col min="293" max="302" width="10.109375" style="138" customWidth="1"/>
    <col min="303" max="303" width="7.44140625" style="138" customWidth="1"/>
    <col min="304" max="310" width="10.109375" style="138" customWidth="1"/>
    <col min="311" max="313" width="10.109375" style="263" customWidth="1"/>
    <col min="314" max="314" width="7.109375" style="263" customWidth="1"/>
    <col min="315" max="324" width="10.109375" style="263" customWidth="1"/>
    <col min="325" max="325" width="7.44140625" style="263" customWidth="1"/>
    <col min="326" max="335" width="10.109375" style="263" customWidth="1"/>
    <col min="336" max="336" width="6.88671875" style="263" customWidth="1"/>
    <col min="337" max="343" width="10.109375" style="263" customWidth="1"/>
    <col min="344" max="346" width="10.109375" style="138" customWidth="1"/>
    <col min="347" max="347" width="7.21875" style="138" customWidth="1"/>
    <col min="348" max="357" width="10.109375" style="138" customWidth="1"/>
    <col min="358" max="358" width="7.21875" style="138" customWidth="1"/>
    <col min="359" max="368" width="10.109375" style="138" customWidth="1"/>
    <col min="369" max="369" width="7" style="138" customWidth="1"/>
    <col min="370" max="379" width="10.109375" style="138" customWidth="1"/>
    <col min="380" max="380" width="6.88671875" style="138" customWidth="1"/>
    <col min="381" max="385" width="10.109375" style="138" customWidth="1"/>
    <col min="386" max="387" width="10.33203125" style="138" customWidth="1"/>
    <col min="388" max="390" width="10.109375" style="138" customWidth="1"/>
    <col min="391" max="391" width="6.88671875" style="138" customWidth="1"/>
    <col min="392" max="396" width="10.109375" style="138" customWidth="1"/>
    <col min="397" max="398" width="10.33203125" style="138" customWidth="1"/>
    <col min="399" max="401" width="9.21875" style="138" customWidth="1"/>
    <col min="402" max="402" width="7" style="138" customWidth="1"/>
    <col min="403" max="404" width="9.21875" style="138" customWidth="1"/>
    <col min="405" max="405" width="10.44140625" style="138" customWidth="1"/>
    <col min="406" max="406" width="12.109375" style="138" customWidth="1"/>
    <col min="407" max="407" width="10.109375" style="138" customWidth="1"/>
    <col min="408" max="409" width="10.33203125" style="138" customWidth="1"/>
    <col min="410" max="16384" width="8.21875" style="138"/>
  </cols>
  <sheetData>
    <row r="1" spans="1:409" ht="24" customHeight="1" x14ac:dyDescent="0.2">
      <c r="B1" s="10" t="s">
        <v>143</v>
      </c>
      <c r="E1" s="127">
        <f>第１表!F2</f>
        <v>6</v>
      </c>
      <c r="F1" s="41">
        <f>第１表!G2</f>
        <v>4</v>
      </c>
      <c r="G1" s="605">
        <f>IF(F1&lt;3,F1-2+12,F1-2)</f>
        <v>2</v>
      </c>
      <c r="H1" s="605"/>
      <c r="IB1" s="102"/>
      <c r="IC1" s="47"/>
      <c r="ID1" s="580"/>
      <c r="IE1" s="580"/>
    </row>
    <row r="2" spans="1:409" ht="24" customHeight="1" x14ac:dyDescent="0.2">
      <c r="B2" s="10" t="s">
        <v>144</v>
      </c>
      <c r="E2" s="44"/>
      <c r="F2" s="45"/>
      <c r="G2" s="580"/>
      <c r="H2" s="580"/>
      <c r="IB2" s="46"/>
      <c r="IC2" s="47"/>
      <c r="ID2" s="264"/>
      <c r="IE2" s="264"/>
    </row>
    <row r="3" spans="1:409" ht="24" customHeight="1" thickBot="1" x14ac:dyDescent="0.25">
      <c r="B3" s="10" t="s">
        <v>145</v>
      </c>
    </row>
    <row r="4" spans="1:409" ht="21" customHeight="1" thickBot="1" x14ac:dyDescent="0.25">
      <c r="B4" s="587" t="s">
        <v>42</v>
      </c>
      <c r="C4" s="590" t="s">
        <v>63</v>
      </c>
      <c r="D4" s="590"/>
      <c r="E4" s="590"/>
      <c r="F4" s="590"/>
      <c r="G4" s="590"/>
      <c r="H4" s="590"/>
      <c r="I4" s="590"/>
      <c r="J4" s="590"/>
      <c r="K4" s="590"/>
      <c r="L4" s="590"/>
      <c r="M4" s="590"/>
      <c r="N4" s="553"/>
      <c r="O4" s="553"/>
      <c r="P4" s="553"/>
      <c r="Q4" s="553"/>
      <c r="R4" s="553"/>
      <c r="S4" s="553"/>
      <c r="T4" s="553"/>
      <c r="U4" s="553"/>
      <c r="V4" s="553"/>
      <c r="W4" s="553"/>
      <c r="X4" s="553"/>
      <c r="Y4" s="553"/>
      <c r="Z4" s="553"/>
      <c r="AA4" s="553"/>
      <c r="AB4" s="553"/>
      <c r="AC4" s="553"/>
      <c r="AD4" s="553"/>
      <c r="AE4" s="553"/>
      <c r="AF4" s="553"/>
      <c r="AG4" s="553"/>
      <c r="AH4" s="553"/>
      <c r="AI4" s="553"/>
      <c r="AJ4" s="553"/>
      <c r="AK4" s="553"/>
      <c r="AL4" s="553"/>
      <c r="AM4" s="553"/>
      <c r="AN4" s="553"/>
      <c r="AO4" s="553"/>
      <c r="AP4" s="553"/>
      <c r="AQ4" s="553"/>
      <c r="AR4" s="553"/>
      <c r="AS4" s="553"/>
      <c r="AT4" s="553"/>
      <c r="AU4" s="553"/>
      <c r="AV4" s="553"/>
      <c r="AW4" s="553"/>
      <c r="AX4" s="553"/>
      <c r="AY4" s="553"/>
      <c r="AZ4" s="553"/>
      <c r="BA4" s="553"/>
      <c r="BB4" s="553"/>
      <c r="BC4" s="553"/>
      <c r="BD4" s="553"/>
      <c r="BE4" s="553"/>
      <c r="BF4" s="553"/>
      <c r="BG4" s="553"/>
      <c r="BH4" s="553"/>
      <c r="BI4" s="553"/>
      <c r="BJ4" s="553"/>
      <c r="BK4" s="553"/>
      <c r="BL4" s="553"/>
      <c r="BM4" s="553"/>
      <c r="BN4" s="553"/>
      <c r="BO4" s="553"/>
      <c r="BP4" s="553"/>
      <c r="BQ4" s="553"/>
      <c r="BR4" s="553"/>
      <c r="BS4" s="553"/>
      <c r="BT4" s="553"/>
      <c r="BU4" s="553"/>
      <c r="BV4" s="553"/>
      <c r="BW4" s="553"/>
      <c r="BX4" s="553"/>
      <c r="BY4" s="553"/>
      <c r="BZ4" s="553"/>
      <c r="CA4" s="553"/>
      <c r="CB4" s="553"/>
      <c r="CC4" s="553"/>
      <c r="CD4" s="553"/>
      <c r="CE4" s="553"/>
      <c r="CF4" s="553"/>
      <c r="CG4" s="553"/>
      <c r="CH4" s="553"/>
      <c r="CI4" s="553"/>
      <c r="CJ4" s="553"/>
      <c r="CK4" s="553"/>
      <c r="CL4" s="553"/>
      <c r="CM4" s="553"/>
      <c r="CN4" s="553"/>
      <c r="CO4" s="553"/>
      <c r="CP4" s="553"/>
      <c r="CQ4" s="553"/>
      <c r="CR4" s="553"/>
      <c r="CS4" s="553"/>
      <c r="CT4" s="553"/>
      <c r="CU4" s="553"/>
      <c r="CV4" s="553"/>
      <c r="CW4" s="553"/>
      <c r="CX4" s="553"/>
      <c r="CY4" s="553"/>
      <c r="CZ4" s="553"/>
      <c r="DA4" s="553"/>
      <c r="DB4" s="553"/>
      <c r="DC4" s="553"/>
      <c r="DD4" s="553"/>
      <c r="DE4" s="553"/>
      <c r="DF4" s="553"/>
      <c r="DG4" s="553"/>
      <c r="DH4" s="553"/>
      <c r="DI4" s="553"/>
      <c r="DJ4" s="553"/>
      <c r="DK4" s="553"/>
      <c r="DL4" s="553"/>
      <c r="DM4" s="553"/>
      <c r="DN4" s="553"/>
      <c r="DO4" s="553"/>
      <c r="DP4" s="553"/>
      <c r="DQ4" s="553"/>
      <c r="DR4" s="553"/>
      <c r="DS4" s="553"/>
      <c r="DT4" s="553"/>
      <c r="DU4" s="553"/>
      <c r="DV4" s="553"/>
      <c r="DW4" s="553"/>
      <c r="DX4" s="553"/>
      <c r="DY4" s="553"/>
      <c r="DZ4" s="553"/>
      <c r="EA4" s="553"/>
      <c r="EB4" s="553"/>
      <c r="EC4" s="553"/>
      <c r="ED4" s="553"/>
      <c r="EE4" s="553"/>
      <c r="EF4" s="553"/>
      <c r="EG4" s="553"/>
      <c r="EH4" s="553"/>
      <c r="EI4" s="553"/>
      <c r="EJ4" s="553"/>
      <c r="EK4" s="553"/>
      <c r="EL4" s="553"/>
      <c r="EM4" s="553"/>
      <c r="EN4" s="553"/>
      <c r="EO4" s="553"/>
      <c r="EP4" s="553"/>
      <c r="EQ4" s="553"/>
      <c r="ER4" s="553"/>
      <c r="ES4" s="553"/>
      <c r="ET4" s="553"/>
      <c r="EU4" s="553"/>
      <c r="EV4" s="553"/>
      <c r="EW4" s="553"/>
      <c r="EX4" s="553"/>
      <c r="EY4" s="553"/>
      <c r="EZ4" s="553"/>
      <c r="FA4" s="553"/>
      <c r="FB4" s="553"/>
      <c r="FC4" s="553"/>
      <c r="FD4" s="553"/>
      <c r="FE4" s="553"/>
      <c r="FF4" s="553"/>
      <c r="FG4" s="553"/>
      <c r="FH4" s="553"/>
      <c r="FI4" s="553"/>
      <c r="FJ4" s="553"/>
      <c r="FK4" s="553"/>
      <c r="FL4" s="553"/>
      <c r="FM4" s="553"/>
      <c r="FN4" s="553"/>
      <c r="FO4" s="553"/>
      <c r="FP4" s="553"/>
      <c r="FQ4" s="553"/>
      <c r="FR4" s="553"/>
      <c r="FS4" s="553"/>
      <c r="FT4" s="553"/>
      <c r="FU4" s="553"/>
      <c r="FV4" s="553"/>
      <c r="FW4" s="553"/>
      <c r="FX4" s="553"/>
      <c r="FY4" s="553"/>
      <c r="FZ4" s="553"/>
      <c r="GA4" s="553"/>
      <c r="GB4" s="553"/>
      <c r="GC4" s="553"/>
      <c r="GD4" s="553"/>
      <c r="GE4" s="553"/>
      <c r="GF4" s="553"/>
      <c r="GG4" s="553"/>
      <c r="GH4" s="553"/>
      <c r="GI4" s="553"/>
      <c r="GJ4" s="553"/>
      <c r="GK4" s="553"/>
      <c r="GL4" s="553"/>
      <c r="GM4" s="553"/>
      <c r="GN4" s="553"/>
      <c r="GO4" s="553"/>
      <c r="GP4" s="553"/>
      <c r="GQ4" s="553"/>
      <c r="GR4" s="553"/>
      <c r="GS4" s="553"/>
      <c r="GT4" s="553"/>
      <c r="GU4" s="553"/>
      <c r="GV4" s="553"/>
      <c r="GW4" s="553"/>
      <c r="GX4" s="553"/>
      <c r="GY4" s="553"/>
      <c r="GZ4" s="553"/>
      <c r="HA4" s="553"/>
      <c r="HB4" s="553"/>
      <c r="HC4" s="553"/>
      <c r="HD4" s="553"/>
      <c r="HE4" s="553"/>
      <c r="HF4" s="553"/>
      <c r="HG4" s="553"/>
      <c r="HH4" s="553"/>
      <c r="HI4" s="553"/>
      <c r="HJ4" s="553"/>
      <c r="HK4" s="553"/>
      <c r="HL4" s="553"/>
      <c r="HM4" s="553"/>
      <c r="HN4" s="553"/>
      <c r="HO4" s="553"/>
      <c r="HP4" s="553"/>
      <c r="HQ4" s="553"/>
      <c r="HR4" s="553"/>
      <c r="HS4" s="553"/>
      <c r="HT4" s="553"/>
      <c r="HU4" s="553"/>
      <c r="HV4" s="553"/>
      <c r="HW4" s="553"/>
      <c r="HX4" s="553"/>
      <c r="HY4" s="554"/>
      <c r="HZ4" s="447" t="s">
        <v>85</v>
      </c>
      <c r="IA4" s="448"/>
      <c r="IB4" s="448"/>
      <c r="IC4" s="448"/>
      <c r="ID4" s="448"/>
      <c r="IE4" s="448"/>
      <c r="IF4" s="448"/>
      <c r="IG4" s="448"/>
      <c r="IH4" s="448"/>
      <c r="II4" s="448"/>
      <c r="IJ4" s="448"/>
      <c r="IK4" s="448"/>
      <c r="IL4" s="448"/>
      <c r="IM4" s="448"/>
      <c r="IN4" s="448"/>
      <c r="IO4" s="448"/>
      <c r="IP4" s="448"/>
      <c r="IQ4" s="448"/>
      <c r="IR4" s="448"/>
      <c r="IS4" s="448"/>
      <c r="IT4" s="448"/>
      <c r="IU4" s="448"/>
      <c r="IV4" s="448"/>
      <c r="IW4" s="448"/>
      <c r="IX4" s="448"/>
      <c r="IY4" s="448"/>
      <c r="IZ4" s="448"/>
      <c r="JA4" s="448"/>
      <c r="JB4" s="448"/>
      <c r="JC4" s="448"/>
      <c r="JD4" s="448"/>
      <c r="JE4" s="448"/>
      <c r="JF4" s="448"/>
      <c r="JG4" s="448"/>
      <c r="JH4" s="448"/>
      <c r="JI4" s="448"/>
      <c r="JJ4" s="448"/>
      <c r="JK4" s="448"/>
      <c r="JL4" s="448"/>
      <c r="JM4" s="448"/>
      <c r="JN4" s="448"/>
      <c r="JO4" s="448"/>
      <c r="JP4" s="448"/>
      <c r="JQ4" s="448"/>
      <c r="JR4" s="448"/>
      <c r="JS4" s="448"/>
      <c r="JT4" s="448"/>
      <c r="JU4" s="448"/>
      <c r="JV4" s="448"/>
      <c r="JW4" s="448"/>
      <c r="JX4" s="448"/>
      <c r="JY4" s="448"/>
      <c r="JZ4" s="448"/>
      <c r="KA4" s="448"/>
      <c r="KB4" s="448"/>
      <c r="KC4" s="448"/>
      <c r="KD4" s="448"/>
      <c r="KE4" s="448"/>
      <c r="KF4" s="448"/>
      <c r="KG4" s="448"/>
      <c r="KH4" s="448"/>
      <c r="KI4" s="448"/>
      <c r="KJ4" s="448"/>
      <c r="KK4" s="448"/>
      <c r="KL4" s="448"/>
      <c r="KM4" s="448"/>
      <c r="KN4" s="448"/>
      <c r="KO4" s="448"/>
      <c r="KP4" s="448"/>
      <c r="KQ4" s="448"/>
      <c r="KR4" s="448"/>
      <c r="KS4" s="448"/>
      <c r="KT4" s="448"/>
      <c r="KU4" s="448"/>
      <c r="KV4" s="448"/>
      <c r="KW4" s="448"/>
      <c r="KX4" s="448"/>
      <c r="KY4" s="448"/>
      <c r="KZ4" s="448"/>
      <c r="LA4" s="448"/>
      <c r="LB4" s="448"/>
      <c r="LC4" s="448"/>
      <c r="LD4" s="448"/>
      <c r="LE4" s="448"/>
      <c r="LF4" s="448"/>
      <c r="LG4" s="448"/>
      <c r="LH4" s="448"/>
      <c r="LI4" s="448"/>
      <c r="LJ4" s="448"/>
      <c r="LK4" s="448"/>
      <c r="LL4" s="448"/>
      <c r="LM4" s="448"/>
      <c r="LN4" s="448"/>
      <c r="LO4" s="448"/>
      <c r="LP4" s="448"/>
      <c r="LQ4" s="448"/>
      <c r="LR4" s="448"/>
      <c r="LS4" s="448"/>
      <c r="LT4" s="448"/>
      <c r="LU4" s="448"/>
      <c r="LV4" s="448"/>
      <c r="LW4" s="448"/>
      <c r="LX4" s="448"/>
      <c r="LY4" s="448"/>
      <c r="LZ4" s="448"/>
      <c r="MA4" s="448"/>
      <c r="MB4" s="448"/>
      <c r="MC4" s="448"/>
      <c r="MD4" s="448"/>
      <c r="ME4" s="449"/>
      <c r="MF4" s="447" t="s">
        <v>86</v>
      </c>
      <c r="MG4" s="448"/>
      <c r="MH4" s="448"/>
      <c r="MI4" s="448"/>
      <c r="MJ4" s="448"/>
      <c r="MK4" s="448"/>
      <c r="ML4" s="448"/>
      <c r="MM4" s="448"/>
      <c r="MN4" s="448"/>
      <c r="MO4" s="448"/>
      <c r="MP4" s="448"/>
      <c r="MQ4" s="448"/>
      <c r="MR4" s="448"/>
      <c r="MS4" s="448"/>
      <c r="MT4" s="448"/>
      <c r="MU4" s="448"/>
      <c r="MV4" s="448"/>
      <c r="MW4" s="448"/>
      <c r="MX4" s="448"/>
      <c r="MY4" s="448"/>
      <c r="MZ4" s="448"/>
      <c r="NA4" s="448"/>
      <c r="NB4" s="448"/>
      <c r="NC4" s="448"/>
      <c r="ND4" s="448"/>
      <c r="NE4" s="448"/>
      <c r="NF4" s="448"/>
      <c r="NG4" s="448"/>
      <c r="NH4" s="448"/>
      <c r="NI4" s="448"/>
      <c r="NJ4" s="448"/>
      <c r="NK4" s="448"/>
      <c r="NL4" s="448"/>
      <c r="NM4" s="448"/>
      <c r="NN4" s="448"/>
      <c r="NO4" s="448"/>
      <c r="NP4" s="448"/>
      <c r="NQ4" s="448"/>
      <c r="NR4" s="448"/>
      <c r="NS4" s="448"/>
      <c r="NT4" s="448"/>
      <c r="NU4" s="448"/>
      <c r="NV4" s="448"/>
      <c r="NW4" s="448"/>
      <c r="NX4" s="448"/>
      <c r="NY4" s="448"/>
      <c r="NZ4" s="448"/>
      <c r="OA4" s="448"/>
      <c r="OB4" s="448"/>
      <c r="OC4" s="448"/>
      <c r="OD4" s="448"/>
      <c r="OE4" s="448"/>
      <c r="OF4" s="448"/>
      <c r="OG4" s="448"/>
      <c r="OH4" s="449"/>
      <c r="OI4" s="450" t="s">
        <v>60</v>
      </c>
      <c r="OJ4" s="451"/>
      <c r="OK4" s="451"/>
      <c r="OL4" s="451"/>
      <c r="OM4" s="451"/>
      <c r="ON4" s="451"/>
      <c r="OO4" s="451"/>
      <c r="OP4" s="451"/>
      <c r="OQ4" s="451"/>
      <c r="OR4" s="451"/>
      <c r="OS4" s="452"/>
    </row>
    <row r="5" spans="1:409" ht="21" customHeight="1" thickBot="1" x14ac:dyDescent="0.25">
      <c r="B5" s="588"/>
      <c r="C5" s="591"/>
      <c r="D5" s="591"/>
      <c r="E5" s="591"/>
      <c r="F5" s="591"/>
      <c r="G5" s="591"/>
      <c r="H5" s="591"/>
      <c r="I5" s="591"/>
      <c r="J5" s="591"/>
      <c r="K5" s="591"/>
      <c r="L5" s="591"/>
      <c r="M5" s="591"/>
      <c r="N5" s="593" t="s">
        <v>64</v>
      </c>
      <c r="O5" s="594"/>
      <c r="P5" s="594"/>
      <c r="Q5" s="594"/>
      <c r="R5" s="594"/>
      <c r="S5" s="594"/>
      <c r="T5" s="594"/>
      <c r="U5" s="594"/>
      <c r="V5" s="594"/>
      <c r="W5" s="594"/>
      <c r="X5" s="594"/>
      <c r="Y5" s="594"/>
      <c r="Z5" s="594"/>
      <c r="AA5" s="594"/>
      <c r="AB5" s="594"/>
      <c r="AC5" s="594"/>
      <c r="AD5" s="594"/>
      <c r="AE5" s="594"/>
      <c r="AF5" s="594"/>
      <c r="AG5" s="594"/>
      <c r="AH5" s="594"/>
      <c r="AI5" s="594"/>
      <c r="AJ5" s="594"/>
      <c r="AK5" s="594"/>
      <c r="AL5" s="594"/>
      <c r="AM5" s="594"/>
      <c r="AN5" s="594"/>
      <c r="AO5" s="594"/>
      <c r="AP5" s="594"/>
      <c r="AQ5" s="594"/>
      <c r="AR5" s="594"/>
      <c r="AS5" s="594"/>
      <c r="AT5" s="594"/>
      <c r="AU5" s="594"/>
      <c r="AV5" s="594"/>
      <c r="AW5" s="594"/>
      <c r="AX5" s="594"/>
      <c r="AY5" s="594"/>
      <c r="AZ5" s="594"/>
      <c r="BA5" s="594"/>
      <c r="BB5" s="594"/>
      <c r="BC5" s="594"/>
      <c r="BD5" s="594"/>
      <c r="BE5" s="594"/>
      <c r="BF5" s="594"/>
      <c r="BG5" s="594"/>
      <c r="BH5" s="594"/>
      <c r="BI5" s="594"/>
      <c r="BJ5" s="594"/>
      <c r="BK5" s="594"/>
      <c r="BL5" s="594"/>
      <c r="BM5" s="594"/>
      <c r="BN5" s="594"/>
      <c r="BO5" s="594"/>
      <c r="BP5" s="594"/>
      <c r="BQ5" s="594"/>
      <c r="BR5" s="594"/>
      <c r="BS5" s="594"/>
      <c r="BT5" s="594"/>
      <c r="BU5" s="594"/>
      <c r="BV5" s="594"/>
      <c r="BW5" s="594"/>
      <c r="BX5" s="594"/>
      <c r="BY5" s="594"/>
      <c r="BZ5" s="594"/>
      <c r="CA5" s="595"/>
      <c r="CB5" s="593" t="s">
        <v>65</v>
      </c>
      <c r="CC5" s="594"/>
      <c r="CD5" s="594"/>
      <c r="CE5" s="594"/>
      <c r="CF5" s="594"/>
      <c r="CG5" s="594"/>
      <c r="CH5" s="594"/>
      <c r="CI5" s="594"/>
      <c r="CJ5" s="594"/>
      <c r="CK5" s="594"/>
      <c r="CL5" s="594"/>
      <c r="CM5" s="594"/>
      <c r="CN5" s="594"/>
      <c r="CO5" s="594"/>
      <c r="CP5" s="594"/>
      <c r="CQ5" s="594"/>
      <c r="CR5" s="594"/>
      <c r="CS5" s="594"/>
      <c r="CT5" s="594"/>
      <c r="CU5" s="594"/>
      <c r="CV5" s="594"/>
      <c r="CW5" s="594"/>
      <c r="CX5" s="594"/>
      <c r="CY5" s="594"/>
      <c r="CZ5" s="594"/>
      <c r="DA5" s="594"/>
      <c r="DB5" s="594"/>
      <c r="DC5" s="594"/>
      <c r="DD5" s="594"/>
      <c r="DE5" s="594"/>
      <c r="DF5" s="594"/>
      <c r="DG5" s="594"/>
      <c r="DH5" s="595"/>
      <c r="DI5" s="447" t="s">
        <v>66</v>
      </c>
      <c r="DJ5" s="448"/>
      <c r="DK5" s="448"/>
      <c r="DL5" s="448"/>
      <c r="DM5" s="448"/>
      <c r="DN5" s="448"/>
      <c r="DO5" s="448"/>
      <c r="DP5" s="448"/>
      <c r="DQ5" s="448"/>
      <c r="DR5" s="448"/>
      <c r="DS5" s="448"/>
      <c r="DT5" s="448"/>
      <c r="DU5" s="448"/>
      <c r="DV5" s="448"/>
      <c r="DW5" s="448"/>
      <c r="DX5" s="448"/>
      <c r="DY5" s="448"/>
      <c r="DZ5" s="448"/>
      <c r="EA5" s="448"/>
      <c r="EB5" s="448"/>
      <c r="EC5" s="448"/>
      <c r="ED5" s="448"/>
      <c r="EE5" s="448"/>
      <c r="EF5" s="448"/>
      <c r="EG5" s="448"/>
      <c r="EH5" s="448"/>
      <c r="EI5" s="448"/>
      <c r="EJ5" s="448"/>
      <c r="EK5" s="448"/>
      <c r="EL5" s="448"/>
      <c r="EM5" s="448"/>
      <c r="EN5" s="448"/>
      <c r="EO5" s="448"/>
      <c r="EP5" s="448"/>
      <c r="EQ5" s="448"/>
      <c r="ER5" s="448"/>
      <c r="ES5" s="448"/>
      <c r="ET5" s="448"/>
      <c r="EU5" s="448"/>
      <c r="EV5" s="448"/>
      <c r="EW5" s="448"/>
      <c r="EX5" s="448"/>
      <c r="EY5" s="448"/>
      <c r="EZ5" s="448"/>
      <c r="FA5" s="448"/>
      <c r="FB5" s="448"/>
      <c r="FC5" s="448"/>
      <c r="FD5" s="448"/>
      <c r="FE5" s="448"/>
      <c r="FF5" s="448"/>
      <c r="FG5" s="448"/>
      <c r="FH5" s="448"/>
      <c r="FI5" s="448"/>
      <c r="FJ5" s="448"/>
      <c r="FK5" s="449"/>
      <c r="FL5" s="593" t="s">
        <v>67</v>
      </c>
      <c r="FM5" s="594"/>
      <c r="FN5" s="594"/>
      <c r="FO5" s="594"/>
      <c r="FP5" s="594"/>
      <c r="FQ5" s="594"/>
      <c r="FR5" s="594"/>
      <c r="FS5" s="594"/>
      <c r="FT5" s="594"/>
      <c r="FU5" s="594"/>
      <c r="FV5" s="594"/>
      <c r="FW5" s="594"/>
      <c r="FX5" s="594"/>
      <c r="FY5" s="594"/>
      <c r="FZ5" s="594"/>
      <c r="GA5" s="594"/>
      <c r="GB5" s="594"/>
      <c r="GC5" s="594"/>
      <c r="GD5" s="594"/>
      <c r="GE5" s="594"/>
      <c r="GF5" s="594"/>
      <c r="GG5" s="594"/>
      <c r="GH5" s="594"/>
      <c r="GI5" s="594"/>
      <c r="GJ5" s="594"/>
      <c r="GK5" s="594"/>
      <c r="GL5" s="594"/>
      <c r="GM5" s="594"/>
      <c r="GN5" s="594"/>
      <c r="GO5" s="594"/>
      <c r="GP5" s="594"/>
      <c r="GQ5" s="594"/>
      <c r="GR5" s="594"/>
      <c r="GS5" s="594"/>
      <c r="GT5" s="594"/>
      <c r="GU5" s="594"/>
      <c r="GV5" s="594"/>
      <c r="GW5" s="594"/>
      <c r="GX5" s="594"/>
      <c r="GY5" s="594"/>
      <c r="GZ5" s="594"/>
      <c r="HA5" s="594"/>
      <c r="HB5" s="594"/>
      <c r="HC5" s="595"/>
      <c r="HD5" s="596" t="s">
        <v>68</v>
      </c>
      <c r="HE5" s="597"/>
      <c r="HF5" s="597"/>
      <c r="HG5" s="597"/>
      <c r="HH5" s="597"/>
      <c r="HI5" s="597"/>
      <c r="HJ5" s="597"/>
      <c r="HK5" s="597"/>
      <c r="HL5" s="597"/>
      <c r="HM5" s="597"/>
      <c r="HN5" s="598"/>
      <c r="HO5" s="596" t="s">
        <v>69</v>
      </c>
      <c r="HP5" s="597"/>
      <c r="HQ5" s="597"/>
      <c r="HR5" s="597"/>
      <c r="HS5" s="597"/>
      <c r="HT5" s="597"/>
      <c r="HU5" s="597"/>
      <c r="HV5" s="597"/>
      <c r="HW5" s="597"/>
      <c r="HX5" s="597"/>
      <c r="HY5" s="598"/>
      <c r="HZ5" s="571"/>
      <c r="IA5" s="572"/>
      <c r="IB5" s="572"/>
      <c r="IC5" s="572"/>
      <c r="ID5" s="572"/>
      <c r="IE5" s="572"/>
      <c r="IF5" s="572"/>
      <c r="IG5" s="572"/>
      <c r="IH5" s="572"/>
      <c r="II5" s="572"/>
      <c r="IJ5" s="573"/>
      <c r="IK5" s="450" t="s">
        <v>94</v>
      </c>
      <c r="IL5" s="451"/>
      <c r="IM5" s="451"/>
      <c r="IN5" s="451"/>
      <c r="IO5" s="451"/>
      <c r="IP5" s="451"/>
      <c r="IQ5" s="451"/>
      <c r="IR5" s="451"/>
      <c r="IS5" s="451"/>
      <c r="IT5" s="451"/>
      <c r="IU5" s="452"/>
      <c r="IV5" s="450" t="s">
        <v>88</v>
      </c>
      <c r="IW5" s="451"/>
      <c r="IX5" s="451"/>
      <c r="IY5" s="451"/>
      <c r="IZ5" s="451"/>
      <c r="JA5" s="451"/>
      <c r="JB5" s="451"/>
      <c r="JC5" s="451"/>
      <c r="JD5" s="451"/>
      <c r="JE5" s="451"/>
      <c r="JF5" s="452"/>
      <c r="JG5" s="450" t="s">
        <v>141</v>
      </c>
      <c r="JH5" s="451"/>
      <c r="JI5" s="451"/>
      <c r="JJ5" s="451"/>
      <c r="JK5" s="451"/>
      <c r="JL5" s="451"/>
      <c r="JM5" s="451"/>
      <c r="JN5" s="451"/>
      <c r="JO5" s="451"/>
      <c r="JP5" s="451"/>
      <c r="JQ5" s="452"/>
      <c r="JR5" s="450" t="s">
        <v>90</v>
      </c>
      <c r="JS5" s="451"/>
      <c r="JT5" s="451"/>
      <c r="JU5" s="451"/>
      <c r="JV5" s="451"/>
      <c r="JW5" s="451"/>
      <c r="JX5" s="451"/>
      <c r="JY5" s="451"/>
      <c r="JZ5" s="451"/>
      <c r="KA5" s="451"/>
      <c r="KB5" s="452"/>
      <c r="KC5" s="450" t="s">
        <v>89</v>
      </c>
      <c r="KD5" s="451"/>
      <c r="KE5" s="451"/>
      <c r="KF5" s="451"/>
      <c r="KG5" s="451"/>
      <c r="KH5" s="451"/>
      <c r="KI5" s="451"/>
      <c r="KJ5" s="451"/>
      <c r="KK5" s="451"/>
      <c r="KL5" s="451"/>
      <c r="KM5" s="452"/>
      <c r="KN5" s="450" t="s">
        <v>91</v>
      </c>
      <c r="KO5" s="451"/>
      <c r="KP5" s="451"/>
      <c r="KQ5" s="451"/>
      <c r="KR5" s="451"/>
      <c r="KS5" s="451"/>
      <c r="KT5" s="451"/>
      <c r="KU5" s="451"/>
      <c r="KV5" s="451"/>
      <c r="KW5" s="451"/>
      <c r="KX5" s="452"/>
      <c r="KY5" s="450" t="s">
        <v>92</v>
      </c>
      <c r="KZ5" s="451"/>
      <c r="LA5" s="451"/>
      <c r="LB5" s="451"/>
      <c r="LC5" s="451"/>
      <c r="LD5" s="451"/>
      <c r="LE5" s="451"/>
      <c r="LF5" s="451"/>
      <c r="LG5" s="451"/>
      <c r="LH5" s="451"/>
      <c r="LI5" s="452"/>
      <c r="LJ5" s="577" t="s">
        <v>93</v>
      </c>
      <c r="LK5" s="578"/>
      <c r="LL5" s="578"/>
      <c r="LM5" s="578"/>
      <c r="LN5" s="578"/>
      <c r="LO5" s="578"/>
      <c r="LP5" s="578"/>
      <c r="LQ5" s="578"/>
      <c r="LR5" s="578"/>
      <c r="LS5" s="578"/>
      <c r="LT5" s="579"/>
      <c r="LU5" s="577" t="s">
        <v>142</v>
      </c>
      <c r="LV5" s="578"/>
      <c r="LW5" s="578"/>
      <c r="LX5" s="578"/>
      <c r="LY5" s="578"/>
      <c r="LZ5" s="578"/>
      <c r="MA5" s="578"/>
      <c r="MB5" s="578"/>
      <c r="MC5" s="578"/>
      <c r="MD5" s="578"/>
      <c r="ME5" s="579"/>
      <c r="MF5" s="571"/>
      <c r="MG5" s="572"/>
      <c r="MH5" s="572"/>
      <c r="MI5" s="572"/>
      <c r="MJ5" s="572"/>
      <c r="MK5" s="572"/>
      <c r="ML5" s="572"/>
      <c r="MM5" s="572"/>
      <c r="MN5" s="572"/>
      <c r="MO5" s="572"/>
      <c r="MP5" s="573"/>
      <c r="MQ5" s="450" t="s">
        <v>57</v>
      </c>
      <c r="MR5" s="451"/>
      <c r="MS5" s="451"/>
      <c r="MT5" s="451"/>
      <c r="MU5" s="451"/>
      <c r="MV5" s="451"/>
      <c r="MW5" s="451"/>
      <c r="MX5" s="451"/>
      <c r="MY5" s="451"/>
      <c r="MZ5" s="451"/>
      <c r="NA5" s="452"/>
      <c r="NB5" s="450" t="s">
        <v>58</v>
      </c>
      <c r="NC5" s="451"/>
      <c r="ND5" s="451"/>
      <c r="NE5" s="451"/>
      <c r="NF5" s="451"/>
      <c r="NG5" s="451"/>
      <c r="NH5" s="451"/>
      <c r="NI5" s="451"/>
      <c r="NJ5" s="451"/>
      <c r="NK5" s="451"/>
      <c r="NL5" s="452"/>
      <c r="NM5" s="450" t="s">
        <v>59</v>
      </c>
      <c r="NN5" s="451"/>
      <c r="NO5" s="451"/>
      <c r="NP5" s="451"/>
      <c r="NQ5" s="451"/>
      <c r="NR5" s="451"/>
      <c r="NS5" s="451"/>
      <c r="NT5" s="451"/>
      <c r="NU5" s="451"/>
      <c r="NV5" s="451"/>
      <c r="NW5" s="452"/>
      <c r="NX5" s="450" t="s">
        <v>148</v>
      </c>
      <c r="NY5" s="451"/>
      <c r="NZ5" s="451"/>
      <c r="OA5" s="451"/>
      <c r="OB5" s="451"/>
      <c r="OC5" s="451"/>
      <c r="OD5" s="451"/>
      <c r="OE5" s="451"/>
      <c r="OF5" s="451"/>
      <c r="OG5" s="451"/>
      <c r="OH5" s="452"/>
      <c r="OI5" s="462"/>
      <c r="OJ5" s="569"/>
      <c r="OK5" s="569"/>
      <c r="OL5" s="569"/>
      <c r="OM5" s="569"/>
      <c r="ON5" s="569"/>
      <c r="OO5" s="569"/>
      <c r="OP5" s="569"/>
      <c r="OQ5" s="569"/>
      <c r="OR5" s="569"/>
      <c r="OS5" s="570"/>
    </row>
    <row r="6" spans="1:409" ht="21" customHeight="1" thickBot="1" x14ac:dyDescent="0.25">
      <c r="B6" s="588"/>
      <c r="C6" s="592"/>
      <c r="D6" s="592"/>
      <c r="E6" s="592"/>
      <c r="F6" s="592"/>
      <c r="G6" s="592"/>
      <c r="H6" s="592"/>
      <c r="I6" s="592"/>
      <c r="J6" s="592"/>
      <c r="K6" s="592"/>
      <c r="L6" s="592"/>
      <c r="M6" s="592"/>
      <c r="N6" s="456"/>
      <c r="O6" s="457"/>
      <c r="P6" s="457"/>
      <c r="Q6" s="457"/>
      <c r="R6" s="457"/>
      <c r="S6" s="457"/>
      <c r="T6" s="457"/>
      <c r="U6" s="457"/>
      <c r="V6" s="457"/>
      <c r="W6" s="457"/>
      <c r="X6" s="458"/>
      <c r="Y6" s="459" t="s">
        <v>70</v>
      </c>
      <c r="Z6" s="460"/>
      <c r="AA6" s="460"/>
      <c r="AB6" s="460"/>
      <c r="AC6" s="460"/>
      <c r="AD6" s="460"/>
      <c r="AE6" s="460"/>
      <c r="AF6" s="460"/>
      <c r="AG6" s="460"/>
      <c r="AH6" s="460"/>
      <c r="AI6" s="461"/>
      <c r="AJ6" s="596" t="s">
        <v>71</v>
      </c>
      <c r="AK6" s="597"/>
      <c r="AL6" s="597"/>
      <c r="AM6" s="597"/>
      <c r="AN6" s="597"/>
      <c r="AO6" s="597"/>
      <c r="AP6" s="597"/>
      <c r="AQ6" s="597"/>
      <c r="AR6" s="597"/>
      <c r="AS6" s="597"/>
      <c r="AT6" s="598"/>
      <c r="AU6" s="606" t="s">
        <v>72</v>
      </c>
      <c r="AV6" s="607"/>
      <c r="AW6" s="607"/>
      <c r="AX6" s="607"/>
      <c r="AY6" s="607"/>
      <c r="AZ6" s="607"/>
      <c r="BA6" s="607"/>
      <c r="BB6" s="607"/>
      <c r="BC6" s="607"/>
      <c r="BD6" s="607"/>
      <c r="BE6" s="608"/>
      <c r="BF6" s="606" t="s">
        <v>73</v>
      </c>
      <c r="BG6" s="607"/>
      <c r="BH6" s="607"/>
      <c r="BI6" s="607"/>
      <c r="BJ6" s="607"/>
      <c r="BK6" s="607"/>
      <c r="BL6" s="607"/>
      <c r="BM6" s="607"/>
      <c r="BN6" s="607"/>
      <c r="BO6" s="607"/>
      <c r="BP6" s="608"/>
      <c r="BQ6" s="606" t="s">
        <v>74</v>
      </c>
      <c r="BR6" s="607"/>
      <c r="BS6" s="607"/>
      <c r="BT6" s="607"/>
      <c r="BU6" s="607"/>
      <c r="BV6" s="607"/>
      <c r="BW6" s="607"/>
      <c r="BX6" s="607"/>
      <c r="BY6" s="607"/>
      <c r="BZ6" s="607"/>
      <c r="CA6" s="608"/>
      <c r="CB6" s="574"/>
      <c r="CC6" s="575"/>
      <c r="CD6" s="575"/>
      <c r="CE6" s="575"/>
      <c r="CF6" s="575"/>
      <c r="CG6" s="575"/>
      <c r="CH6" s="575"/>
      <c r="CI6" s="575"/>
      <c r="CJ6" s="575"/>
      <c r="CK6" s="575"/>
      <c r="CL6" s="576"/>
      <c r="CM6" s="606" t="s">
        <v>75</v>
      </c>
      <c r="CN6" s="607"/>
      <c r="CO6" s="607"/>
      <c r="CP6" s="607"/>
      <c r="CQ6" s="607"/>
      <c r="CR6" s="607"/>
      <c r="CS6" s="607"/>
      <c r="CT6" s="607"/>
      <c r="CU6" s="607"/>
      <c r="CV6" s="607"/>
      <c r="CW6" s="608"/>
      <c r="CX6" s="606" t="s">
        <v>76</v>
      </c>
      <c r="CY6" s="607"/>
      <c r="CZ6" s="607"/>
      <c r="DA6" s="607"/>
      <c r="DB6" s="607"/>
      <c r="DC6" s="607"/>
      <c r="DD6" s="607"/>
      <c r="DE6" s="607"/>
      <c r="DF6" s="607"/>
      <c r="DG6" s="607"/>
      <c r="DH6" s="608"/>
      <c r="DI6" s="574"/>
      <c r="DJ6" s="575"/>
      <c r="DK6" s="575"/>
      <c r="DL6" s="575"/>
      <c r="DM6" s="575"/>
      <c r="DN6" s="575"/>
      <c r="DO6" s="575"/>
      <c r="DP6" s="575"/>
      <c r="DQ6" s="575"/>
      <c r="DR6" s="575"/>
      <c r="DS6" s="575"/>
      <c r="DT6" s="606" t="s">
        <v>77</v>
      </c>
      <c r="DU6" s="607"/>
      <c r="DV6" s="607"/>
      <c r="DW6" s="607"/>
      <c r="DX6" s="607"/>
      <c r="DY6" s="607"/>
      <c r="DZ6" s="607"/>
      <c r="EA6" s="607"/>
      <c r="EB6" s="607"/>
      <c r="EC6" s="607"/>
      <c r="ED6" s="608"/>
      <c r="EE6" s="606" t="s">
        <v>78</v>
      </c>
      <c r="EF6" s="607"/>
      <c r="EG6" s="607"/>
      <c r="EH6" s="607"/>
      <c r="EI6" s="607"/>
      <c r="EJ6" s="607"/>
      <c r="EK6" s="607"/>
      <c r="EL6" s="607"/>
      <c r="EM6" s="607"/>
      <c r="EN6" s="607"/>
      <c r="EO6" s="608"/>
      <c r="EP6" s="606" t="s">
        <v>79</v>
      </c>
      <c r="EQ6" s="607"/>
      <c r="ER6" s="607"/>
      <c r="ES6" s="607"/>
      <c r="ET6" s="607"/>
      <c r="EU6" s="607"/>
      <c r="EV6" s="607"/>
      <c r="EW6" s="607"/>
      <c r="EX6" s="607"/>
      <c r="EY6" s="607"/>
      <c r="EZ6" s="608"/>
      <c r="FA6" s="606" t="s">
        <v>149</v>
      </c>
      <c r="FB6" s="607"/>
      <c r="FC6" s="607"/>
      <c r="FD6" s="607"/>
      <c r="FE6" s="607"/>
      <c r="FF6" s="607"/>
      <c r="FG6" s="607"/>
      <c r="FH6" s="607"/>
      <c r="FI6" s="607"/>
      <c r="FJ6" s="607"/>
      <c r="FK6" s="608"/>
      <c r="FL6" s="574"/>
      <c r="FM6" s="575"/>
      <c r="FN6" s="575"/>
      <c r="FO6" s="575"/>
      <c r="FP6" s="575"/>
      <c r="FQ6" s="575"/>
      <c r="FR6" s="575"/>
      <c r="FS6" s="575"/>
      <c r="FT6" s="575"/>
      <c r="FU6" s="575"/>
      <c r="FV6" s="575"/>
      <c r="FW6" s="606" t="s">
        <v>80</v>
      </c>
      <c r="FX6" s="607"/>
      <c r="FY6" s="607"/>
      <c r="FZ6" s="607"/>
      <c r="GA6" s="607"/>
      <c r="GB6" s="607"/>
      <c r="GC6" s="607"/>
      <c r="GD6" s="607"/>
      <c r="GE6" s="607"/>
      <c r="GF6" s="607"/>
      <c r="GG6" s="608"/>
      <c r="GH6" s="459" t="s">
        <v>81</v>
      </c>
      <c r="GI6" s="460"/>
      <c r="GJ6" s="460"/>
      <c r="GK6" s="460"/>
      <c r="GL6" s="460"/>
      <c r="GM6" s="460"/>
      <c r="GN6" s="460"/>
      <c r="GO6" s="460"/>
      <c r="GP6" s="460"/>
      <c r="GQ6" s="460"/>
      <c r="GR6" s="461"/>
      <c r="GS6" s="459" t="s">
        <v>82</v>
      </c>
      <c r="GT6" s="460"/>
      <c r="GU6" s="460"/>
      <c r="GV6" s="460"/>
      <c r="GW6" s="460"/>
      <c r="GX6" s="460"/>
      <c r="GY6" s="460"/>
      <c r="GZ6" s="460"/>
      <c r="HA6" s="460"/>
      <c r="HB6" s="460"/>
      <c r="HC6" s="461"/>
      <c r="HD6" s="599"/>
      <c r="HE6" s="600"/>
      <c r="HF6" s="600"/>
      <c r="HG6" s="600"/>
      <c r="HH6" s="600"/>
      <c r="HI6" s="600"/>
      <c r="HJ6" s="600"/>
      <c r="HK6" s="600"/>
      <c r="HL6" s="600"/>
      <c r="HM6" s="600"/>
      <c r="HN6" s="601"/>
      <c r="HO6" s="599"/>
      <c r="HP6" s="600"/>
      <c r="HQ6" s="600"/>
      <c r="HR6" s="600"/>
      <c r="HS6" s="600"/>
      <c r="HT6" s="600"/>
      <c r="HU6" s="600"/>
      <c r="HV6" s="600"/>
      <c r="HW6" s="600"/>
      <c r="HX6" s="600"/>
      <c r="HY6" s="601"/>
      <c r="HZ6" s="574"/>
      <c r="IA6" s="575"/>
      <c r="IB6" s="575"/>
      <c r="IC6" s="575"/>
      <c r="ID6" s="575"/>
      <c r="IE6" s="575"/>
      <c r="IF6" s="575"/>
      <c r="IG6" s="575"/>
      <c r="IH6" s="575"/>
      <c r="II6" s="575"/>
      <c r="IJ6" s="576"/>
      <c r="IK6" s="456"/>
      <c r="IL6" s="457"/>
      <c r="IM6" s="457"/>
      <c r="IN6" s="457"/>
      <c r="IO6" s="457"/>
      <c r="IP6" s="457"/>
      <c r="IQ6" s="457"/>
      <c r="IR6" s="457"/>
      <c r="IS6" s="457"/>
      <c r="IT6" s="457"/>
      <c r="IU6" s="458"/>
      <c r="IV6" s="456"/>
      <c r="IW6" s="457"/>
      <c r="IX6" s="457"/>
      <c r="IY6" s="457"/>
      <c r="IZ6" s="457"/>
      <c r="JA6" s="457"/>
      <c r="JB6" s="457"/>
      <c r="JC6" s="457"/>
      <c r="JD6" s="457"/>
      <c r="JE6" s="457"/>
      <c r="JF6" s="458"/>
      <c r="JG6" s="456"/>
      <c r="JH6" s="457"/>
      <c r="JI6" s="457"/>
      <c r="JJ6" s="457"/>
      <c r="JK6" s="457"/>
      <c r="JL6" s="457"/>
      <c r="JM6" s="457"/>
      <c r="JN6" s="457"/>
      <c r="JO6" s="457"/>
      <c r="JP6" s="457"/>
      <c r="JQ6" s="458"/>
      <c r="JR6" s="456"/>
      <c r="JS6" s="457"/>
      <c r="JT6" s="457"/>
      <c r="JU6" s="457"/>
      <c r="JV6" s="457"/>
      <c r="JW6" s="457"/>
      <c r="JX6" s="457"/>
      <c r="JY6" s="457"/>
      <c r="JZ6" s="457"/>
      <c r="KA6" s="457"/>
      <c r="KB6" s="458"/>
      <c r="KC6" s="456"/>
      <c r="KD6" s="457"/>
      <c r="KE6" s="457"/>
      <c r="KF6" s="457"/>
      <c r="KG6" s="457"/>
      <c r="KH6" s="457"/>
      <c r="KI6" s="457"/>
      <c r="KJ6" s="457"/>
      <c r="KK6" s="457"/>
      <c r="KL6" s="457"/>
      <c r="KM6" s="458"/>
      <c r="KN6" s="456"/>
      <c r="KO6" s="457"/>
      <c r="KP6" s="457"/>
      <c r="KQ6" s="457"/>
      <c r="KR6" s="457"/>
      <c r="KS6" s="457"/>
      <c r="KT6" s="457"/>
      <c r="KU6" s="457"/>
      <c r="KV6" s="457"/>
      <c r="KW6" s="457"/>
      <c r="KX6" s="458"/>
      <c r="KY6" s="456"/>
      <c r="KZ6" s="457"/>
      <c r="LA6" s="457"/>
      <c r="LB6" s="457"/>
      <c r="LC6" s="457"/>
      <c r="LD6" s="457"/>
      <c r="LE6" s="457"/>
      <c r="LF6" s="457"/>
      <c r="LG6" s="457"/>
      <c r="LH6" s="457"/>
      <c r="LI6" s="458"/>
      <c r="LJ6" s="574"/>
      <c r="LK6" s="575"/>
      <c r="LL6" s="575"/>
      <c r="LM6" s="575"/>
      <c r="LN6" s="575"/>
      <c r="LO6" s="575"/>
      <c r="LP6" s="575"/>
      <c r="LQ6" s="575"/>
      <c r="LR6" s="575"/>
      <c r="LS6" s="575"/>
      <c r="LT6" s="576"/>
      <c r="LU6" s="574"/>
      <c r="LV6" s="575"/>
      <c r="LW6" s="575"/>
      <c r="LX6" s="575"/>
      <c r="LY6" s="575"/>
      <c r="LZ6" s="575"/>
      <c r="MA6" s="575"/>
      <c r="MB6" s="575"/>
      <c r="MC6" s="575"/>
      <c r="MD6" s="575"/>
      <c r="ME6" s="576"/>
      <c r="MF6" s="574"/>
      <c r="MG6" s="575"/>
      <c r="MH6" s="575"/>
      <c r="MI6" s="575"/>
      <c r="MJ6" s="575"/>
      <c r="MK6" s="575"/>
      <c r="ML6" s="575"/>
      <c r="MM6" s="575"/>
      <c r="MN6" s="575"/>
      <c r="MO6" s="575"/>
      <c r="MP6" s="576"/>
      <c r="MQ6" s="456"/>
      <c r="MR6" s="457"/>
      <c r="MS6" s="457"/>
      <c r="MT6" s="457"/>
      <c r="MU6" s="457"/>
      <c r="MV6" s="457"/>
      <c r="MW6" s="457"/>
      <c r="MX6" s="457"/>
      <c r="MY6" s="457"/>
      <c r="MZ6" s="457"/>
      <c r="NA6" s="458"/>
      <c r="NB6" s="456"/>
      <c r="NC6" s="457"/>
      <c r="ND6" s="457"/>
      <c r="NE6" s="457"/>
      <c r="NF6" s="457"/>
      <c r="NG6" s="457"/>
      <c r="NH6" s="457"/>
      <c r="NI6" s="457"/>
      <c r="NJ6" s="457"/>
      <c r="NK6" s="457"/>
      <c r="NL6" s="458"/>
      <c r="NM6" s="456"/>
      <c r="NN6" s="457"/>
      <c r="NO6" s="457"/>
      <c r="NP6" s="457"/>
      <c r="NQ6" s="457"/>
      <c r="NR6" s="457"/>
      <c r="NS6" s="457"/>
      <c r="NT6" s="457"/>
      <c r="NU6" s="457"/>
      <c r="NV6" s="457"/>
      <c r="NW6" s="458"/>
      <c r="NX6" s="456"/>
      <c r="NY6" s="457"/>
      <c r="NZ6" s="457"/>
      <c r="OA6" s="457"/>
      <c r="OB6" s="457"/>
      <c r="OC6" s="457"/>
      <c r="OD6" s="457"/>
      <c r="OE6" s="457"/>
      <c r="OF6" s="457"/>
      <c r="OG6" s="457"/>
      <c r="OH6" s="458"/>
      <c r="OI6" s="456"/>
      <c r="OJ6" s="457"/>
      <c r="OK6" s="457"/>
      <c r="OL6" s="457"/>
      <c r="OM6" s="457"/>
      <c r="ON6" s="457"/>
      <c r="OO6" s="457"/>
      <c r="OP6" s="457"/>
      <c r="OQ6" s="457"/>
      <c r="OR6" s="457"/>
      <c r="OS6" s="458"/>
    </row>
    <row r="7" spans="1:409" ht="21" customHeight="1" x14ac:dyDescent="0.2">
      <c r="B7" s="588"/>
      <c r="C7" s="539" t="s">
        <v>61</v>
      </c>
      <c r="D7" s="539"/>
      <c r="E7" s="539"/>
      <c r="F7" s="538" t="s">
        <v>62</v>
      </c>
      <c r="G7" s="539"/>
      <c r="H7" s="539"/>
      <c r="I7" s="539"/>
      <c r="J7" s="539"/>
      <c r="K7" s="539"/>
      <c r="L7" s="539"/>
      <c r="M7" s="538" t="s">
        <v>52</v>
      </c>
      <c r="N7" s="603" t="s">
        <v>61</v>
      </c>
      <c r="O7" s="539"/>
      <c r="P7" s="539"/>
      <c r="Q7" s="538" t="s">
        <v>62</v>
      </c>
      <c r="R7" s="539"/>
      <c r="S7" s="539"/>
      <c r="T7" s="539"/>
      <c r="U7" s="539"/>
      <c r="V7" s="539"/>
      <c r="W7" s="540"/>
      <c r="X7" s="566" t="s">
        <v>52</v>
      </c>
      <c r="Y7" s="456" t="s">
        <v>61</v>
      </c>
      <c r="Z7" s="457"/>
      <c r="AA7" s="548"/>
      <c r="AB7" s="547" t="s">
        <v>62</v>
      </c>
      <c r="AC7" s="457"/>
      <c r="AD7" s="457"/>
      <c r="AE7" s="457"/>
      <c r="AF7" s="457"/>
      <c r="AG7" s="457"/>
      <c r="AH7" s="548"/>
      <c r="AI7" s="458" t="s">
        <v>52</v>
      </c>
      <c r="AJ7" s="535" t="s">
        <v>61</v>
      </c>
      <c r="AK7" s="536"/>
      <c r="AL7" s="537"/>
      <c r="AM7" s="564" t="s">
        <v>62</v>
      </c>
      <c r="AN7" s="536"/>
      <c r="AO7" s="536"/>
      <c r="AP7" s="536"/>
      <c r="AQ7" s="536"/>
      <c r="AR7" s="536"/>
      <c r="AS7" s="565"/>
      <c r="AT7" s="604" t="s">
        <v>52</v>
      </c>
      <c r="AU7" s="551" t="s">
        <v>61</v>
      </c>
      <c r="AV7" s="545"/>
      <c r="AW7" s="546"/>
      <c r="AX7" s="567" t="s">
        <v>62</v>
      </c>
      <c r="AY7" s="545"/>
      <c r="AZ7" s="545"/>
      <c r="BA7" s="545"/>
      <c r="BB7" s="545"/>
      <c r="BC7" s="545"/>
      <c r="BD7" s="568"/>
      <c r="BE7" s="458" t="s">
        <v>52</v>
      </c>
      <c r="BF7" s="551" t="s">
        <v>61</v>
      </c>
      <c r="BG7" s="545"/>
      <c r="BH7" s="546"/>
      <c r="BI7" s="567" t="s">
        <v>62</v>
      </c>
      <c r="BJ7" s="545"/>
      <c r="BK7" s="545"/>
      <c r="BL7" s="545"/>
      <c r="BM7" s="545"/>
      <c r="BN7" s="545"/>
      <c r="BO7" s="568"/>
      <c r="BP7" s="458" t="s">
        <v>52</v>
      </c>
      <c r="BQ7" s="551" t="s">
        <v>61</v>
      </c>
      <c r="BR7" s="545"/>
      <c r="BS7" s="546"/>
      <c r="BT7" s="567" t="s">
        <v>62</v>
      </c>
      <c r="BU7" s="545"/>
      <c r="BV7" s="545"/>
      <c r="BW7" s="545"/>
      <c r="BX7" s="545"/>
      <c r="BY7" s="545"/>
      <c r="BZ7" s="568"/>
      <c r="CA7" s="458" t="s">
        <v>52</v>
      </c>
      <c r="CB7" s="535" t="s">
        <v>61</v>
      </c>
      <c r="CC7" s="536"/>
      <c r="CD7" s="537"/>
      <c r="CE7" s="564" t="s">
        <v>62</v>
      </c>
      <c r="CF7" s="536"/>
      <c r="CG7" s="536"/>
      <c r="CH7" s="536"/>
      <c r="CI7" s="536"/>
      <c r="CJ7" s="536"/>
      <c r="CK7" s="565"/>
      <c r="CL7" s="566" t="s">
        <v>52</v>
      </c>
      <c r="CM7" s="551" t="s">
        <v>61</v>
      </c>
      <c r="CN7" s="545"/>
      <c r="CO7" s="568"/>
      <c r="CP7" s="567" t="s">
        <v>62</v>
      </c>
      <c r="CQ7" s="545"/>
      <c r="CR7" s="545"/>
      <c r="CS7" s="545"/>
      <c r="CT7" s="545"/>
      <c r="CU7" s="545"/>
      <c r="CV7" s="568"/>
      <c r="CW7" s="562" t="s">
        <v>52</v>
      </c>
      <c r="CX7" s="551" t="s">
        <v>61</v>
      </c>
      <c r="CY7" s="545"/>
      <c r="CZ7" s="568"/>
      <c r="DA7" s="567" t="s">
        <v>62</v>
      </c>
      <c r="DB7" s="545"/>
      <c r="DC7" s="545"/>
      <c r="DD7" s="545"/>
      <c r="DE7" s="545"/>
      <c r="DF7" s="545"/>
      <c r="DG7" s="568"/>
      <c r="DH7" s="562" t="s">
        <v>52</v>
      </c>
      <c r="DI7" s="535" t="s">
        <v>61</v>
      </c>
      <c r="DJ7" s="536"/>
      <c r="DK7" s="565"/>
      <c r="DL7" s="564" t="s">
        <v>62</v>
      </c>
      <c r="DM7" s="536"/>
      <c r="DN7" s="536"/>
      <c r="DO7" s="536"/>
      <c r="DP7" s="536"/>
      <c r="DQ7" s="536"/>
      <c r="DR7" s="565"/>
      <c r="DS7" s="566" t="s">
        <v>52</v>
      </c>
      <c r="DT7" s="551" t="s">
        <v>61</v>
      </c>
      <c r="DU7" s="545"/>
      <c r="DV7" s="546"/>
      <c r="DW7" s="567" t="s">
        <v>62</v>
      </c>
      <c r="DX7" s="545"/>
      <c r="DY7" s="545"/>
      <c r="DZ7" s="545"/>
      <c r="EA7" s="545"/>
      <c r="EB7" s="545"/>
      <c r="EC7" s="568"/>
      <c r="ED7" s="458" t="s">
        <v>52</v>
      </c>
      <c r="EE7" s="551" t="s">
        <v>61</v>
      </c>
      <c r="EF7" s="545"/>
      <c r="EG7" s="546"/>
      <c r="EH7" s="567" t="s">
        <v>62</v>
      </c>
      <c r="EI7" s="545"/>
      <c r="EJ7" s="545"/>
      <c r="EK7" s="545"/>
      <c r="EL7" s="545"/>
      <c r="EM7" s="545"/>
      <c r="EN7" s="568"/>
      <c r="EO7" s="458" t="s">
        <v>52</v>
      </c>
      <c r="EP7" s="551" t="s">
        <v>61</v>
      </c>
      <c r="EQ7" s="545"/>
      <c r="ER7" s="546"/>
      <c r="ES7" s="567" t="s">
        <v>62</v>
      </c>
      <c r="ET7" s="545"/>
      <c r="EU7" s="545"/>
      <c r="EV7" s="545"/>
      <c r="EW7" s="545"/>
      <c r="EX7" s="545"/>
      <c r="EY7" s="568"/>
      <c r="EZ7" s="458" t="s">
        <v>52</v>
      </c>
      <c r="FA7" s="551" t="s">
        <v>61</v>
      </c>
      <c r="FB7" s="545"/>
      <c r="FC7" s="546"/>
      <c r="FD7" s="567" t="s">
        <v>62</v>
      </c>
      <c r="FE7" s="545"/>
      <c r="FF7" s="545"/>
      <c r="FG7" s="545"/>
      <c r="FH7" s="545"/>
      <c r="FI7" s="545"/>
      <c r="FJ7" s="568"/>
      <c r="FK7" s="458" t="s">
        <v>52</v>
      </c>
      <c r="FL7" s="535" t="s">
        <v>61</v>
      </c>
      <c r="FM7" s="536"/>
      <c r="FN7" s="537"/>
      <c r="FO7" s="564" t="s">
        <v>62</v>
      </c>
      <c r="FP7" s="536"/>
      <c r="FQ7" s="536"/>
      <c r="FR7" s="536"/>
      <c r="FS7" s="536"/>
      <c r="FT7" s="536"/>
      <c r="FU7" s="565"/>
      <c r="FV7" s="539" t="s">
        <v>52</v>
      </c>
      <c r="FW7" s="551" t="s">
        <v>61</v>
      </c>
      <c r="FX7" s="545"/>
      <c r="FY7" s="546"/>
      <c r="FZ7" s="567" t="s">
        <v>62</v>
      </c>
      <c r="GA7" s="545"/>
      <c r="GB7" s="545"/>
      <c r="GC7" s="545"/>
      <c r="GD7" s="545"/>
      <c r="GE7" s="545"/>
      <c r="GF7" s="568"/>
      <c r="GG7" s="458" t="s">
        <v>52</v>
      </c>
      <c r="GH7" s="456" t="s">
        <v>61</v>
      </c>
      <c r="GI7" s="457"/>
      <c r="GJ7" s="457"/>
      <c r="GK7" s="547" t="s">
        <v>62</v>
      </c>
      <c r="GL7" s="457"/>
      <c r="GM7" s="457"/>
      <c r="GN7" s="457"/>
      <c r="GO7" s="457"/>
      <c r="GP7" s="457"/>
      <c r="GQ7" s="548"/>
      <c r="GR7" s="585" t="s">
        <v>52</v>
      </c>
      <c r="GS7" s="456" t="s">
        <v>61</v>
      </c>
      <c r="GT7" s="457"/>
      <c r="GU7" s="548"/>
      <c r="GV7" s="547" t="s">
        <v>62</v>
      </c>
      <c r="GW7" s="457"/>
      <c r="GX7" s="457"/>
      <c r="GY7" s="457"/>
      <c r="GZ7" s="457"/>
      <c r="HA7" s="457"/>
      <c r="HB7" s="548"/>
      <c r="HC7" s="585" t="s">
        <v>52</v>
      </c>
      <c r="HD7" s="551" t="s">
        <v>61</v>
      </c>
      <c r="HE7" s="545"/>
      <c r="HF7" s="546"/>
      <c r="HG7" s="567" t="s">
        <v>62</v>
      </c>
      <c r="HH7" s="545"/>
      <c r="HI7" s="545"/>
      <c r="HJ7" s="545"/>
      <c r="HK7" s="545"/>
      <c r="HL7" s="545"/>
      <c r="HM7" s="568"/>
      <c r="HN7" s="458" t="s">
        <v>52</v>
      </c>
      <c r="HO7" s="551" t="s">
        <v>61</v>
      </c>
      <c r="HP7" s="545"/>
      <c r="HQ7" s="546"/>
      <c r="HR7" s="567" t="s">
        <v>62</v>
      </c>
      <c r="HS7" s="545"/>
      <c r="HT7" s="545"/>
      <c r="HU7" s="545"/>
      <c r="HV7" s="545"/>
      <c r="HW7" s="545"/>
      <c r="HX7" s="568"/>
      <c r="HY7" s="458" t="s">
        <v>52</v>
      </c>
      <c r="HZ7" s="535" t="s">
        <v>61</v>
      </c>
      <c r="IA7" s="536"/>
      <c r="IB7" s="537"/>
      <c r="IC7" s="564" t="s">
        <v>62</v>
      </c>
      <c r="ID7" s="536"/>
      <c r="IE7" s="536"/>
      <c r="IF7" s="536"/>
      <c r="IG7" s="536"/>
      <c r="IH7" s="536"/>
      <c r="II7" s="565"/>
      <c r="IJ7" s="539" t="s">
        <v>52</v>
      </c>
      <c r="IK7" s="551" t="s">
        <v>61</v>
      </c>
      <c r="IL7" s="545"/>
      <c r="IM7" s="546"/>
      <c r="IN7" s="567" t="s">
        <v>62</v>
      </c>
      <c r="IO7" s="545"/>
      <c r="IP7" s="545"/>
      <c r="IQ7" s="545"/>
      <c r="IR7" s="545"/>
      <c r="IS7" s="545"/>
      <c r="IT7" s="568"/>
      <c r="IU7" s="458" t="s">
        <v>52</v>
      </c>
      <c r="IV7" s="551" t="s">
        <v>61</v>
      </c>
      <c r="IW7" s="545"/>
      <c r="IX7" s="568"/>
      <c r="IY7" s="567" t="s">
        <v>62</v>
      </c>
      <c r="IZ7" s="545"/>
      <c r="JA7" s="545"/>
      <c r="JB7" s="545"/>
      <c r="JC7" s="545"/>
      <c r="JD7" s="545"/>
      <c r="JE7" s="568"/>
      <c r="JF7" s="458" t="s">
        <v>52</v>
      </c>
      <c r="JG7" s="551" t="s">
        <v>61</v>
      </c>
      <c r="JH7" s="545"/>
      <c r="JI7" s="546"/>
      <c r="JJ7" s="567" t="s">
        <v>62</v>
      </c>
      <c r="JK7" s="545"/>
      <c r="JL7" s="545"/>
      <c r="JM7" s="545"/>
      <c r="JN7" s="545"/>
      <c r="JO7" s="545"/>
      <c r="JP7" s="568"/>
      <c r="JQ7" s="562" t="s">
        <v>52</v>
      </c>
      <c r="JR7" s="551" t="s">
        <v>61</v>
      </c>
      <c r="JS7" s="545"/>
      <c r="JT7" s="546"/>
      <c r="JU7" s="567" t="s">
        <v>62</v>
      </c>
      <c r="JV7" s="545"/>
      <c r="JW7" s="545"/>
      <c r="JX7" s="545"/>
      <c r="JY7" s="545"/>
      <c r="JZ7" s="545"/>
      <c r="KA7" s="568"/>
      <c r="KB7" s="562" t="s">
        <v>52</v>
      </c>
      <c r="KC7" s="551" t="s">
        <v>61</v>
      </c>
      <c r="KD7" s="545"/>
      <c r="KE7" s="546"/>
      <c r="KF7" s="567" t="s">
        <v>62</v>
      </c>
      <c r="KG7" s="545"/>
      <c r="KH7" s="545"/>
      <c r="KI7" s="545"/>
      <c r="KJ7" s="545"/>
      <c r="KK7" s="545"/>
      <c r="KL7" s="568"/>
      <c r="KM7" s="562" t="s">
        <v>52</v>
      </c>
      <c r="KN7" s="551" t="s">
        <v>61</v>
      </c>
      <c r="KO7" s="545"/>
      <c r="KP7" s="546"/>
      <c r="KQ7" s="567" t="s">
        <v>62</v>
      </c>
      <c r="KR7" s="545"/>
      <c r="KS7" s="545"/>
      <c r="KT7" s="545"/>
      <c r="KU7" s="545"/>
      <c r="KV7" s="545"/>
      <c r="KW7" s="568"/>
      <c r="KX7" s="562" t="s">
        <v>52</v>
      </c>
      <c r="KY7" s="551" t="s">
        <v>61</v>
      </c>
      <c r="KZ7" s="545"/>
      <c r="LA7" s="546"/>
      <c r="LB7" s="567" t="s">
        <v>62</v>
      </c>
      <c r="LC7" s="545"/>
      <c r="LD7" s="545"/>
      <c r="LE7" s="545"/>
      <c r="LF7" s="545"/>
      <c r="LG7" s="545"/>
      <c r="LH7" s="568"/>
      <c r="LI7" s="562" t="s">
        <v>52</v>
      </c>
      <c r="LJ7" s="551" t="s">
        <v>61</v>
      </c>
      <c r="LK7" s="545"/>
      <c r="LL7" s="546"/>
      <c r="LM7" s="567" t="s">
        <v>62</v>
      </c>
      <c r="LN7" s="545"/>
      <c r="LO7" s="545"/>
      <c r="LP7" s="545"/>
      <c r="LQ7" s="545"/>
      <c r="LR7" s="545"/>
      <c r="LS7" s="568"/>
      <c r="LT7" s="562" t="s">
        <v>52</v>
      </c>
      <c r="LU7" s="551" t="s">
        <v>61</v>
      </c>
      <c r="LV7" s="545"/>
      <c r="LW7" s="546"/>
      <c r="LX7" s="567" t="s">
        <v>62</v>
      </c>
      <c r="LY7" s="545"/>
      <c r="LZ7" s="545"/>
      <c r="MA7" s="545"/>
      <c r="MB7" s="545"/>
      <c r="MC7" s="545"/>
      <c r="MD7" s="568"/>
      <c r="ME7" s="562" t="s">
        <v>52</v>
      </c>
      <c r="MF7" s="535" t="s">
        <v>61</v>
      </c>
      <c r="MG7" s="536"/>
      <c r="MH7" s="537"/>
      <c r="MI7" s="564" t="s">
        <v>62</v>
      </c>
      <c r="MJ7" s="536"/>
      <c r="MK7" s="536"/>
      <c r="ML7" s="536"/>
      <c r="MM7" s="536"/>
      <c r="MN7" s="536"/>
      <c r="MO7" s="565"/>
      <c r="MP7" s="566" t="s">
        <v>52</v>
      </c>
      <c r="MQ7" s="551" t="s">
        <v>61</v>
      </c>
      <c r="MR7" s="545"/>
      <c r="MS7" s="546"/>
      <c r="MT7" s="567" t="s">
        <v>62</v>
      </c>
      <c r="MU7" s="545"/>
      <c r="MV7" s="545"/>
      <c r="MW7" s="545"/>
      <c r="MX7" s="545"/>
      <c r="MY7" s="545"/>
      <c r="MZ7" s="568"/>
      <c r="NA7" s="562" t="s">
        <v>52</v>
      </c>
      <c r="NB7" s="551" t="s">
        <v>61</v>
      </c>
      <c r="NC7" s="545"/>
      <c r="ND7" s="546"/>
      <c r="NE7" s="567" t="s">
        <v>62</v>
      </c>
      <c r="NF7" s="545"/>
      <c r="NG7" s="545"/>
      <c r="NH7" s="545"/>
      <c r="NI7" s="545"/>
      <c r="NJ7" s="545"/>
      <c r="NK7" s="568"/>
      <c r="NL7" s="562" t="s">
        <v>52</v>
      </c>
      <c r="NM7" s="551" t="s">
        <v>61</v>
      </c>
      <c r="NN7" s="545"/>
      <c r="NO7" s="546"/>
      <c r="NP7" s="567" t="s">
        <v>62</v>
      </c>
      <c r="NQ7" s="545"/>
      <c r="NR7" s="545"/>
      <c r="NS7" s="545"/>
      <c r="NT7" s="545"/>
      <c r="NU7" s="545"/>
      <c r="NV7" s="568"/>
      <c r="NW7" s="562" t="s">
        <v>52</v>
      </c>
      <c r="NX7" s="551" t="s">
        <v>61</v>
      </c>
      <c r="NY7" s="545"/>
      <c r="NZ7" s="546"/>
      <c r="OA7" s="567" t="s">
        <v>62</v>
      </c>
      <c r="OB7" s="545"/>
      <c r="OC7" s="545"/>
      <c r="OD7" s="545"/>
      <c r="OE7" s="545"/>
      <c r="OF7" s="545"/>
      <c r="OG7" s="568"/>
      <c r="OH7" s="562" t="s">
        <v>52</v>
      </c>
      <c r="OI7" s="535" t="s">
        <v>61</v>
      </c>
      <c r="OJ7" s="536"/>
      <c r="OK7" s="537"/>
      <c r="OL7" s="564" t="s">
        <v>62</v>
      </c>
      <c r="OM7" s="536"/>
      <c r="ON7" s="536"/>
      <c r="OO7" s="536"/>
      <c r="OP7" s="536"/>
      <c r="OQ7" s="536"/>
      <c r="OR7" s="565"/>
      <c r="OS7" s="566" t="s">
        <v>52</v>
      </c>
    </row>
    <row r="8" spans="1:409" ht="30" customHeight="1" thickBot="1" x14ac:dyDescent="0.25">
      <c r="B8" s="589"/>
      <c r="C8" s="265" t="s">
        <v>43</v>
      </c>
      <c r="D8" s="141" t="s">
        <v>44</v>
      </c>
      <c r="E8" s="266" t="s">
        <v>45</v>
      </c>
      <c r="F8" s="143" t="s">
        <v>83</v>
      </c>
      <c r="G8" s="141" t="s">
        <v>47</v>
      </c>
      <c r="H8" s="141" t="s">
        <v>48</v>
      </c>
      <c r="I8" s="141" t="s">
        <v>49</v>
      </c>
      <c r="J8" s="141" t="s">
        <v>50</v>
      </c>
      <c r="K8" s="141" t="s">
        <v>51</v>
      </c>
      <c r="L8" s="142" t="s">
        <v>45</v>
      </c>
      <c r="M8" s="602"/>
      <c r="N8" s="140" t="s">
        <v>43</v>
      </c>
      <c r="O8" s="141" t="s">
        <v>44</v>
      </c>
      <c r="P8" s="142" t="s">
        <v>45</v>
      </c>
      <c r="Q8" s="143" t="s">
        <v>83</v>
      </c>
      <c r="R8" s="141" t="s">
        <v>47</v>
      </c>
      <c r="S8" s="141" t="s">
        <v>48</v>
      </c>
      <c r="T8" s="141" t="s">
        <v>49</v>
      </c>
      <c r="U8" s="141" t="s">
        <v>50</v>
      </c>
      <c r="V8" s="141" t="s">
        <v>51</v>
      </c>
      <c r="W8" s="142" t="s">
        <v>45</v>
      </c>
      <c r="X8" s="583"/>
      <c r="Y8" s="140" t="s">
        <v>43</v>
      </c>
      <c r="Z8" s="141" t="s">
        <v>44</v>
      </c>
      <c r="AA8" s="142" t="s">
        <v>45</v>
      </c>
      <c r="AB8" s="143" t="s">
        <v>83</v>
      </c>
      <c r="AC8" s="141" t="s">
        <v>47</v>
      </c>
      <c r="AD8" s="141" t="s">
        <v>48</v>
      </c>
      <c r="AE8" s="141" t="s">
        <v>49</v>
      </c>
      <c r="AF8" s="141" t="s">
        <v>50</v>
      </c>
      <c r="AG8" s="141" t="s">
        <v>51</v>
      </c>
      <c r="AH8" s="142" t="s">
        <v>45</v>
      </c>
      <c r="AI8" s="584"/>
      <c r="AJ8" s="140" t="s">
        <v>43</v>
      </c>
      <c r="AK8" s="141" t="s">
        <v>44</v>
      </c>
      <c r="AL8" s="266" t="s">
        <v>45</v>
      </c>
      <c r="AM8" s="143" t="s">
        <v>83</v>
      </c>
      <c r="AN8" s="141" t="s">
        <v>47</v>
      </c>
      <c r="AO8" s="141" t="s">
        <v>48</v>
      </c>
      <c r="AP8" s="141" t="s">
        <v>49</v>
      </c>
      <c r="AQ8" s="141" t="s">
        <v>50</v>
      </c>
      <c r="AR8" s="141" t="s">
        <v>51</v>
      </c>
      <c r="AS8" s="142" t="s">
        <v>45</v>
      </c>
      <c r="AT8" s="584"/>
      <c r="AU8" s="140" t="s">
        <v>43</v>
      </c>
      <c r="AV8" s="141" t="s">
        <v>44</v>
      </c>
      <c r="AW8" s="266" t="s">
        <v>45</v>
      </c>
      <c r="AX8" s="143" t="s">
        <v>83</v>
      </c>
      <c r="AY8" s="141" t="s">
        <v>47</v>
      </c>
      <c r="AZ8" s="141" t="s">
        <v>48</v>
      </c>
      <c r="BA8" s="141" t="s">
        <v>49</v>
      </c>
      <c r="BB8" s="141" t="s">
        <v>50</v>
      </c>
      <c r="BC8" s="141" t="s">
        <v>51</v>
      </c>
      <c r="BD8" s="142" t="s">
        <v>45</v>
      </c>
      <c r="BE8" s="584"/>
      <c r="BF8" s="267" t="s">
        <v>43</v>
      </c>
      <c r="BG8" s="141" t="s">
        <v>44</v>
      </c>
      <c r="BH8" s="266" t="s">
        <v>45</v>
      </c>
      <c r="BI8" s="143" t="s">
        <v>83</v>
      </c>
      <c r="BJ8" s="141" t="s">
        <v>47</v>
      </c>
      <c r="BK8" s="141" t="s">
        <v>48</v>
      </c>
      <c r="BL8" s="141" t="s">
        <v>49</v>
      </c>
      <c r="BM8" s="141" t="s">
        <v>50</v>
      </c>
      <c r="BN8" s="141" t="s">
        <v>51</v>
      </c>
      <c r="BO8" s="142" t="s">
        <v>45</v>
      </c>
      <c r="BP8" s="584"/>
      <c r="BQ8" s="140" t="s">
        <v>43</v>
      </c>
      <c r="BR8" s="141" t="s">
        <v>44</v>
      </c>
      <c r="BS8" s="266" t="s">
        <v>45</v>
      </c>
      <c r="BT8" s="143" t="s">
        <v>83</v>
      </c>
      <c r="BU8" s="141" t="s">
        <v>47</v>
      </c>
      <c r="BV8" s="141" t="s">
        <v>48</v>
      </c>
      <c r="BW8" s="141" t="s">
        <v>49</v>
      </c>
      <c r="BX8" s="141" t="s">
        <v>50</v>
      </c>
      <c r="BY8" s="141" t="s">
        <v>51</v>
      </c>
      <c r="BZ8" s="142" t="s">
        <v>45</v>
      </c>
      <c r="CA8" s="584"/>
      <c r="CB8" s="140" t="s">
        <v>43</v>
      </c>
      <c r="CC8" s="141" t="s">
        <v>44</v>
      </c>
      <c r="CD8" s="266" t="s">
        <v>45</v>
      </c>
      <c r="CE8" s="143" t="s">
        <v>83</v>
      </c>
      <c r="CF8" s="141" t="s">
        <v>47</v>
      </c>
      <c r="CG8" s="141" t="s">
        <v>48</v>
      </c>
      <c r="CH8" s="141" t="s">
        <v>49</v>
      </c>
      <c r="CI8" s="141" t="s">
        <v>50</v>
      </c>
      <c r="CJ8" s="141" t="s">
        <v>51</v>
      </c>
      <c r="CK8" s="142" t="s">
        <v>45</v>
      </c>
      <c r="CL8" s="583"/>
      <c r="CM8" s="140" t="s">
        <v>43</v>
      </c>
      <c r="CN8" s="141" t="s">
        <v>44</v>
      </c>
      <c r="CO8" s="142" t="s">
        <v>45</v>
      </c>
      <c r="CP8" s="143" t="s">
        <v>83</v>
      </c>
      <c r="CQ8" s="141" t="s">
        <v>47</v>
      </c>
      <c r="CR8" s="141" t="s">
        <v>48</v>
      </c>
      <c r="CS8" s="141" t="s">
        <v>49</v>
      </c>
      <c r="CT8" s="141" t="s">
        <v>50</v>
      </c>
      <c r="CU8" s="141" t="s">
        <v>51</v>
      </c>
      <c r="CV8" s="142" t="s">
        <v>45</v>
      </c>
      <c r="CW8" s="583"/>
      <c r="CX8" s="140" t="s">
        <v>43</v>
      </c>
      <c r="CY8" s="141" t="s">
        <v>44</v>
      </c>
      <c r="CZ8" s="142" t="s">
        <v>45</v>
      </c>
      <c r="DA8" s="143" t="s">
        <v>83</v>
      </c>
      <c r="DB8" s="141" t="s">
        <v>47</v>
      </c>
      <c r="DC8" s="141" t="s">
        <v>48</v>
      </c>
      <c r="DD8" s="141" t="s">
        <v>49</v>
      </c>
      <c r="DE8" s="141" t="s">
        <v>50</v>
      </c>
      <c r="DF8" s="141" t="s">
        <v>51</v>
      </c>
      <c r="DG8" s="142" t="s">
        <v>45</v>
      </c>
      <c r="DH8" s="583"/>
      <c r="DI8" s="140" t="s">
        <v>43</v>
      </c>
      <c r="DJ8" s="141" t="s">
        <v>44</v>
      </c>
      <c r="DK8" s="142" t="s">
        <v>45</v>
      </c>
      <c r="DL8" s="143" t="s">
        <v>83</v>
      </c>
      <c r="DM8" s="141" t="s">
        <v>47</v>
      </c>
      <c r="DN8" s="141" t="s">
        <v>48</v>
      </c>
      <c r="DO8" s="141" t="s">
        <v>49</v>
      </c>
      <c r="DP8" s="141" t="s">
        <v>50</v>
      </c>
      <c r="DQ8" s="141" t="s">
        <v>51</v>
      </c>
      <c r="DR8" s="142" t="s">
        <v>45</v>
      </c>
      <c r="DS8" s="583"/>
      <c r="DT8" s="140" t="s">
        <v>43</v>
      </c>
      <c r="DU8" s="141" t="s">
        <v>44</v>
      </c>
      <c r="DV8" s="266" t="s">
        <v>45</v>
      </c>
      <c r="DW8" s="143" t="s">
        <v>83</v>
      </c>
      <c r="DX8" s="141" t="s">
        <v>47</v>
      </c>
      <c r="DY8" s="141" t="s">
        <v>48</v>
      </c>
      <c r="DZ8" s="141" t="s">
        <v>49</v>
      </c>
      <c r="EA8" s="141" t="s">
        <v>50</v>
      </c>
      <c r="EB8" s="141" t="s">
        <v>51</v>
      </c>
      <c r="EC8" s="142" t="s">
        <v>45</v>
      </c>
      <c r="ED8" s="584"/>
      <c r="EE8" s="140" t="s">
        <v>43</v>
      </c>
      <c r="EF8" s="141" t="s">
        <v>44</v>
      </c>
      <c r="EG8" s="266" t="s">
        <v>45</v>
      </c>
      <c r="EH8" s="143" t="s">
        <v>83</v>
      </c>
      <c r="EI8" s="141" t="s">
        <v>47</v>
      </c>
      <c r="EJ8" s="141" t="s">
        <v>48</v>
      </c>
      <c r="EK8" s="141" t="s">
        <v>49</v>
      </c>
      <c r="EL8" s="141" t="s">
        <v>50</v>
      </c>
      <c r="EM8" s="141" t="s">
        <v>51</v>
      </c>
      <c r="EN8" s="142" t="s">
        <v>45</v>
      </c>
      <c r="EO8" s="584"/>
      <c r="EP8" s="140" t="s">
        <v>43</v>
      </c>
      <c r="EQ8" s="141" t="s">
        <v>44</v>
      </c>
      <c r="ER8" s="266" t="s">
        <v>45</v>
      </c>
      <c r="ES8" s="143" t="s">
        <v>83</v>
      </c>
      <c r="ET8" s="141" t="s">
        <v>47</v>
      </c>
      <c r="EU8" s="141" t="s">
        <v>48</v>
      </c>
      <c r="EV8" s="141" t="s">
        <v>49</v>
      </c>
      <c r="EW8" s="141" t="s">
        <v>50</v>
      </c>
      <c r="EX8" s="141" t="s">
        <v>51</v>
      </c>
      <c r="EY8" s="142" t="s">
        <v>45</v>
      </c>
      <c r="EZ8" s="584"/>
      <c r="FA8" s="140" t="s">
        <v>43</v>
      </c>
      <c r="FB8" s="141" t="s">
        <v>44</v>
      </c>
      <c r="FC8" s="266" t="s">
        <v>45</v>
      </c>
      <c r="FD8" s="143" t="s">
        <v>83</v>
      </c>
      <c r="FE8" s="141" t="s">
        <v>47</v>
      </c>
      <c r="FF8" s="141" t="s">
        <v>48</v>
      </c>
      <c r="FG8" s="141" t="s">
        <v>49</v>
      </c>
      <c r="FH8" s="141" t="s">
        <v>50</v>
      </c>
      <c r="FI8" s="141" t="s">
        <v>51</v>
      </c>
      <c r="FJ8" s="142" t="s">
        <v>45</v>
      </c>
      <c r="FK8" s="584"/>
      <c r="FL8" s="140" t="s">
        <v>43</v>
      </c>
      <c r="FM8" s="141" t="s">
        <v>44</v>
      </c>
      <c r="FN8" s="266" t="s">
        <v>45</v>
      </c>
      <c r="FO8" s="143" t="s">
        <v>83</v>
      </c>
      <c r="FP8" s="141" t="s">
        <v>47</v>
      </c>
      <c r="FQ8" s="141" t="s">
        <v>48</v>
      </c>
      <c r="FR8" s="141" t="s">
        <v>49</v>
      </c>
      <c r="FS8" s="141" t="s">
        <v>50</v>
      </c>
      <c r="FT8" s="141" t="s">
        <v>51</v>
      </c>
      <c r="FU8" s="142" t="s">
        <v>45</v>
      </c>
      <c r="FV8" s="582"/>
      <c r="FW8" s="140" t="s">
        <v>43</v>
      </c>
      <c r="FX8" s="141" t="s">
        <v>44</v>
      </c>
      <c r="FY8" s="266" t="s">
        <v>45</v>
      </c>
      <c r="FZ8" s="143" t="s">
        <v>83</v>
      </c>
      <c r="GA8" s="141" t="s">
        <v>47</v>
      </c>
      <c r="GB8" s="141" t="s">
        <v>48</v>
      </c>
      <c r="GC8" s="141" t="s">
        <v>49</v>
      </c>
      <c r="GD8" s="141" t="s">
        <v>50</v>
      </c>
      <c r="GE8" s="141" t="s">
        <v>51</v>
      </c>
      <c r="GF8" s="142" t="s">
        <v>45</v>
      </c>
      <c r="GG8" s="584"/>
      <c r="GH8" s="140" t="s">
        <v>43</v>
      </c>
      <c r="GI8" s="141" t="s">
        <v>44</v>
      </c>
      <c r="GJ8" s="266" t="s">
        <v>45</v>
      </c>
      <c r="GK8" s="143" t="s">
        <v>83</v>
      </c>
      <c r="GL8" s="141" t="s">
        <v>47</v>
      </c>
      <c r="GM8" s="141" t="s">
        <v>48</v>
      </c>
      <c r="GN8" s="141" t="s">
        <v>49</v>
      </c>
      <c r="GO8" s="141" t="s">
        <v>50</v>
      </c>
      <c r="GP8" s="141" t="s">
        <v>51</v>
      </c>
      <c r="GQ8" s="142" t="s">
        <v>45</v>
      </c>
      <c r="GR8" s="586"/>
      <c r="GS8" s="140" t="s">
        <v>43</v>
      </c>
      <c r="GT8" s="141" t="s">
        <v>44</v>
      </c>
      <c r="GU8" s="266" t="s">
        <v>45</v>
      </c>
      <c r="GV8" s="143" t="s">
        <v>83</v>
      </c>
      <c r="GW8" s="141" t="s">
        <v>47</v>
      </c>
      <c r="GX8" s="141" t="s">
        <v>48</v>
      </c>
      <c r="GY8" s="141" t="s">
        <v>49</v>
      </c>
      <c r="GZ8" s="141" t="s">
        <v>50</v>
      </c>
      <c r="HA8" s="141" t="s">
        <v>51</v>
      </c>
      <c r="HB8" s="142" t="s">
        <v>45</v>
      </c>
      <c r="HC8" s="586"/>
      <c r="HD8" s="140" t="s">
        <v>43</v>
      </c>
      <c r="HE8" s="141" t="s">
        <v>44</v>
      </c>
      <c r="HF8" s="266" t="s">
        <v>45</v>
      </c>
      <c r="HG8" s="143" t="s">
        <v>83</v>
      </c>
      <c r="HH8" s="141" t="s">
        <v>47</v>
      </c>
      <c r="HI8" s="141" t="s">
        <v>48</v>
      </c>
      <c r="HJ8" s="141" t="s">
        <v>49</v>
      </c>
      <c r="HK8" s="141" t="s">
        <v>50</v>
      </c>
      <c r="HL8" s="141" t="s">
        <v>51</v>
      </c>
      <c r="HM8" s="142" t="s">
        <v>45</v>
      </c>
      <c r="HN8" s="584"/>
      <c r="HO8" s="140" t="s">
        <v>43</v>
      </c>
      <c r="HP8" s="141" t="s">
        <v>44</v>
      </c>
      <c r="HQ8" s="266" t="s">
        <v>45</v>
      </c>
      <c r="HR8" s="143" t="s">
        <v>83</v>
      </c>
      <c r="HS8" s="141" t="s">
        <v>47</v>
      </c>
      <c r="HT8" s="141" t="s">
        <v>48</v>
      </c>
      <c r="HU8" s="141" t="s">
        <v>49</v>
      </c>
      <c r="HV8" s="141" t="s">
        <v>50</v>
      </c>
      <c r="HW8" s="141" t="s">
        <v>51</v>
      </c>
      <c r="HX8" s="142" t="s">
        <v>45</v>
      </c>
      <c r="HY8" s="584"/>
      <c r="HZ8" s="140" t="s">
        <v>43</v>
      </c>
      <c r="IA8" s="141" t="s">
        <v>44</v>
      </c>
      <c r="IB8" s="266" t="s">
        <v>45</v>
      </c>
      <c r="IC8" s="143" t="s">
        <v>83</v>
      </c>
      <c r="ID8" s="141" t="s">
        <v>47</v>
      </c>
      <c r="IE8" s="141" t="s">
        <v>48</v>
      </c>
      <c r="IF8" s="141" t="s">
        <v>49</v>
      </c>
      <c r="IG8" s="141" t="s">
        <v>50</v>
      </c>
      <c r="IH8" s="141" t="s">
        <v>51</v>
      </c>
      <c r="II8" s="142" t="s">
        <v>45</v>
      </c>
      <c r="IJ8" s="582"/>
      <c r="IK8" s="140" t="s">
        <v>43</v>
      </c>
      <c r="IL8" s="141" t="s">
        <v>44</v>
      </c>
      <c r="IM8" s="266" t="s">
        <v>45</v>
      </c>
      <c r="IN8" s="143" t="s">
        <v>83</v>
      </c>
      <c r="IO8" s="268" t="s">
        <v>47</v>
      </c>
      <c r="IP8" s="268" t="s">
        <v>48</v>
      </c>
      <c r="IQ8" s="268" t="s">
        <v>49</v>
      </c>
      <c r="IR8" s="268" t="s">
        <v>50</v>
      </c>
      <c r="IS8" s="268" t="s">
        <v>51</v>
      </c>
      <c r="IT8" s="269" t="s">
        <v>45</v>
      </c>
      <c r="IU8" s="581"/>
      <c r="IV8" s="267" t="s">
        <v>43</v>
      </c>
      <c r="IW8" s="268" t="s">
        <v>44</v>
      </c>
      <c r="IX8" s="269" t="s">
        <v>45</v>
      </c>
      <c r="IY8" s="247" t="s">
        <v>83</v>
      </c>
      <c r="IZ8" s="268" t="s">
        <v>47</v>
      </c>
      <c r="JA8" s="268" t="s">
        <v>48</v>
      </c>
      <c r="JB8" s="268" t="s">
        <v>49</v>
      </c>
      <c r="JC8" s="268" t="s">
        <v>50</v>
      </c>
      <c r="JD8" s="268" t="s">
        <v>51</v>
      </c>
      <c r="JE8" s="269" t="s">
        <v>45</v>
      </c>
      <c r="JF8" s="581"/>
      <c r="JG8" s="267" t="s">
        <v>43</v>
      </c>
      <c r="JH8" s="268" t="s">
        <v>44</v>
      </c>
      <c r="JI8" s="270" t="s">
        <v>45</v>
      </c>
      <c r="JJ8" s="247" t="s">
        <v>83</v>
      </c>
      <c r="JK8" s="268" t="s">
        <v>47</v>
      </c>
      <c r="JL8" s="268" t="s">
        <v>48</v>
      </c>
      <c r="JM8" s="268" t="s">
        <v>49</v>
      </c>
      <c r="JN8" s="268" t="s">
        <v>50</v>
      </c>
      <c r="JO8" s="268" t="s">
        <v>51</v>
      </c>
      <c r="JP8" s="269" t="s">
        <v>45</v>
      </c>
      <c r="JQ8" s="563"/>
      <c r="JR8" s="267" t="s">
        <v>43</v>
      </c>
      <c r="JS8" s="268" t="s">
        <v>44</v>
      </c>
      <c r="JT8" s="270" t="s">
        <v>45</v>
      </c>
      <c r="JU8" s="247" t="s">
        <v>83</v>
      </c>
      <c r="JV8" s="268" t="s">
        <v>47</v>
      </c>
      <c r="JW8" s="268" t="s">
        <v>48</v>
      </c>
      <c r="JX8" s="268" t="s">
        <v>49</v>
      </c>
      <c r="JY8" s="268" t="s">
        <v>50</v>
      </c>
      <c r="JZ8" s="268" t="s">
        <v>51</v>
      </c>
      <c r="KA8" s="269" t="s">
        <v>45</v>
      </c>
      <c r="KB8" s="563"/>
      <c r="KC8" s="267" t="s">
        <v>43</v>
      </c>
      <c r="KD8" s="268" t="s">
        <v>44</v>
      </c>
      <c r="KE8" s="270" t="s">
        <v>45</v>
      </c>
      <c r="KF8" s="247" t="s">
        <v>83</v>
      </c>
      <c r="KG8" s="268" t="s">
        <v>47</v>
      </c>
      <c r="KH8" s="268" t="s">
        <v>48</v>
      </c>
      <c r="KI8" s="268" t="s">
        <v>49</v>
      </c>
      <c r="KJ8" s="268" t="s">
        <v>50</v>
      </c>
      <c r="KK8" s="268" t="s">
        <v>51</v>
      </c>
      <c r="KL8" s="269" t="s">
        <v>45</v>
      </c>
      <c r="KM8" s="563"/>
      <c r="KN8" s="267" t="s">
        <v>43</v>
      </c>
      <c r="KO8" s="268" t="s">
        <v>44</v>
      </c>
      <c r="KP8" s="270" t="s">
        <v>45</v>
      </c>
      <c r="KQ8" s="143" t="s">
        <v>83</v>
      </c>
      <c r="KR8" s="268" t="s">
        <v>47</v>
      </c>
      <c r="KS8" s="268" t="s">
        <v>48</v>
      </c>
      <c r="KT8" s="268" t="s">
        <v>49</v>
      </c>
      <c r="KU8" s="268" t="s">
        <v>50</v>
      </c>
      <c r="KV8" s="268" t="s">
        <v>51</v>
      </c>
      <c r="KW8" s="269" t="s">
        <v>45</v>
      </c>
      <c r="KX8" s="563"/>
      <c r="KY8" s="267" t="s">
        <v>43</v>
      </c>
      <c r="KZ8" s="268" t="s">
        <v>44</v>
      </c>
      <c r="LA8" s="270" t="s">
        <v>45</v>
      </c>
      <c r="LB8" s="143" t="s">
        <v>83</v>
      </c>
      <c r="LC8" s="268" t="s">
        <v>47</v>
      </c>
      <c r="LD8" s="268" t="s">
        <v>48</v>
      </c>
      <c r="LE8" s="268" t="s">
        <v>49</v>
      </c>
      <c r="LF8" s="268" t="s">
        <v>50</v>
      </c>
      <c r="LG8" s="268" t="s">
        <v>51</v>
      </c>
      <c r="LH8" s="269" t="s">
        <v>45</v>
      </c>
      <c r="LI8" s="563"/>
      <c r="LJ8" s="267" t="s">
        <v>43</v>
      </c>
      <c r="LK8" s="268" t="s">
        <v>44</v>
      </c>
      <c r="LL8" s="270" t="s">
        <v>45</v>
      </c>
      <c r="LM8" s="143" t="s">
        <v>83</v>
      </c>
      <c r="LN8" s="268" t="s">
        <v>47</v>
      </c>
      <c r="LO8" s="268" t="s">
        <v>48</v>
      </c>
      <c r="LP8" s="268" t="s">
        <v>49</v>
      </c>
      <c r="LQ8" s="268" t="s">
        <v>50</v>
      </c>
      <c r="LR8" s="268" t="s">
        <v>51</v>
      </c>
      <c r="LS8" s="269" t="s">
        <v>45</v>
      </c>
      <c r="LT8" s="563"/>
      <c r="LU8" s="267" t="s">
        <v>43</v>
      </c>
      <c r="LV8" s="268" t="s">
        <v>44</v>
      </c>
      <c r="LW8" s="270" t="s">
        <v>45</v>
      </c>
      <c r="LX8" s="143" t="s">
        <v>83</v>
      </c>
      <c r="LY8" s="268" t="s">
        <v>47</v>
      </c>
      <c r="LZ8" s="268" t="s">
        <v>48</v>
      </c>
      <c r="MA8" s="268" t="s">
        <v>49</v>
      </c>
      <c r="MB8" s="268" t="s">
        <v>50</v>
      </c>
      <c r="MC8" s="268" t="s">
        <v>51</v>
      </c>
      <c r="MD8" s="269" t="s">
        <v>45</v>
      </c>
      <c r="ME8" s="563"/>
      <c r="MF8" s="267" t="s">
        <v>43</v>
      </c>
      <c r="MG8" s="268" t="s">
        <v>44</v>
      </c>
      <c r="MH8" s="270" t="s">
        <v>45</v>
      </c>
      <c r="MI8" s="143" t="s">
        <v>83</v>
      </c>
      <c r="MJ8" s="268" t="s">
        <v>47</v>
      </c>
      <c r="MK8" s="268" t="s">
        <v>48</v>
      </c>
      <c r="ML8" s="268" t="s">
        <v>49</v>
      </c>
      <c r="MM8" s="268" t="s">
        <v>50</v>
      </c>
      <c r="MN8" s="268" t="s">
        <v>51</v>
      </c>
      <c r="MO8" s="269" t="s">
        <v>45</v>
      </c>
      <c r="MP8" s="563"/>
      <c r="MQ8" s="267" t="s">
        <v>43</v>
      </c>
      <c r="MR8" s="268" t="s">
        <v>44</v>
      </c>
      <c r="MS8" s="270" t="s">
        <v>45</v>
      </c>
      <c r="MT8" s="143" t="s">
        <v>83</v>
      </c>
      <c r="MU8" s="268" t="s">
        <v>47</v>
      </c>
      <c r="MV8" s="268" t="s">
        <v>48</v>
      </c>
      <c r="MW8" s="268" t="s">
        <v>49</v>
      </c>
      <c r="MX8" s="268" t="s">
        <v>50</v>
      </c>
      <c r="MY8" s="268" t="s">
        <v>51</v>
      </c>
      <c r="MZ8" s="269" t="s">
        <v>45</v>
      </c>
      <c r="NA8" s="563"/>
      <c r="NB8" s="267" t="s">
        <v>43</v>
      </c>
      <c r="NC8" s="268" t="s">
        <v>44</v>
      </c>
      <c r="ND8" s="270" t="s">
        <v>45</v>
      </c>
      <c r="NE8" s="143" t="s">
        <v>83</v>
      </c>
      <c r="NF8" s="268" t="s">
        <v>47</v>
      </c>
      <c r="NG8" s="268" t="s">
        <v>48</v>
      </c>
      <c r="NH8" s="268" t="s">
        <v>49</v>
      </c>
      <c r="NI8" s="268" t="s">
        <v>50</v>
      </c>
      <c r="NJ8" s="268" t="s">
        <v>51</v>
      </c>
      <c r="NK8" s="269" t="s">
        <v>45</v>
      </c>
      <c r="NL8" s="563"/>
      <c r="NM8" s="267" t="s">
        <v>43</v>
      </c>
      <c r="NN8" s="268" t="s">
        <v>44</v>
      </c>
      <c r="NO8" s="270" t="s">
        <v>45</v>
      </c>
      <c r="NP8" s="143" t="s">
        <v>83</v>
      </c>
      <c r="NQ8" s="268" t="s">
        <v>47</v>
      </c>
      <c r="NR8" s="268" t="s">
        <v>48</v>
      </c>
      <c r="NS8" s="268" t="s">
        <v>49</v>
      </c>
      <c r="NT8" s="268" t="s">
        <v>50</v>
      </c>
      <c r="NU8" s="268" t="s">
        <v>51</v>
      </c>
      <c r="NV8" s="269" t="s">
        <v>45</v>
      </c>
      <c r="NW8" s="563"/>
      <c r="NX8" s="267" t="s">
        <v>43</v>
      </c>
      <c r="NY8" s="268" t="s">
        <v>44</v>
      </c>
      <c r="NZ8" s="270" t="s">
        <v>45</v>
      </c>
      <c r="OA8" s="143" t="s">
        <v>83</v>
      </c>
      <c r="OB8" s="268" t="s">
        <v>47</v>
      </c>
      <c r="OC8" s="268" t="s">
        <v>48</v>
      </c>
      <c r="OD8" s="268" t="s">
        <v>49</v>
      </c>
      <c r="OE8" s="268" t="s">
        <v>50</v>
      </c>
      <c r="OF8" s="268" t="s">
        <v>51</v>
      </c>
      <c r="OG8" s="269" t="s">
        <v>45</v>
      </c>
      <c r="OH8" s="563"/>
      <c r="OI8" s="267" t="s">
        <v>43</v>
      </c>
      <c r="OJ8" s="268" t="s">
        <v>44</v>
      </c>
      <c r="OK8" s="270" t="s">
        <v>45</v>
      </c>
      <c r="OL8" s="247" t="s">
        <v>83</v>
      </c>
      <c r="OM8" s="268" t="s">
        <v>47</v>
      </c>
      <c r="ON8" s="268" t="s">
        <v>48</v>
      </c>
      <c r="OO8" s="268" t="s">
        <v>49</v>
      </c>
      <c r="OP8" s="268" t="s">
        <v>50</v>
      </c>
      <c r="OQ8" s="268" t="s">
        <v>51</v>
      </c>
      <c r="OR8" s="269" t="s">
        <v>45</v>
      </c>
      <c r="OS8" s="563"/>
    </row>
    <row r="9" spans="1:409" s="434" customFormat="1" ht="21" customHeight="1" x14ac:dyDescent="0.2">
      <c r="A9" s="137"/>
      <c r="B9" s="419" t="s">
        <v>4</v>
      </c>
      <c r="C9" s="271">
        <v>401231086</v>
      </c>
      <c r="D9" s="272">
        <v>871911697</v>
      </c>
      <c r="E9" s="273">
        <v>1273142783</v>
      </c>
      <c r="F9" s="274">
        <v>0</v>
      </c>
      <c r="G9" s="272">
        <v>5099154577</v>
      </c>
      <c r="H9" s="272">
        <v>7155420988</v>
      </c>
      <c r="I9" s="272">
        <v>5857850490</v>
      </c>
      <c r="J9" s="272">
        <v>5490789391</v>
      </c>
      <c r="K9" s="272">
        <v>4154256736</v>
      </c>
      <c r="L9" s="275">
        <v>27757472182</v>
      </c>
      <c r="M9" s="276">
        <v>29030614965</v>
      </c>
      <c r="N9" s="271">
        <v>98876966</v>
      </c>
      <c r="O9" s="272">
        <v>264723768</v>
      </c>
      <c r="P9" s="277">
        <v>363600734</v>
      </c>
      <c r="Q9" s="271">
        <v>0</v>
      </c>
      <c r="R9" s="272">
        <v>1473616247</v>
      </c>
      <c r="S9" s="272">
        <v>2336961557</v>
      </c>
      <c r="T9" s="272">
        <v>1979013598</v>
      </c>
      <c r="U9" s="272">
        <v>2149252175</v>
      </c>
      <c r="V9" s="272">
        <v>2162660528</v>
      </c>
      <c r="W9" s="277">
        <v>10101504105</v>
      </c>
      <c r="X9" s="276">
        <v>10465104839</v>
      </c>
      <c r="Y9" s="271">
        <v>0</v>
      </c>
      <c r="Z9" s="272">
        <v>0</v>
      </c>
      <c r="AA9" s="277">
        <v>0</v>
      </c>
      <c r="AB9" s="278">
        <v>0</v>
      </c>
      <c r="AC9" s="279">
        <v>688316353</v>
      </c>
      <c r="AD9" s="279">
        <v>1132293809</v>
      </c>
      <c r="AE9" s="279">
        <v>1102214683</v>
      </c>
      <c r="AF9" s="279">
        <v>1267949255</v>
      </c>
      <c r="AG9" s="279">
        <v>1288238036</v>
      </c>
      <c r="AH9" s="277">
        <v>5479012136</v>
      </c>
      <c r="AI9" s="276">
        <v>5479012136</v>
      </c>
      <c r="AJ9" s="280">
        <v>57643</v>
      </c>
      <c r="AK9" s="279">
        <v>768790</v>
      </c>
      <c r="AL9" s="277">
        <v>826433</v>
      </c>
      <c r="AM9" s="278">
        <v>0</v>
      </c>
      <c r="AN9" s="279">
        <v>5675061</v>
      </c>
      <c r="AO9" s="275">
        <v>22038795</v>
      </c>
      <c r="AP9" s="279">
        <v>45902857</v>
      </c>
      <c r="AQ9" s="279">
        <v>118848601</v>
      </c>
      <c r="AR9" s="279">
        <v>230240601</v>
      </c>
      <c r="AS9" s="277">
        <v>422705915</v>
      </c>
      <c r="AT9" s="276">
        <v>423532348</v>
      </c>
      <c r="AU9" s="280">
        <v>55319838</v>
      </c>
      <c r="AV9" s="279">
        <v>188833624</v>
      </c>
      <c r="AW9" s="277">
        <v>244153462</v>
      </c>
      <c r="AX9" s="278">
        <v>0</v>
      </c>
      <c r="AY9" s="279">
        <v>477144884</v>
      </c>
      <c r="AZ9" s="279">
        <v>785488165</v>
      </c>
      <c r="BA9" s="279">
        <v>492215170</v>
      </c>
      <c r="BB9" s="279">
        <v>436520548</v>
      </c>
      <c r="BC9" s="279">
        <v>400570322</v>
      </c>
      <c r="BD9" s="277">
        <v>2591939089</v>
      </c>
      <c r="BE9" s="281">
        <v>2836092551</v>
      </c>
      <c r="BF9" s="280">
        <v>6772788</v>
      </c>
      <c r="BG9" s="275">
        <v>27435358</v>
      </c>
      <c r="BH9" s="282">
        <v>34208146</v>
      </c>
      <c r="BI9" s="278">
        <v>0</v>
      </c>
      <c r="BJ9" s="279">
        <v>40315891</v>
      </c>
      <c r="BK9" s="279">
        <v>67648096</v>
      </c>
      <c r="BL9" s="279">
        <v>41353169</v>
      </c>
      <c r="BM9" s="279">
        <v>34567974</v>
      </c>
      <c r="BN9" s="279">
        <v>21619085</v>
      </c>
      <c r="BO9" s="277">
        <v>205504215</v>
      </c>
      <c r="BP9" s="276">
        <v>239712361</v>
      </c>
      <c r="BQ9" s="280">
        <v>36726697</v>
      </c>
      <c r="BR9" s="279">
        <v>47685996</v>
      </c>
      <c r="BS9" s="277">
        <v>84412693</v>
      </c>
      <c r="BT9" s="278">
        <v>0</v>
      </c>
      <c r="BU9" s="279">
        <v>262164058</v>
      </c>
      <c r="BV9" s="279">
        <v>329492692</v>
      </c>
      <c r="BW9" s="279">
        <v>297327719</v>
      </c>
      <c r="BX9" s="279">
        <v>291365797</v>
      </c>
      <c r="BY9" s="279">
        <v>221992484</v>
      </c>
      <c r="BZ9" s="277">
        <v>1402342750</v>
      </c>
      <c r="CA9" s="276">
        <v>1486755443</v>
      </c>
      <c r="CB9" s="280">
        <v>40768939</v>
      </c>
      <c r="CC9" s="279">
        <v>122334352</v>
      </c>
      <c r="CD9" s="277">
        <v>163103291</v>
      </c>
      <c r="CE9" s="278">
        <v>0</v>
      </c>
      <c r="CF9" s="279">
        <v>1373283815</v>
      </c>
      <c r="CG9" s="279">
        <v>1857876930</v>
      </c>
      <c r="CH9" s="283">
        <v>1297745855</v>
      </c>
      <c r="CI9" s="279">
        <v>838215451</v>
      </c>
      <c r="CJ9" s="279">
        <v>422948459</v>
      </c>
      <c r="CK9" s="277">
        <v>5790070510</v>
      </c>
      <c r="CL9" s="276">
        <v>5953173801</v>
      </c>
      <c r="CM9" s="271">
        <v>0</v>
      </c>
      <c r="CN9" s="272">
        <v>0</v>
      </c>
      <c r="CO9" s="277">
        <v>0</v>
      </c>
      <c r="CP9" s="278">
        <v>0</v>
      </c>
      <c r="CQ9" s="279">
        <v>1156321150</v>
      </c>
      <c r="CR9" s="279">
        <v>1462782457</v>
      </c>
      <c r="CS9" s="279">
        <v>1017683088</v>
      </c>
      <c r="CT9" s="279">
        <v>640531629</v>
      </c>
      <c r="CU9" s="279">
        <v>343369822</v>
      </c>
      <c r="CV9" s="284">
        <v>4620688146</v>
      </c>
      <c r="CW9" s="276">
        <v>4620688146</v>
      </c>
      <c r="CX9" s="280">
        <v>40768939</v>
      </c>
      <c r="CY9" s="279">
        <v>122334352</v>
      </c>
      <c r="CZ9" s="277">
        <v>163103291</v>
      </c>
      <c r="DA9" s="278">
        <v>0</v>
      </c>
      <c r="DB9" s="279">
        <v>216962665</v>
      </c>
      <c r="DC9" s="279">
        <v>395094473</v>
      </c>
      <c r="DD9" s="279">
        <v>280062767</v>
      </c>
      <c r="DE9" s="279">
        <v>197683822</v>
      </c>
      <c r="DF9" s="279">
        <v>79578637</v>
      </c>
      <c r="DG9" s="277">
        <v>1169382364</v>
      </c>
      <c r="DH9" s="276">
        <v>1332485655</v>
      </c>
      <c r="DI9" s="280">
        <v>1421757</v>
      </c>
      <c r="DJ9" s="279">
        <v>8780747</v>
      </c>
      <c r="DK9" s="282">
        <v>10202504</v>
      </c>
      <c r="DL9" s="278">
        <v>0</v>
      </c>
      <c r="DM9" s="279">
        <v>131190704</v>
      </c>
      <c r="DN9" s="279">
        <v>276675879</v>
      </c>
      <c r="DO9" s="279">
        <v>509636281</v>
      </c>
      <c r="DP9" s="279">
        <v>436358332</v>
      </c>
      <c r="DQ9" s="279">
        <v>243037320</v>
      </c>
      <c r="DR9" s="285">
        <v>1596898516</v>
      </c>
      <c r="DS9" s="276">
        <v>1607101020</v>
      </c>
      <c r="DT9" s="280">
        <v>1351413</v>
      </c>
      <c r="DU9" s="279">
        <v>7928551</v>
      </c>
      <c r="DV9" s="277">
        <v>9279964</v>
      </c>
      <c r="DW9" s="278">
        <v>0</v>
      </c>
      <c r="DX9" s="279">
        <v>119343118</v>
      </c>
      <c r="DY9" s="279">
        <v>245220383</v>
      </c>
      <c r="DZ9" s="279">
        <v>462961535</v>
      </c>
      <c r="EA9" s="279">
        <v>384251391</v>
      </c>
      <c r="EB9" s="279">
        <v>212294498</v>
      </c>
      <c r="EC9" s="277">
        <v>1424070925</v>
      </c>
      <c r="ED9" s="276">
        <v>1433350889</v>
      </c>
      <c r="EE9" s="280">
        <v>70344</v>
      </c>
      <c r="EF9" s="275">
        <v>852196</v>
      </c>
      <c r="EG9" s="277">
        <v>922540</v>
      </c>
      <c r="EH9" s="281">
        <v>0</v>
      </c>
      <c r="EI9" s="279">
        <v>11847586</v>
      </c>
      <c r="EJ9" s="279">
        <v>31455496</v>
      </c>
      <c r="EK9" s="279">
        <v>46674746</v>
      </c>
      <c r="EL9" s="279">
        <v>52106941</v>
      </c>
      <c r="EM9" s="283">
        <v>30742822</v>
      </c>
      <c r="EN9" s="275">
        <v>172827591</v>
      </c>
      <c r="EO9" s="276">
        <v>173750131</v>
      </c>
      <c r="EP9" s="280">
        <v>0</v>
      </c>
      <c r="EQ9" s="279">
        <v>0</v>
      </c>
      <c r="ER9" s="275">
        <v>0</v>
      </c>
      <c r="ES9" s="278">
        <v>0</v>
      </c>
      <c r="ET9" s="279">
        <v>0</v>
      </c>
      <c r="EU9" s="279">
        <v>0</v>
      </c>
      <c r="EV9" s="279">
        <v>0</v>
      </c>
      <c r="EW9" s="279">
        <v>0</v>
      </c>
      <c r="EX9" s="279">
        <v>0</v>
      </c>
      <c r="EY9" s="284">
        <v>0</v>
      </c>
      <c r="EZ9" s="276">
        <v>0</v>
      </c>
      <c r="FA9" s="280">
        <v>0</v>
      </c>
      <c r="FB9" s="279">
        <v>0</v>
      </c>
      <c r="FC9" s="275">
        <v>0</v>
      </c>
      <c r="FD9" s="278">
        <v>0</v>
      </c>
      <c r="FE9" s="279">
        <v>0</v>
      </c>
      <c r="FF9" s="279">
        <v>0</v>
      </c>
      <c r="FG9" s="279">
        <v>0</v>
      </c>
      <c r="FH9" s="279">
        <v>0</v>
      </c>
      <c r="FI9" s="279">
        <v>0</v>
      </c>
      <c r="FJ9" s="284">
        <v>0</v>
      </c>
      <c r="FK9" s="276">
        <v>0</v>
      </c>
      <c r="FL9" s="280">
        <v>92070285</v>
      </c>
      <c r="FM9" s="279">
        <v>203850291</v>
      </c>
      <c r="FN9" s="277">
        <v>295920576</v>
      </c>
      <c r="FO9" s="278">
        <v>0</v>
      </c>
      <c r="FP9" s="279">
        <v>262888833</v>
      </c>
      <c r="FQ9" s="279">
        <v>716356568</v>
      </c>
      <c r="FR9" s="279">
        <v>491278308</v>
      </c>
      <c r="FS9" s="279">
        <v>440221249</v>
      </c>
      <c r="FT9" s="279">
        <v>326171371</v>
      </c>
      <c r="FU9" s="277">
        <v>2236916329</v>
      </c>
      <c r="FV9" s="276">
        <v>2532836905</v>
      </c>
      <c r="FW9" s="280">
        <v>62789480</v>
      </c>
      <c r="FX9" s="279">
        <v>170801370</v>
      </c>
      <c r="FY9" s="275">
        <v>233590850</v>
      </c>
      <c r="FZ9" s="281">
        <v>0</v>
      </c>
      <c r="GA9" s="279">
        <v>224856490</v>
      </c>
      <c r="GB9" s="286">
        <v>679050214</v>
      </c>
      <c r="GC9" s="279">
        <v>468209044</v>
      </c>
      <c r="GD9" s="286">
        <v>422826261</v>
      </c>
      <c r="GE9" s="279">
        <v>317588877</v>
      </c>
      <c r="GF9" s="284">
        <v>2112530886</v>
      </c>
      <c r="GG9" s="287">
        <v>2346121736</v>
      </c>
      <c r="GH9" s="288">
        <v>3956662</v>
      </c>
      <c r="GI9" s="279">
        <v>6773853</v>
      </c>
      <c r="GJ9" s="286">
        <v>10730515</v>
      </c>
      <c r="GK9" s="274">
        <v>0</v>
      </c>
      <c r="GL9" s="279">
        <v>10232488</v>
      </c>
      <c r="GM9" s="275">
        <v>13373291</v>
      </c>
      <c r="GN9" s="279">
        <v>9283441</v>
      </c>
      <c r="GO9" s="275">
        <v>7716998</v>
      </c>
      <c r="GP9" s="279">
        <v>3979927</v>
      </c>
      <c r="GQ9" s="285">
        <v>44586145</v>
      </c>
      <c r="GR9" s="276">
        <v>55316660</v>
      </c>
      <c r="GS9" s="275">
        <v>25324143</v>
      </c>
      <c r="GT9" s="279">
        <v>26275068</v>
      </c>
      <c r="GU9" s="277">
        <v>51599211</v>
      </c>
      <c r="GV9" s="275">
        <v>0</v>
      </c>
      <c r="GW9" s="279">
        <v>27799855</v>
      </c>
      <c r="GX9" s="275">
        <v>23933063</v>
      </c>
      <c r="GY9" s="279">
        <v>13785823</v>
      </c>
      <c r="GZ9" s="275">
        <v>9677990</v>
      </c>
      <c r="HA9" s="279">
        <v>4602567</v>
      </c>
      <c r="HB9" s="275">
        <v>79799298</v>
      </c>
      <c r="HC9" s="276">
        <v>131398509</v>
      </c>
      <c r="HD9" s="275">
        <v>93680636</v>
      </c>
      <c r="HE9" s="279">
        <v>122813757</v>
      </c>
      <c r="HF9" s="275">
        <v>216494393</v>
      </c>
      <c r="HG9" s="281">
        <v>0</v>
      </c>
      <c r="HH9" s="279">
        <v>996869053</v>
      </c>
      <c r="HI9" s="286">
        <v>1031406376</v>
      </c>
      <c r="HJ9" s="279">
        <v>987935974</v>
      </c>
      <c r="HK9" s="286">
        <v>1219473585</v>
      </c>
      <c r="HL9" s="279">
        <v>749957482</v>
      </c>
      <c r="HM9" s="284">
        <v>4985642470</v>
      </c>
      <c r="HN9" s="275">
        <v>5202136863</v>
      </c>
      <c r="HO9" s="288">
        <v>74412503</v>
      </c>
      <c r="HP9" s="279">
        <v>149408782</v>
      </c>
      <c r="HQ9" s="284">
        <v>223821285</v>
      </c>
      <c r="HR9" s="275">
        <v>0</v>
      </c>
      <c r="HS9" s="279">
        <v>861305925</v>
      </c>
      <c r="HT9" s="275">
        <v>936143678</v>
      </c>
      <c r="HU9" s="279">
        <v>592240474</v>
      </c>
      <c r="HV9" s="275">
        <v>407268599</v>
      </c>
      <c r="HW9" s="279">
        <v>249481576</v>
      </c>
      <c r="HX9" s="275">
        <v>3046440252</v>
      </c>
      <c r="HY9" s="276">
        <v>3270261537</v>
      </c>
      <c r="HZ9" s="289">
        <v>8213318</v>
      </c>
      <c r="IA9" s="290">
        <v>33411410</v>
      </c>
      <c r="IB9" s="291">
        <v>41624728</v>
      </c>
      <c r="IC9" s="292">
        <v>0</v>
      </c>
      <c r="ID9" s="290">
        <v>1548960617</v>
      </c>
      <c r="IE9" s="293">
        <v>2134963638</v>
      </c>
      <c r="IF9" s="294">
        <v>2241874886</v>
      </c>
      <c r="IG9" s="290">
        <v>1683764942</v>
      </c>
      <c r="IH9" s="294">
        <v>1222045004</v>
      </c>
      <c r="II9" s="295">
        <v>8831609087</v>
      </c>
      <c r="IJ9" s="296">
        <v>8873233815</v>
      </c>
      <c r="IK9" s="297">
        <v>0</v>
      </c>
      <c r="IL9" s="298">
        <v>0</v>
      </c>
      <c r="IM9" s="299">
        <v>0</v>
      </c>
      <c r="IN9" s="433">
        <v>0</v>
      </c>
      <c r="IO9" s="300">
        <v>24941222</v>
      </c>
      <c r="IP9" s="300">
        <v>49457755</v>
      </c>
      <c r="IQ9" s="300">
        <v>66181998</v>
      </c>
      <c r="IR9" s="300">
        <v>107651483</v>
      </c>
      <c r="IS9" s="300">
        <v>113700933</v>
      </c>
      <c r="IT9" s="301">
        <v>361933391</v>
      </c>
      <c r="IU9" s="302">
        <v>361933391</v>
      </c>
      <c r="IV9" s="303">
        <v>0</v>
      </c>
      <c r="IW9" s="300">
        <v>0</v>
      </c>
      <c r="IX9" s="304">
        <v>0</v>
      </c>
      <c r="IY9" s="438">
        <v>0</v>
      </c>
      <c r="IZ9" s="300">
        <v>3852815</v>
      </c>
      <c r="JA9" s="300">
        <v>10614535</v>
      </c>
      <c r="JB9" s="300">
        <v>10863064</v>
      </c>
      <c r="JC9" s="300">
        <v>13287660</v>
      </c>
      <c r="JD9" s="300">
        <v>17713034</v>
      </c>
      <c r="JE9" s="304">
        <v>56331108</v>
      </c>
      <c r="JF9" s="305">
        <v>56331108</v>
      </c>
      <c r="JG9" s="303">
        <v>0</v>
      </c>
      <c r="JH9" s="300">
        <v>0</v>
      </c>
      <c r="JI9" s="301">
        <v>0</v>
      </c>
      <c r="JJ9" s="306">
        <v>0</v>
      </c>
      <c r="JK9" s="300">
        <v>594796660</v>
      </c>
      <c r="JL9" s="300">
        <v>736716677</v>
      </c>
      <c r="JM9" s="300">
        <v>548656387</v>
      </c>
      <c r="JN9" s="300">
        <v>321017938</v>
      </c>
      <c r="JO9" s="300">
        <v>171379812</v>
      </c>
      <c r="JP9" s="304">
        <v>2372567474</v>
      </c>
      <c r="JQ9" s="302">
        <v>2372567474</v>
      </c>
      <c r="JR9" s="303">
        <v>182270</v>
      </c>
      <c r="JS9" s="300">
        <v>329703</v>
      </c>
      <c r="JT9" s="301">
        <v>511973</v>
      </c>
      <c r="JU9" s="306">
        <v>0</v>
      </c>
      <c r="JV9" s="300">
        <v>64955927</v>
      </c>
      <c r="JW9" s="300">
        <v>101043979</v>
      </c>
      <c r="JX9" s="300">
        <v>140226619</v>
      </c>
      <c r="JY9" s="300">
        <v>86343121</v>
      </c>
      <c r="JZ9" s="300">
        <v>70886767</v>
      </c>
      <c r="KA9" s="304">
        <v>463456413</v>
      </c>
      <c r="KB9" s="302">
        <v>463968386</v>
      </c>
      <c r="KC9" s="307">
        <v>8031048</v>
      </c>
      <c r="KD9" s="308">
        <v>24250537</v>
      </c>
      <c r="KE9" s="304">
        <v>32281585</v>
      </c>
      <c r="KF9" s="306">
        <v>0</v>
      </c>
      <c r="KG9" s="300">
        <v>200038721</v>
      </c>
      <c r="KH9" s="300">
        <v>314200186</v>
      </c>
      <c r="KI9" s="300">
        <v>350964784</v>
      </c>
      <c r="KJ9" s="300">
        <v>263343980</v>
      </c>
      <c r="KK9" s="300">
        <v>169216106</v>
      </c>
      <c r="KL9" s="304">
        <v>1297763777</v>
      </c>
      <c r="KM9" s="309">
        <v>1330045362</v>
      </c>
      <c r="KN9" s="297">
        <v>0</v>
      </c>
      <c r="KO9" s="298">
        <v>8831170</v>
      </c>
      <c r="KP9" s="299">
        <v>8831170</v>
      </c>
      <c r="KQ9" s="438">
        <v>0</v>
      </c>
      <c r="KR9" s="300">
        <v>617189394</v>
      </c>
      <c r="KS9" s="300">
        <v>838353500</v>
      </c>
      <c r="KT9" s="300">
        <v>975604795</v>
      </c>
      <c r="KU9" s="300">
        <v>658694865</v>
      </c>
      <c r="KV9" s="300">
        <v>435201601</v>
      </c>
      <c r="KW9" s="304">
        <v>3525044155</v>
      </c>
      <c r="KX9" s="302">
        <v>3533875325</v>
      </c>
      <c r="KY9" s="303">
        <v>0</v>
      </c>
      <c r="KZ9" s="300">
        <v>0</v>
      </c>
      <c r="LA9" s="304">
        <v>0</v>
      </c>
      <c r="LB9" s="438">
        <v>0</v>
      </c>
      <c r="LC9" s="300">
        <v>8178135</v>
      </c>
      <c r="LD9" s="300">
        <v>8168048</v>
      </c>
      <c r="LE9" s="300">
        <v>13554833</v>
      </c>
      <c r="LF9" s="300">
        <v>16402481</v>
      </c>
      <c r="LG9" s="300">
        <v>12809473</v>
      </c>
      <c r="LH9" s="304">
        <v>59112970</v>
      </c>
      <c r="LI9" s="305">
        <v>59112970</v>
      </c>
      <c r="LJ9" s="303">
        <v>0</v>
      </c>
      <c r="LK9" s="300">
        <v>0</v>
      </c>
      <c r="LL9" s="304">
        <v>0</v>
      </c>
      <c r="LM9" s="438">
        <v>0</v>
      </c>
      <c r="LN9" s="300">
        <v>1111295</v>
      </c>
      <c r="LO9" s="300">
        <v>7611336</v>
      </c>
      <c r="LP9" s="300">
        <v>54949548</v>
      </c>
      <c r="LQ9" s="300">
        <v>95126445</v>
      </c>
      <c r="LR9" s="300">
        <v>67991778</v>
      </c>
      <c r="LS9" s="304">
        <v>226790402</v>
      </c>
      <c r="LT9" s="302">
        <v>226790402</v>
      </c>
      <c r="LU9" s="303">
        <v>0</v>
      </c>
      <c r="LV9" s="300">
        <v>0</v>
      </c>
      <c r="LW9" s="304">
        <v>0</v>
      </c>
      <c r="LX9" s="438">
        <v>0</v>
      </c>
      <c r="LY9" s="300">
        <v>33896448</v>
      </c>
      <c r="LZ9" s="300">
        <v>68797622</v>
      </c>
      <c r="MA9" s="300">
        <v>80872858</v>
      </c>
      <c r="MB9" s="300">
        <v>121896969</v>
      </c>
      <c r="MC9" s="300">
        <v>163145500</v>
      </c>
      <c r="MD9" s="304">
        <v>468609397</v>
      </c>
      <c r="ME9" s="305">
        <v>468609397</v>
      </c>
      <c r="MF9" s="303">
        <v>0</v>
      </c>
      <c r="MG9" s="300">
        <v>0</v>
      </c>
      <c r="MH9" s="304">
        <v>0</v>
      </c>
      <c r="MI9" s="438">
        <v>0</v>
      </c>
      <c r="MJ9" s="300">
        <v>507696666</v>
      </c>
      <c r="MK9" s="300">
        <v>1309538359</v>
      </c>
      <c r="ML9" s="300">
        <v>3874413861</v>
      </c>
      <c r="MM9" s="300">
        <v>5868821909</v>
      </c>
      <c r="MN9" s="300">
        <v>4004367087</v>
      </c>
      <c r="MO9" s="304">
        <v>15564837882</v>
      </c>
      <c r="MP9" s="309">
        <v>15564837882</v>
      </c>
      <c r="MQ9" s="303">
        <v>0</v>
      </c>
      <c r="MR9" s="300">
        <v>0</v>
      </c>
      <c r="MS9" s="304">
        <v>0</v>
      </c>
      <c r="MT9" s="438">
        <v>0</v>
      </c>
      <c r="MU9" s="300">
        <v>99819608</v>
      </c>
      <c r="MV9" s="300">
        <v>397850372</v>
      </c>
      <c r="MW9" s="300">
        <v>2498330101</v>
      </c>
      <c r="MX9" s="300">
        <v>3978813503</v>
      </c>
      <c r="MY9" s="300">
        <v>2863514940</v>
      </c>
      <c r="MZ9" s="304">
        <v>9838328524</v>
      </c>
      <c r="NA9" s="309">
        <v>9838328524</v>
      </c>
      <c r="NB9" s="303">
        <v>0</v>
      </c>
      <c r="NC9" s="300">
        <v>0</v>
      </c>
      <c r="ND9" s="304">
        <v>0</v>
      </c>
      <c r="NE9" s="438">
        <v>0</v>
      </c>
      <c r="NF9" s="300">
        <v>404963493</v>
      </c>
      <c r="NG9" s="300">
        <v>904535829</v>
      </c>
      <c r="NH9" s="300">
        <v>1353026161</v>
      </c>
      <c r="NI9" s="300">
        <v>1749729547</v>
      </c>
      <c r="NJ9" s="300">
        <v>942860648</v>
      </c>
      <c r="NK9" s="304">
        <v>5355115678</v>
      </c>
      <c r="NL9" s="302">
        <v>5355115678</v>
      </c>
      <c r="NM9" s="303">
        <v>0</v>
      </c>
      <c r="NN9" s="300">
        <v>0</v>
      </c>
      <c r="NO9" s="304">
        <v>0</v>
      </c>
      <c r="NP9" s="438">
        <v>0</v>
      </c>
      <c r="NQ9" s="300">
        <v>0</v>
      </c>
      <c r="NR9" s="300">
        <v>0</v>
      </c>
      <c r="NS9" s="300">
        <v>1319738</v>
      </c>
      <c r="NT9" s="300">
        <v>14275470</v>
      </c>
      <c r="NU9" s="300">
        <v>23861332</v>
      </c>
      <c r="NV9" s="304">
        <v>39456540</v>
      </c>
      <c r="NW9" s="305">
        <v>39456540</v>
      </c>
      <c r="NX9" s="303">
        <v>0</v>
      </c>
      <c r="NY9" s="300">
        <v>0</v>
      </c>
      <c r="NZ9" s="304">
        <v>0</v>
      </c>
      <c r="OA9" s="438">
        <v>0</v>
      </c>
      <c r="OB9" s="300">
        <v>2913565</v>
      </c>
      <c r="OC9" s="300">
        <v>7152158</v>
      </c>
      <c r="OD9" s="300">
        <v>21737861</v>
      </c>
      <c r="OE9" s="300">
        <v>126003389</v>
      </c>
      <c r="OF9" s="300">
        <v>174130167</v>
      </c>
      <c r="OG9" s="304">
        <v>331937140</v>
      </c>
      <c r="OH9" s="305">
        <v>331937140</v>
      </c>
      <c r="OI9" s="303">
        <v>409444404</v>
      </c>
      <c r="OJ9" s="300">
        <v>905323107</v>
      </c>
      <c r="OK9" s="301">
        <v>1314767511</v>
      </c>
      <c r="OL9" s="306">
        <v>0</v>
      </c>
      <c r="OM9" s="300">
        <v>7155811860</v>
      </c>
      <c r="ON9" s="300">
        <v>10599922985</v>
      </c>
      <c r="OO9" s="300">
        <v>11974139237</v>
      </c>
      <c r="OP9" s="300">
        <v>13043376242</v>
      </c>
      <c r="OQ9" s="300">
        <v>9380668827</v>
      </c>
      <c r="OR9" s="304">
        <v>52153919151</v>
      </c>
      <c r="OS9" s="309">
        <v>53468686662</v>
      </c>
    </row>
    <row r="10" spans="1:409" s="434" customFormat="1" ht="21" customHeight="1" x14ac:dyDescent="0.2">
      <c r="A10" s="137"/>
      <c r="B10" s="420" t="s">
        <v>5</v>
      </c>
      <c r="C10" s="310">
        <v>153488295</v>
      </c>
      <c r="D10" s="311">
        <v>405479696</v>
      </c>
      <c r="E10" s="312">
        <v>558967991</v>
      </c>
      <c r="F10" s="313">
        <v>0</v>
      </c>
      <c r="G10" s="311">
        <v>1736926073</v>
      </c>
      <c r="H10" s="311">
        <v>3219451456</v>
      </c>
      <c r="I10" s="311">
        <v>2419195355</v>
      </c>
      <c r="J10" s="311">
        <v>2206817451</v>
      </c>
      <c r="K10" s="311">
        <v>1683430319</v>
      </c>
      <c r="L10" s="313">
        <v>11265820654</v>
      </c>
      <c r="M10" s="314">
        <v>11824788645</v>
      </c>
      <c r="N10" s="310">
        <v>43065168</v>
      </c>
      <c r="O10" s="311">
        <v>140024885</v>
      </c>
      <c r="P10" s="312">
        <v>183090053</v>
      </c>
      <c r="Q10" s="310">
        <v>0</v>
      </c>
      <c r="R10" s="311">
        <v>517772368</v>
      </c>
      <c r="S10" s="311">
        <v>1092600902</v>
      </c>
      <c r="T10" s="311">
        <v>833112458</v>
      </c>
      <c r="U10" s="311">
        <v>846729930</v>
      </c>
      <c r="V10" s="311">
        <v>872903379</v>
      </c>
      <c r="W10" s="312">
        <v>4163119037</v>
      </c>
      <c r="X10" s="314">
        <v>4346209090</v>
      </c>
      <c r="Y10" s="310">
        <v>0</v>
      </c>
      <c r="Z10" s="311">
        <v>0</v>
      </c>
      <c r="AA10" s="312">
        <v>0</v>
      </c>
      <c r="AB10" s="310">
        <v>0</v>
      </c>
      <c r="AC10" s="311">
        <v>233879269</v>
      </c>
      <c r="AD10" s="311">
        <v>502750501</v>
      </c>
      <c r="AE10" s="311">
        <v>423045455</v>
      </c>
      <c r="AF10" s="311">
        <v>458710431</v>
      </c>
      <c r="AG10" s="311">
        <v>488865300</v>
      </c>
      <c r="AH10" s="312">
        <v>2107250956</v>
      </c>
      <c r="AI10" s="314">
        <v>2107250956</v>
      </c>
      <c r="AJ10" s="310">
        <v>39149</v>
      </c>
      <c r="AK10" s="311">
        <v>362478</v>
      </c>
      <c r="AL10" s="312">
        <v>401627</v>
      </c>
      <c r="AM10" s="310">
        <v>0</v>
      </c>
      <c r="AN10" s="311">
        <v>1428591</v>
      </c>
      <c r="AO10" s="311">
        <v>7631759</v>
      </c>
      <c r="AP10" s="311">
        <v>18532813</v>
      </c>
      <c r="AQ10" s="311">
        <v>47749742</v>
      </c>
      <c r="AR10" s="311">
        <v>103535359</v>
      </c>
      <c r="AS10" s="312">
        <v>178878264</v>
      </c>
      <c r="AT10" s="314">
        <v>179279891</v>
      </c>
      <c r="AU10" s="310">
        <v>24725396</v>
      </c>
      <c r="AV10" s="311">
        <v>101698008</v>
      </c>
      <c r="AW10" s="312">
        <v>126423404</v>
      </c>
      <c r="AX10" s="310">
        <v>0</v>
      </c>
      <c r="AY10" s="311">
        <v>173163442</v>
      </c>
      <c r="AZ10" s="311">
        <v>409112303</v>
      </c>
      <c r="BA10" s="311">
        <v>250501721</v>
      </c>
      <c r="BB10" s="311">
        <v>204972709</v>
      </c>
      <c r="BC10" s="311">
        <v>180760167</v>
      </c>
      <c r="BD10" s="312">
        <v>1218510342</v>
      </c>
      <c r="BE10" s="314">
        <v>1344933746</v>
      </c>
      <c r="BF10" s="310">
        <v>2440995</v>
      </c>
      <c r="BG10" s="311">
        <v>13929198</v>
      </c>
      <c r="BH10" s="315">
        <v>16370193</v>
      </c>
      <c r="BI10" s="316">
        <v>0</v>
      </c>
      <c r="BJ10" s="311">
        <v>10013154</v>
      </c>
      <c r="BK10" s="311">
        <v>27192143</v>
      </c>
      <c r="BL10" s="311">
        <v>18567862</v>
      </c>
      <c r="BM10" s="311">
        <v>14284306</v>
      </c>
      <c r="BN10" s="311">
        <v>8451121</v>
      </c>
      <c r="BO10" s="312">
        <v>78508586</v>
      </c>
      <c r="BP10" s="314">
        <v>94878779</v>
      </c>
      <c r="BQ10" s="310">
        <v>15859628</v>
      </c>
      <c r="BR10" s="311">
        <v>24035201</v>
      </c>
      <c r="BS10" s="312">
        <v>39894829</v>
      </c>
      <c r="BT10" s="310">
        <v>0</v>
      </c>
      <c r="BU10" s="311">
        <v>99287912</v>
      </c>
      <c r="BV10" s="311">
        <v>145914196</v>
      </c>
      <c r="BW10" s="311">
        <v>122464607</v>
      </c>
      <c r="BX10" s="311">
        <v>121012742</v>
      </c>
      <c r="BY10" s="311">
        <v>91291432</v>
      </c>
      <c r="BZ10" s="312">
        <v>579970889</v>
      </c>
      <c r="CA10" s="314">
        <v>619865718</v>
      </c>
      <c r="CB10" s="310">
        <v>17896900</v>
      </c>
      <c r="CC10" s="311">
        <v>55944008</v>
      </c>
      <c r="CD10" s="312">
        <v>73840908</v>
      </c>
      <c r="CE10" s="310">
        <v>0</v>
      </c>
      <c r="CF10" s="311">
        <v>423999330</v>
      </c>
      <c r="CG10" s="311">
        <v>767540089</v>
      </c>
      <c r="CH10" s="311">
        <v>484847065</v>
      </c>
      <c r="CI10" s="311">
        <v>306985022</v>
      </c>
      <c r="CJ10" s="311">
        <v>152433527</v>
      </c>
      <c r="CK10" s="312">
        <v>2135805033</v>
      </c>
      <c r="CL10" s="314">
        <v>2209645941</v>
      </c>
      <c r="CM10" s="310">
        <v>0</v>
      </c>
      <c r="CN10" s="311">
        <v>0</v>
      </c>
      <c r="CO10" s="312">
        <v>0</v>
      </c>
      <c r="CP10" s="316">
        <v>0</v>
      </c>
      <c r="CQ10" s="311">
        <v>360956139</v>
      </c>
      <c r="CR10" s="311">
        <v>589769483</v>
      </c>
      <c r="CS10" s="311">
        <v>359093972</v>
      </c>
      <c r="CT10" s="311">
        <v>217188706</v>
      </c>
      <c r="CU10" s="311">
        <v>118208021</v>
      </c>
      <c r="CV10" s="312">
        <v>1645216321</v>
      </c>
      <c r="CW10" s="314">
        <v>1645216321</v>
      </c>
      <c r="CX10" s="310">
        <v>17896900</v>
      </c>
      <c r="CY10" s="311">
        <v>55944008</v>
      </c>
      <c r="CZ10" s="312">
        <v>73840908</v>
      </c>
      <c r="DA10" s="310">
        <v>0</v>
      </c>
      <c r="DB10" s="311">
        <v>63043191</v>
      </c>
      <c r="DC10" s="311">
        <v>177770606</v>
      </c>
      <c r="DD10" s="311">
        <v>125753093</v>
      </c>
      <c r="DE10" s="311">
        <v>89796316</v>
      </c>
      <c r="DF10" s="311">
        <v>34225506</v>
      </c>
      <c r="DG10" s="312">
        <v>490588712</v>
      </c>
      <c r="DH10" s="314">
        <v>564429620</v>
      </c>
      <c r="DI10" s="310">
        <v>385277</v>
      </c>
      <c r="DJ10" s="311">
        <v>3924020</v>
      </c>
      <c r="DK10" s="315">
        <v>4309297</v>
      </c>
      <c r="DL10" s="316">
        <v>0</v>
      </c>
      <c r="DM10" s="311">
        <v>41561816</v>
      </c>
      <c r="DN10" s="311">
        <v>112684520</v>
      </c>
      <c r="DO10" s="311">
        <v>208536205</v>
      </c>
      <c r="DP10" s="311">
        <v>165812456</v>
      </c>
      <c r="DQ10" s="311">
        <v>102722338</v>
      </c>
      <c r="DR10" s="312">
        <v>631317335</v>
      </c>
      <c r="DS10" s="314">
        <v>635626632</v>
      </c>
      <c r="DT10" s="310">
        <v>330728</v>
      </c>
      <c r="DU10" s="311">
        <v>3557316</v>
      </c>
      <c r="DV10" s="312">
        <v>3888044</v>
      </c>
      <c r="DW10" s="310">
        <v>0</v>
      </c>
      <c r="DX10" s="311">
        <v>36507890</v>
      </c>
      <c r="DY10" s="311">
        <v>94731881</v>
      </c>
      <c r="DZ10" s="311">
        <v>181113431</v>
      </c>
      <c r="EA10" s="311">
        <v>133827964</v>
      </c>
      <c r="EB10" s="311">
        <v>84106232</v>
      </c>
      <c r="EC10" s="312">
        <v>530287398</v>
      </c>
      <c r="ED10" s="314">
        <v>534175442</v>
      </c>
      <c r="EE10" s="310">
        <v>54549</v>
      </c>
      <c r="EF10" s="315">
        <v>366704</v>
      </c>
      <c r="EG10" s="312">
        <v>421253</v>
      </c>
      <c r="EH10" s="310">
        <v>0</v>
      </c>
      <c r="EI10" s="311">
        <v>5053926</v>
      </c>
      <c r="EJ10" s="311">
        <v>17952639</v>
      </c>
      <c r="EK10" s="311">
        <v>27422774</v>
      </c>
      <c r="EL10" s="311">
        <v>31984492</v>
      </c>
      <c r="EM10" s="311">
        <v>18616106</v>
      </c>
      <c r="EN10" s="315">
        <v>101029937</v>
      </c>
      <c r="EO10" s="314">
        <v>101451190</v>
      </c>
      <c r="EP10" s="310">
        <v>0</v>
      </c>
      <c r="EQ10" s="311">
        <v>0</v>
      </c>
      <c r="ER10" s="315">
        <v>0</v>
      </c>
      <c r="ES10" s="316">
        <v>0</v>
      </c>
      <c r="ET10" s="311">
        <v>0</v>
      </c>
      <c r="EU10" s="311">
        <v>0</v>
      </c>
      <c r="EV10" s="311">
        <v>0</v>
      </c>
      <c r="EW10" s="311">
        <v>0</v>
      </c>
      <c r="EX10" s="311">
        <v>0</v>
      </c>
      <c r="EY10" s="312">
        <v>0</v>
      </c>
      <c r="EZ10" s="314">
        <v>0</v>
      </c>
      <c r="FA10" s="310">
        <v>0</v>
      </c>
      <c r="FB10" s="311">
        <v>0</v>
      </c>
      <c r="FC10" s="315">
        <v>0</v>
      </c>
      <c r="FD10" s="316">
        <v>0</v>
      </c>
      <c r="FE10" s="311">
        <v>0</v>
      </c>
      <c r="FF10" s="311">
        <v>0</v>
      </c>
      <c r="FG10" s="311">
        <v>0</v>
      </c>
      <c r="FH10" s="311">
        <v>0</v>
      </c>
      <c r="FI10" s="311">
        <v>0</v>
      </c>
      <c r="FJ10" s="312">
        <v>0</v>
      </c>
      <c r="FK10" s="314">
        <v>0</v>
      </c>
      <c r="FL10" s="310">
        <v>25088928</v>
      </c>
      <c r="FM10" s="311">
        <v>80083242</v>
      </c>
      <c r="FN10" s="312">
        <v>105172170</v>
      </c>
      <c r="FO10" s="310">
        <v>0</v>
      </c>
      <c r="FP10" s="311">
        <v>65668488</v>
      </c>
      <c r="FQ10" s="311">
        <v>316018025</v>
      </c>
      <c r="FR10" s="311">
        <v>204732139</v>
      </c>
      <c r="FS10" s="311">
        <v>176101086</v>
      </c>
      <c r="FT10" s="311">
        <v>133802306</v>
      </c>
      <c r="FU10" s="312">
        <v>896322044</v>
      </c>
      <c r="FV10" s="314">
        <v>1001494214</v>
      </c>
      <c r="FW10" s="317">
        <v>20727270</v>
      </c>
      <c r="FX10" s="311">
        <v>75248855</v>
      </c>
      <c r="FY10" s="315">
        <v>95976125</v>
      </c>
      <c r="FZ10" s="316">
        <v>0</v>
      </c>
      <c r="GA10" s="311">
        <v>61325783</v>
      </c>
      <c r="GB10" s="311">
        <v>309899869</v>
      </c>
      <c r="GC10" s="311">
        <v>200998387</v>
      </c>
      <c r="GD10" s="311">
        <v>173256775</v>
      </c>
      <c r="GE10" s="311">
        <v>132773440</v>
      </c>
      <c r="GF10" s="312">
        <v>878254254</v>
      </c>
      <c r="GG10" s="318">
        <v>974230379</v>
      </c>
      <c r="GH10" s="317">
        <v>633206</v>
      </c>
      <c r="GI10" s="311">
        <v>877342</v>
      </c>
      <c r="GJ10" s="315">
        <v>1510548</v>
      </c>
      <c r="GK10" s="316">
        <v>0</v>
      </c>
      <c r="GL10" s="311">
        <v>805323</v>
      </c>
      <c r="GM10" s="311">
        <v>1585705</v>
      </c>
      <c r="GN10" s="311">
        <v>1224968</v>
      </c>
      <c r="GO10" s="311">
        <v>973304</v>
      </c>
      <c r="GP10" s="311">
        <v>430466</v>
      </c>
      <c r="GQ10" s="312">
        <v>5019766</v>
      </c>
      <c r="GR10" s="314">
        <v>6530314</v>
      </c>
      <c r="GS10" s="310">
        <v>3728452</v>
      </c>
      <c r="GT10" s="311">
        <v>3957045</v>
      </c>
      <c r="GU10" s="312">
        <v>7685497</v>
      </c>
      <c r="GV10" s="310">
        <v>0</v>
      </c>
      <c r="GW10" s="311">
        <v>3537382</v>
      </c>
      <c r="GX10" s="311">
        <v>4532451</v>
      </c>
      <c r="GY10" s="311">
        <v>2508784</v>
      </c>
      <c r="GZ10" s="311">
        <v>1871007</v>
      </c>
      <c r="HA10" s="311">
        <v>598400</v>
      </c>
      <c r="HB10" s="315">
        <v>13048024</v>
      </c>
      <c r="HC10" s="314">
        <v>20733521</v>
      </c>
      <c r="HD10" s="310">
        <v>39788530</v>
      </c>
      <c r="HE10" s="311">
        <v>58362508</v>
      </c>
      <c r="HF10" s="315">
        <v>98151038</v>
      </c>
      <c r="HG10" s="316">
        <v>0</v>
      </c>
      <c r="HH10" s="311">
        <v>403796059</v>
      </c>
      <c r="HI10" s="311">
        <v>498306139</v>
      </c>
      <c r="HJ10" s="311">
        <v>434553912</v>
      </c>
      <c r="HK10" s="311">
        <v>544360311</v>
      </c>
      <c r="HL10" s="311">
        <v>318496663</v>
      </c>
      <c r="HM10" s="312">
        <v>2199513084</v>
      </c>
      <c r="HN10" s="313">
        <v>2297664122</v>
      </c>
      <c r="HO10" s="317">
        <v>27263492</v>
      </c>
      <c r="HP10" s="311">
        <v>67141033</v>
      </c>
      <c r="HQ10" s="312">
        <v>94404525</v>
      </c>
      <c r="HR10" s="310">
        <v>0</v>
      </c>
      <c r="HS10" s="311">
        <v>284128012</v>
      </c>
      <c r="HT10" s="311">
        <v>432301781</v>
      </c>
      <c r="HU10" s="311">
        <v>253413576</v>
      </c>
      <c r="HV10" s="311">
        <v>166828646</v>
      </c>
      <c r="HW10" s="311">
        <v>103072106</v>
      </c>
      <c r="HX10" s="315">
        <v>1239744121</v>
      </c>
      <c r="HY10" s="314">
        <v>1334148646</v>
      </c>
      <c r="HZ10" s="319">
        <v>3458326</v>
      </c>
      <c r="IA10" s="320">
        <v>13728630</v>
      </c>
      <c r="IB10" s="321">
        <v>17186956</v>
      </c>
      <c r="IC10" s="322">
        <v>0</v>
      </c>
      <c r="ID10" s="323">
        <v>617826467</v>
      </c>
      <c r="IE10" s="324">
        <v>958081571</v>
      </c>
      <c r="IF10" s="325">
        <v>955586848</v>
      </c>
      <c r="IG10" s="323">
        <v>717515960</v>
      </c>
      <c r="IH10" s="325">
        <v>540727637</v>
      </c>
      <c r="II10" s="326">
        <v>3789738483</v>
      </c>
      <c r="IJ10" s="327">
        <v>3806925439</v>
      </c>
      <c r="IK10" s="328">
        <v>0</v>
      </c>
      <c r="IL10" s="329">
        <v>0</v>
      </c>
      <c r="IM10" s="330">
        <v>0</v>
      </c>
      <c r="IN10" s="435">
        <v>0</v>
      </c>
      <c r="IO10" s="331">
        <v>11488362</v>
      </c>
      <c r="IP10" s="331">
        <v>22959124</v>
      </c>
      <c r="IQ10" s="331">
        <v>33484545</v>
      </c>
      <c r="IR10" s="331">
        <v>52425810</v>
      </c>
      <c r="IS10" s="331">
        <v>53832367</v>
      </c>
      <c r="IT10" s="332">
        <v>174190208</v>
      </c>
      <c r="IU10" s="333">
        <v>174190208</v>
      </c>
      <c r="IV10" s="334">
        <v>0</v>
      </c>
      <c r="IW10" s="331">
        <v>0</v>
      </c>
      <c r="IX10" s="335">
        <v>0</v>
      </c>
      <c r="IY10" s="439">
        <v>0</v>
      </c>
      <c r="IZ10" s="331">
        <v>1979534</v>
      </c>
      <c r="JA10" s="331">
        <v>7933097</v>
      </c>
      <c r="JB10" s="331">
        <v>8031572</v>
      </c>
      <c r="JC10" s="331">
        <v>9948223</v>
      </c>
      <c r="JD10" s="331">
        <v>13545209</v>
      </c>
      <c r="JE10" s="335">
        <v>41437635</v>
      </c>
      <c r="JF10" s="336">
        <v>41437635</v>
      </c>
      <c r="JG10" s="334">
        <v>0</v>
      </c>
      <c r="JH10" s="331">
        <v>0</v>
      </c>
      <c r="JI10" s="332">
        <v>0</v>
      </c>
      <c r="JJ10" s="337">
        <v>0</v>
      </c>
      <c r="JK10" s="331">
        <v>204797547</v>
      </c>
      <c r="JL10" s="331">
        <v>345230456</v>
      </c>
      <c r="JM10" s="331">
        <v>254999448</v>
      </c>
      <c r="JN10" s="331">
        <v>149718314</v>
      </c>
      <c r="JO10" s="331">
        <v>78764055</v>
      </c>
      <c r="JP10" s="335">
        <v>1033509820</v>
      </c>
      <c r="JQ10" s="333">
        <v>1033509820</v>
      </c>
      <c r="JR10" s="334">
        <v>98521</v>
      </c>
      <c r="JS10" s="331">
        <v>19504</v>
      </c>
      <c r="JT10" s="332">
        <v>118025</v>
      </c>
      <c r="JU10" s="337">
        <v>0</v>
      </c>
      <c r="JV10" s="331">
        <v>33442809</v>
      </c>
      <c r="JW10" s="331">
        <v>52790077</v>
      </c>
      <c r="JX10" s="331">
        <v>72927472</v>
      </c>
      <c r="JY10" s="331">
        <v>49738792</v>
      </c>
      <c r="JZ10" s="331">
        <v>37276581</v>
      </c>
      <c r="KA10" s="335">
        <v>246175731</v>
      </c>
      <c r="KB10" s="333">
        <v>246293756</v>
      </c>
      <c r="KC10" s="338">
        <v>3359805</v>
      </c>
      <c r="KD10" s="339">
        <v>9708528</v>
      </c>
      <c r="KE10" s="335">
        <v>13068333</v>
      </c>
      <c r="KF10" s="337">
        <v>0</v>
      </c>
      <c r="KG10" s="331">
        <v>79363163</v>
      </c>
      <c r="KH10" s="331">
        <v>142149505</v>
      </c>
      <c r="KI10" s="331">
        <v>138901279</v>
      </c>
      <c r="KJ10" s="331">
        <v>123624121</v>
      </c>
      <c r="KK10" s="331">
        <v>81201518</v>
      </c>
      <c r="KL10" s="335">
        <v>565239586</v>
      </c>
      <c r="KM10" s="340">
        <v>578307919</v>
      </c>
      <c r="KN10" s="328">
        <v>0</v>
      </c>
      <c r="KO10" s="329">
        <v>4000598</v>
      </c>
      <c r="KP10" s="330">
        <v>4000598</v>
      </c>
      <c r="KQ10" s="439">
        <v>0</v>
      </c>
      <c r="KR10" s="331">
        <v>282095417</v>
      </c>
      <c r="KS10" s="331">
        <v>366988405</v>
      </c>
      <c r="KT10" s="331">
        <v>423218860</v>
      </c>
      <c r="KU10" s="331">
        <v>288643329</v>
      </c>
      <c r="KV10" s="331">
        <v>199854491</v>
      </c>
      <c r="KW10" s="335">
        <v>1560800502</v>
      </c>
      <c r="KX10" s="333">
        <v>1564801100</v>
      </c>
      <c r="KY10" s="334">
        <v>0</v>
      </c>
      <c r="KZ10" s="331">
        <v>0</v>
      </c>
      <c r="LA10" s="335">
        <v>0</v>
      </c>
      <c r="LB10" s="439">
        <v>0</v>
      </c>
      <c r="LC10" s="331">
        <v>169735</v>
      </c>
      <c r="LD10" s="331">
        <v>368726</v>
      </c>
      <c r="LE10" s="331">
        <v>992353</v>
      </c>
      <c r="LF10" s="331">
        <v>0</v>
      </c>
      <c r="LG10" s="331">
        <v>984480</v>
      </c>
      <c r="LH10" s="335">
        <v>2515294</v>
      </c>
      <c r="LI10" s="336">
        <v>2515294</v>
      </c>
      <c r="LJ10" s="334">
        <v>0</v>
      </c>
      <c r="LK10" s="331">
        <v>0</v>
      </c>
      <c r="LL10" s="335">
        <v>0</v>
      </c>
      <c r="LM10" s="439">
        <v>0</v>
      </c>
      <c r="LN10" s="331">
        <v>711173</v>
      </c>
      <c r="LO10" s="331">
        <v>3170163</v>
      </c>
      <c r="LP10" s="331">
        <v>5708886</v>
      </c>
      <c r="LQ10" s="331">
        <v>11789868</v>
      </c>
      <c r="LR10" s="331">
        <v>11906638</v>
      </c>
      <c r="LS10" s="335">
        <v>33286728</v>
      </c>
      <c r="LT10" s="333">
        <v>33286728</v>
      </c>
      <c r="LU10" s="334">
        <v>0</v>
      </c>
      <c r="LV10" s="331">
        <v>0</v>
      </c>
      <c r="LW10" s="335">
        <v>0</v>
      </c>
      <c r="LX10" s="439">
        <v>0</v>
      </c>
      <c r="LY10" s="331">
        <v>3778727</v>
      </c>
      <c r="LZ10" s="331">
        <v>16492018</v>
      </c>
      <c r="MA10" s="331">
        <v>17322433</v>
      </c>
      <c r="MB10" s="331">
        <v>31627503</v>
      </c>
      <c r="MC10" s="331">
        <v>63362298</v>
      </c>
      <c r="MD10" s="335">
        <v>132582979</v>
      </c>
      <c r="ME10" s="336">
        <v>132582979</v>
      </c>
      <c r="MF10" s="334">
        <v>0</v>
      </c>
      <c r="MG10" s="331">
        <v>0</v>
      </c>
      <c r="MH10" s="335">
        <v>0</v>
      </c>
      <c r="MI10" s="439">
        <v>0</v>
      </c>
      <c r="MJ10" s="331">
        <v>210858175</v>
      </c>
      <c r="MK10" s="331">
        <v>690478178</v>
      </c>
      <c r="ML10" s="331">
        <v>1712448172</v>
      </c>
      <c r="MM10" s="331">
        <v>2535337854</v>
      </c>
      <c r="MN10" s="331">
        <v>1719429881</v>
      </c>
      <c r="MO10" s="335">
        <v>6868552260</v>
      </c>
      <c r="MP10" s="340">
        <v>6868552260</v>
      </c>
      <c r="MQ10" s="334">
        <v>0</v>
      </c>
      <c r="MR10" s="331">
        <v>0</v>
      </c>
      <c r="MS10" s="335">
        <v>0</v>
      </c>
      <c r="MT10" s="439">
        <v>0</v>
      </c>
      <c r="MU10" s="331">
        <v>57677806</v>
      </c>
      <c r="MV10" s="331">
        <v>268325913</v>
      </c>
      <c r="MW10" s="331">
        <v>1116442648</v>
      </c>
      <c r="MX10" s="331">
        <v>1687705091</v>
      </c>
      <c r="MY10" s="331">
        <v>1215729756</v>
      </c>
      <c r="MZ10" s="335">
        <v>4345881214</v>
      </c>
      <c r="NA10" s="340">
        <v>4345881214</v>
      </c>
      <c r="NB10" s="334">
        <v>0</v>
      </c>
      <c r="NC10" s="331">
        <v>0</v>
      </c>
      <c r="ND10" s="335">
        <v>0</v>
      </c>
      <c r="NE10" s="439">
        <v>0</v>
      </c>
      <c r="NF10" s="331">
        <v>152944143</v>
      </c>
      <c r="NG10" s="331">
        <v>421029140</v>
      </c>
      <c r="NH10" s="331">
        <v>592006905</v>
      </c>
      <c r="NI10" s="331">
        <v>807220993</v>
      </c>
      <c r="NJ10" s="331">
        <v>449433507</v>
      </c>
      <c r="NK10" s="335">
        <v>2422634688</v>
      </c>
      <c r="NL10" s="333">
        <v>2422634688</v>
      </c>
      <c r="NM10" s="334">
        <v>0</v>
      </c>
      <c r="NN10" s="331">
        <v>0</v>
      </c>
      <c r="NO10" s="335">
        <v>0</v>
      </c>
      <c r="NP10" s="439">
        <v>0</v>
      </c>
      <c r="NQ10" s="331">
        <v>0</v>
      </c>
      <c r="NR10" s="331">
        <v>0</v>
      </c>
      <c r="NS10" s="331">
        <v>285569</v>
      </c>
      <c r="NT10" s="331">
        <v>3063173</v>
      </c>
      <c r="NU10" s="331">
        <v>7753485</v>
      </c>
      <c r="NV10" s="335">
        <v>11102227</v>
      </c>
      <c r="NW10" s="336">
        <v>11102227</v>
      </c>
      <c r="NX10" s="334">
        <v>0</v>
      </c>
      <c r="NY10" s="331">
        <v>0</v>
      </c>
      <c r="NZ10" s="335">
        <v>0</v>
      </c>
      <c r="OA10" s="439">
        <v>0</v>
      </c>
      <c r="OB10" s="331">
        <v>236226</v>
      </c>
      <c r="OC10" s="331">
        <v>1123125</v>
      </c>
      <c r="OD10" s="331">
        <v>3713050</v>
      </c>
      <c r="OE10" s="331">
        <v>37348597</v>
      </c>
      <c r="OF10" s="331">
        <v>46513133</v>
      </c>
      <c r="OG10" s="335">
        <v>88934131</v>
      </c>
      <c r="OH10" s="336">
        <v>88934131</v>
      </c>
      <c r="OI10" s="334">
        <v>156946621</v>
      </c>
      <c r="OJ10" s="331">
        <v>419208326</v>
      </c>
      <c r="OK10" s="332">
        <v>576154947</v>
      </c>
      <c r="OL10" s="337">
        <v>0</v>
      </c>
      <c r="OM10" s="331">
        <v>2565610715</v>
      </c>
      <c r="ON10" s="331">
        <v>4868011205</v>
      </c>
      <c r="OO10" s="331">
        <v>5087230375</v>
      </c>
      <c r="OP10" s="331">
        <v>5459671265</v>
      </c>
      <c r="OQ10" s="331">
        <v>3943587837</v>
      </c>
      <c r="OR10" s="335">
        <v>21924111397</v>
      </c>
      <c r="OS10" s="340">
        <v>22500266344</v>
      </c>
    </row>
    <row r="11" spans="1:409" s="137" customFormat="1" ht="21" customHeight="1" x14ac:dyDescent="0.2">
      <c r="B11" s="421" t="s">
        <v>6</v>
      </c>
      <c r="C11" s="341">
        <v>56200644</v>
      </c>
      <c r="D11" s="342">
        <v>104193825</v>
      </c>
      <c r="E11" s="343">
        <v>160394469</v>
      </c>
      <c r="F11" s="344">
        <v>0</v>
      </c>
      <c r="G11" s="342">
        <v>862171533</v>
      </c>
      <c r="H11" s="342">
        <v>980451091</v>
      </c>
      <c r="I11" s="342">
        <v>819619780</v>
      </c>
      <c r="J11" s="342">
        <v>814349985</v>
      </c>
      <c r="K11" s="342">
        <v>651218380</v>
      </c>
      <c r="L11" s="344">
        <v>4127810769</v>
      </c>
      <c r="M11" s="345">
        <v>4288205238</v>
      </c>
      <c r="N11" s="341">
        <v>15277394</v>
      </c>
      <c r="O11" s="342">
        <v>34066980</v>
      </c>
      <c r="P11" s="343">
        <v>49344374</v>
      </c>
      <c r="Q11" s="341">
        <v>0</v>
      </c>
      <c r="R11" s="342">
        <v>283678938</v>
      </c>
      <c r="S11" s="342">
        <v>347009184</v>
      </c>
      <c r="T11" s="342">
        <v>294366057</v>
      </c>
      <c r="U11" s="342">
        <v>335295831</v>
      </c>
      <c r="V11" s="342">
        <v>346393337</v>
      </c>
      <c r="W11" s="343">
        <v>1606743347</v>
      </c>
      <c r="X11" s="345">
        <v>1656087721</v>
      </c>
      <c r="Y11" s="341">
        <v>0</v>
      </c>
      <c r="Z11" s="342">
        <v>0</v>
      </c>
      <c r="AA11" s="343">
        <v>0</v>
      </c>
      <c r="AB11" s="341">
        <v>0</v>
      </c>
      <c r="AC11" s="342">
        <v>131860527</v>
      </c>
      <c r="AD11" s="342">
        <v>172294351</v>
      </c>
      <c r="AE11" s="342">
        <v>171046279</v>
      </c>
      <c r="AF11" s="342">
        <v>207483171</v>
      </c>
      <c r="AG11" s="342">
        <v>212312145</v>
      </c>
      <c r="AH11" s="343">
        <v>894996473</v>
      </c>
      <c r="AI11" s="345">
        <v>894996473</v>
      </c>
      <c r="AJ11" s="341">
        <v>18494</v>
      </c>
      <c r="AK11" s="342">
        <v>73938</v>
      </c>
      <c r="AL11" s="343">
        <v>92432</v>
      </c>
      <c r="AM11" s="341">
        <v>0</v>
      </c>
      <c r="AN11" s="342">
        <v>1026914</v>
      </c>
      <c r="AO11" s="342">
        <v>2904447</v>
      </c>
      <c r="AP11" s="342">
        <v>6084801</v>
      </c>
      <c r="AQ11" s="342">
        <v>15302747</v>
      </c>
      <c r="AR11" s="342">
        <v>33566320</v>
      </c>
      <c r="AS11" s="343">
        <v>58885229</v>
      </c>
      <c r="AT11" s="345">
        <v>58977661</v>
      </c>
      <c r="AU11" s="341">
        <v>8749244</v>
      </c>
      <c r="AV11" s="342">
        <v>24754334</v>
      </c>
      <c r="AW11" s="343">
        <v>33503578</v>
      </c>
      <c r="AX11" s="341">
        <v>0</v>
      </c>
      <c r="AY11" s="342">
        <v>94190132</v>
      </c>
      <c r="AZ11" s="342">
        <v>109544612</v>
      </c>
      <c r="BA11" s="342">
        <v>64618875</v>
      </c>
      <c r="BB11" s="342">
        <v>60712726</v>
      </c>
      <c r="BC11" s="342">
        <v>58788102</v>
      </c>
      <c r="BD11" s="343">
        <v>387854447</v>
      </c>
      <c r="BE11" s="345">
        <v>421358025</v>
      </c>
      <c r="BF11" s="341">
        <v>577506</v>
      </c>
      <c r="BG11" s="342">
        <v>2247228</v>
      </c>
      <c r="BH11" s="346">
        <v>2824734</v>
      </c>
      <c r="BI11" s="347">
        <v>0</v>
      </c>
      <c r="BJ11" s="342">
        <v>7241406</v>
      </c>
      <c r="BK11" s="342">
        <v>7615433</v>
      </c>
      <c r="BL11" s="342">
        <v>3910906</v>
      </c>
      <c r="BM11" s="342">
        <v>4530554</v>
      </c>
      <c r="BN11" s="342">
        <v>2970984</v>
      </c>
      <c r="BO11" s="343">
        <v>26269283</v>
      </c>
      <c r="BP11" s="345">
        <v>29094017</v>
      </c>
      <c r="BQ11" s="341">
        <v>5932150</v>
      </c>
      <c r="BR11" s="342">
        <v>6991480</v>
      </c>
      <c r="BS11" s="343">
        <v>12923630</v>
      </c>
      <c r="BT11" s="341">
        <v>0</v>
      </c>
      <c r="BU11" s="342">
        <v>49359959</v>
      </c>
      <c r="BV11" s="342">
        <v>54650341</v>
      </c>
      <c r="BW11" s="342">
        <v>48705196</v>
      </c>
      <c r="BX11" s="342">
        <v>47266633</v>
      </c>
      <c r="BY11" s="342">
        <v>38755786</v>
      </c>
      <c r="BZ11" s="343">
        <v>238737915</v>
      </c>
      <c r="CA11" s="345">
        <v>251661545</v>
      </c>
      <c r="CB11" s="341">
        <v>2697980</v>
      </c>
      <c r="CC11" s="342">
        <v>8407399</v>
      </c>
      <c r="CD11" s="343">
        <v>11105379</v>
      </c>
      <c r="CE11" s="341">
        <v>0</v>
      </c>
      <c r="CF11" s="342">
        <v>223058986</v>
      </c>
      <c r="CG11" s="342">
        <v>251529796</v>
      </c>
      <c r="CH11" s="342">
        <v>181122814</v>
      </c>
      <c r="CI11" s="342">
        <v>125322463</v>
      </c>
      <c r="CJ11" s="342">
        <v>63355512</v>
      </c>
      <c r="CK11" s="343">
        <v>844389571</v>
      </c>
      <c r="CL11" s="345">
        <v>855494950</v>
      </c>
      <c r="CM11" s="341">
        <v>0</v>
      </c>
      <c r="CN11" s="342">
        <v>0</v>
      </c>
      <c r="CO11" s="343">
        <v>0</v>
      </c>
      <c r="CP11" s="347">
        <v>0</v>
      </c>
      <c r="CQ11" s="342">
        <v>189412866</v>
      </c>
      <c r="CR11" s="342">
        <v>205329653</v>
      </c>
      <c r="CS11" s="342">
        <v>145740292</v>
      </c>
      <c r="CT11" s="342">
        <v>99733035</v>
      </c>
      <c r="CU11" s="342">
        <v>52001037</v>
      </c>
      <c r="CV11" s="343">
        <v>692216883</v>
      </c>
      <c r="CW11" s="345">
        <v>692216883</v>
      </c>
      <c r="CX11" s="341">
        <v>2697980</v>
      </c>
      <c r="CY11" s="342">
        <v>8407399</v>
      </c>
      <c r="CZ11" s="343">
        <v>11105379</v>
      </c>
      <c r="DA11" s="341">
        <v>0</v>
      </c>
      <c r="DB11" s="342">
        <v>33646120</v>
      </c>
      <c r="DC11" s="342">
        <v>46200143</v>
      </c>
      <c r="DD11" s="342">
        <v>35382522</v>
      </c>
      <c r="DE11" s="342">
        <v>25589428</v>
      </c>
      <c r="DF11" s="342">
        <v>11354475</v>
      </c>
      <c r="DG11" s="343">
        <v>152172688</v>
      </c>
      <c r="DH11" s="345">
        <v>163278067</v>
      </c>
      <c r="DI11" s="341">
        <v>68982</v>
      </c>
      <c r="DJ11" s="342">
        <v>799903</v>
      </c>
      <c r="DK11" s="346">
        <v>868885</v>
      </c>
      <c r="DL11" s="347">
        <v>0</v>
      </c>
      <c r="DM11" s="342">
        <v>13424725</v>
      </c>
      <c r="DN11" s="342">
        <v>31445153</v>
      </c>
      <c r="DO11" s="342">
        <v>53472411</v>
      </c>
      <c r="DP11" s="342">
        <v>49714013</v>
      </c>
      <c r="DQ11" s="342">
        <v>32197624</v>
      </c>
      <c r="DR11" s="343">
        <v>180253926</v>
      </c>
      <c r="DS11" s="345">
        <v>181122811</v>
      </c>
      <c r="DT11" s="341">
        <v>68982</v>
      </c>
      <c r="DU11" s="342">
        <v>799903</v>
      </c>
      <c r="DV11" s="343">
        <v>868885</v>
      </c>
      <c r="DW11" s="341">
        <v>0</v>
      </c>
      <c r="DX11" s="342">
        <v>11905822</v>
      </c>
      <c r="DY11" s="342">
        <v>28402724</v>
      </c>
      <c r="DZ11" s="342">
        <v>48160397</v>
      </c>
      <c r="EA11" s="342">
        <v>44523393</v>
      </c>
      <c r="EB11" s="342">
        <v>27647606</v>
      </c>
      <c r="EC11" s="343">
        <v>160639942</v>
      </c>
      <c r="ED11" s="345">
        <v>161508827</v>
      </c>
      <c r="EE11" s="341">
        <v>0</v>
      </c>
      <c r="EF11" s="346">
        <v>0</v>
      </c>
      <c r="EG11" s="343">
        <v>0</v>
      </c>
      <c r="EH11" s="341">
        <v>0</v>
      </c>
      <c r="EI11" s="342">
        <v>1518903</v>
      </c>
      <c r="EJ11" s="342">
        <v>3042429</v>
      </c>
      <c r="EK11" s="342">
        <v>5312014</v>
      </c>
      <c r="EL11" s="342">
        <v>5190620</v>
      </c>
      <c r="EM11" s="342">
        <v>4550018</v>
      </c>
      <c r="EN11" s="346">
        <v>19613984</v>
      </c>
      <c r="EO11" s="345">
        <v>19613984</v>
      </c>
      <c r="EP11" s="341">
        <v>0</v>
      </c>
      <c r="EQ11" s="342">
        <v>0</v>
      </c>
      <c r="ER11" s="346">
        <v>0</v>
      </c>
      <c r="ES11" s="347">
        <v>0</v>
      </c>
      <c r="ET11" s="342">
        <v>0</v>
      </c>
      <c r="EU11" s="342">
        <v>0</v>
      </c>
      <c r="EV11" s="342">
        <v>0</v>
      </c>
      <c r="EW11" s="342">
        <v>0</v>
      </c>
      <c r="EX11" s="342">
        <v>0</v>
      </c>
      <c r="EY11" s="343">
        <v>0</v>
      </c>
      <c r="EZ11" s="345">
        <v>0</v>
      </c>
      <c r="FA11" s="341">
        <v>0</v>
      </c>
      <c r="FB11" s="342">
        <v>0</v>
      </c>
      <c r="FC11" s="346">
        <v>0</v>
      </c>
      <c r="FD11" s="347">
        <v>0</v>
      </c>
      <c r="FE11" s="342">
        <v>0</v>
      </c>
      <c r="FF11" s="342">
        <v>0</v>
      </c>
      <c r="FG11" s="342">
        <v>0</v>
      </c>
      <c r="FH11" s="342">
        <v>0</v>
      </c>
      <c r="FI11" s="342">
        <v>0</v>
      </c>
      <c r="FJ11" s="343">
        <v>0</v>
      </c>
      <c r="FK11" s="345">
        <v>0</v>
      </c>
      <c r="FL11" s="341">
        <v>13987273</v>
      </c>
      <c r="FM11" s="342">
        <v>27025283</v>
      </c>
      <c r="FN11" s="343">
        <v>41012556</v>
      </c>
      <c r="FO11" s="341">
        <v>0</v>
      </c>
      <c r="FP11" s="342">
        <v>53953053</v>
      </c>
      <c r="FQ11" s="342">
        <v>99334436</v>
      </c>
      <c r="FR11" s="342">
        <v>72559568</v>
      </c>
      <c r="FS11" s="342">
        <v>68202280</v>
      </c>
      <c r="FT11" s="342">
        <v>53560800</v>
      </c>
      <c r="FU11" s="343">
        <v>347610137</v>
      </c>
      <c r="FV11" s="345">
        <v>388622693</v>
      </c>
      <c r="FW11" s="348">
        <v>9965795</v>
      </c>
      <c r="FX11" s="342">
        <v>21895692</v>
      </c>
      <c r="FY11" s="346">
        <v>31861487</v>
      </c>
      <c r="FZ11" s="347">
        <v>0</v>
      </c>
      <c r="GA11" s="342">
        <v>46886597</v>
      </c>
      <c r="GB11" s="342">
        <v>93712206</v>
      </c>
      <c r="GC11" s="342">
        <v>68112785</v>
      </c>
      <c r="GD11" s="342">
        <v>65351716</v>
      </c>
      <c r="GE11" s="342">
        <v>51172501</v>
      </c>
      <c r="GF11" s="343">
        <v>325235805</v>
      </c>
      <c r="GG11" s="349">
        <v>357097292</v>
      </c>
      <c r="GH11" s="348">
        <v>749920</v>
      </c>
      <c r="GI11" s="342">
        <v>1217648</v>
      </c>
      <c r="GJ11" s="346">
        <v>1967568</v>
      </c>
      <c r="GK11" s="347">
        <v>0</v>
      </c>
      <c r="GL11" s="342">
        <v>2303736</v>
      </c>
      <c r="GM11" s="342">
        <v>2356941</v>
      </c>
      <c r="GN11" s="342">
        <v>1855044</v>
      </c>
      <c r="GO11" s="342">
        <v>1398397</v>
      </c>
      <c r="GP11" s="342">
        <v>810317</v>
      </c>
      <c r="GQ11" s="343">
        <v>8724435</v>
      </c>
      <c r="GR11" s="345">
        <v>10692003</v>
      </c>
      <c r="GS11" s="341">
        <v>3271558</v>
      </c>
      <c r="GT11" s="342">
        <v>3911943</v>
      </c>
      <c r="GU11" s="343">
        <v>7183501</v>
      </c>
      <c r="GV11" s="341">
        <v>0</v>
      </c>
      <c r="GW11" s="342">
        <v>4762720</v>
      </c>
      <c r="GX11" s="342">
        <v>3265289</v>
      </c>
      <c r="GY11" s="342">
        <v>2591739</v>
      </c>
      <c r="GZ11" s="342">
        <v>1452167</v>
      </c>
      <c r="HA11" s="342">
        <v>1577982</v>
      </c>
      <c r="HB11" s="346">
        <v>13649897</v>
      </c>
      <c r="HC11" s="345">
        <v>20833398</v>
      </c>
      <c r="HD11" s="341">
        <v>13250509</v>
      </c>
      <c r="HE11" s="342">
        <v>15227271</v>
      </c>
      <c r="HF11" s="346">
        <v>28477780</v>
      </c>
      <c r="HG11" s="347">
        <v>0</v>
      </c>
      <c r="HH11" s="342">
        <v>146355667</v>
      </c>
      <c r="HI11" s="342">
        <v>132989197</v>
      </c>
      <c r="HJ11" s="342">
        <v>138735482</v>
      </c>
      <c r="HK11" s="342">
        <v>176174457</v>
      </c>
      <c r="HL11" s="342">
        <v>117133191</v>
      </c>
      <c r="HM11" s="343">
        <v>711387994</v>
      </c>
      <c r="HN11" s="344">
        <v>739865774</v>
      </c>
      <c r="HO11" s="348">
        <v>10918506</v>
      </c>
      <c r="HP11" s="342">
        <v>18666989</v>
      </c>
      <c r="HQ11" s="343">
        <v>29585495</v>
      </c>
      <c r="HR11" s="341">
        <v>0</v>
      </c>
      <c r="HS11" s="342">
        <v>141700164</v>
      </c>
      <c r="HT11" s="342">
        <v>118143325</v>
      </c>
      <c r="HU11" s="342">
        <v>79363448</v>
      </c>
      <c r="HV11" s="342">
        <v>59640941</v>
      </c>
      <c r="HW11" s="342">
        <v>38577916</v>
      </c>
      <c r="HX11" s="346">
        <v>437425794</v>
      </c>
      <c r="HY11" s="345">
        <v>467011289</v>
      </c>
      <c r="HZ11" s="350">
        <v>1057219</v>
      </c>
      <c r="IA11" s="351">
        <v>4578666</v>
      </c>
      <c r="IB11" s="352">
        <v>5635885</v>
      </c>
      <c r="IC11" s="353">
        <v>0</v>
      </c>
      <c r="ID11" s="351">
        <v>264674848</v>
      </c>
      <c r="IE11" s="354">
        <v>332138524</v>
      </c>
      <c r="IF11" s="352">
        <v>350915930</v>
      </c>
      <c r="IG11" s="351">
        <v>287563491</v>
      </c>
      <c r="IH11" s="352">
        <v>229923066</v>
      </c>
      <c r="II11" s="355">
        <v>1465215859</v>
      </c>
      <c r="IJ11" s="356">
        <v>1470851744</v>
      </c>
      <c r="IK11" s="357">
        <v>0</v>
      </c>
      <c r="IL11" s="358">
        <v>0</v>
      </c>
      <c r="IM11" s="359">
        <v>0</v>
      </c>
      <c r="IN11" s="436">
        <v>0</v>
      </c>
      <c r="IO11" s="360">
        <v>4998879</v>
      </c>
      <c r="IP11" s="360">
        <v>9253596</v>
      </c>
      <c r="IQ11" s="360">
        <v>13044568</v>
      </c>
      <c r="IR11" s="360">
        <v>27925503</v>
      </c>
      <c r="IS11" s="360">
        <v>31608948</v>
      </c>
      <c r="IT11" s="361">
        <v>86831494</v>
      </c>
      <c r="IU11" s="362">
        <v>86831494</v>
      </c>
      <c r="IV11" s="363">
        <v>0</v>
      </c>
      <c r="IW11" s="360">
        <v>0</v>
      </c>
      <c r="IX11" s="364">
        <v>0</v>
      </c>
      <c r="IY11" s="439">
        <v>0</v>
      </c>
      <c r="IZ11" s="360">
        <v>1406397</v>
      </c>
      <c r="JA11" s="360">
        <v>2253480</v>
      </c>
      <c r="JB11" s="360">
        <v>2426265</v>
      </c>
      <c r="JC11" s="360">
        <v>2406908</v>
      </c>
      <c r="JD11" s="360">
        <v>3277645</v>
      </c>
      <c r="JE11" s="364">
        <v>11770695</v>
      </c>
      <c r="JF11" s="365">
        <v>11770695</v>
      </c>
      <c r="JG11" s="363">
        <v>0</v>
      </c>
      <c r="JH11" s="360">
        <v>0</v>
      </c>
      <c r="JI11" s="361">
        <v>0</v>
      </c>
      <c r="JJ11" s="366">
        <v>0</v>
      </c>
      <c r="JK11" s="360">
        <v>81928072</v>
      </c>
      <c r="JL11" s="360">
        <v>80055243</v>
      </c>
      <c r="JM11" s="360">
        <v>67121156</v>
      </c>
      <c r="JN11" s="360">
        <v>43842105</v>
      </c>
      <c r="JO11" s="360">
        <v>28285571</v>
      </c>
      <c r="JP11" s="364">
        <v>301232147</v>
      </c>
      <c r="JQ11" s="362">
        <v>301232147</v>
      </c>
      <c r="JR11" s="363">
        <v>20415</v>
      </c>
      <c r="JS11" s="360">
        <v>0</v>
      </c>
      <c r="JT11" s="361">
        <v>20415</v>
      </c>
      <c r="JU11" s="366">
        <v>0</v>
      </c>
      <c r="JV11" s="360">
        <v>13952647</v>
      </c>
      <c r="JW11" s="360">
        <v>23298758</v>
      </c>
      <c r="JX11" s="360">
        <v>30870617</v>
      </c>
      <c r="JY11" s="360">
        <v>17876673</v>
      </c>
      <c r="JZ11" s="360">
        <v>17057673</v>
      </c>
      <c r="KA11" s="364">
        <v>103056368</v>
      </c>
      <c r="KB11" s="362">
        <v>103076783</v>
      </c>
      <c r="KC11" s="367">
        <v>1036804</v>
      </c>
      <c r="KD11" s="368">
        <v>3115214</v>
      </c>
      <c r="KE11" s="364">
        <v>4152018</v>
      </c>
      <c r="KF11" s="366">
        <v>0</v>
      </c>
      <c r="KG11" s="360">
        <v>35185065</v>
      </c>
      <c r="KH11" s="360">
        <v>44069151</v>
      </c>
      <c r="KI11" s="360">
        <v>50477800</v>
      </c>
      <c r="KJ11" s="360">
        <v>33461316</v>
      </c>
      <c r="KK11" s="360">
        <v>20329487</v>
      </c>
      <c r="KL11" s="364">
        <v>183522819</v>
      </c>
      <c r="KM11" s="369">
        <v>187674837</v>
      </c>
      <c r="KN11" s="357">
        <v>0</v>
      </c>
      <c r="KO11" s="358">
        <v>1463452</v>
      </c>
      <c r="KP11" s="359">
        <v>1463452</v>
      </c>
      <c r="KQ11" s="439">
        <v>0</v>
      </c>
      <c r="KR11" s="360">
        <v>114122204</v>
      </c>
      <c r="KS11" s="360">
        <v>150882511</v>
      </c>
      <c r="KT11" s="360">
        <v>149279666</v>
      </c>
      <c r="KU11" s="360">
        <v>104745927</v>
      </c>
      <c r="KV11" s="360">
        <v>71739050</v>
      </c>
      <c r="KW11" s="364">
        <v>590769358</v>
      </c>
      <c r="KX11" s="362">
        <v>592232810</v>
      </c>
      <c r="KY11" s="363">
        <v>0</v>
      </c>
      <c r="KZ11" s="360">
        <v>0</v>
      </c>
      <c r="LA11" s="364">
        <v>0</v>
      </c>
      <c r="LB11" s="439">
        <v>0</v>
      </c>
      <c r="LC11" s="360">
        <v>0</v>
      </c>
      <c r="LD11" s="360">
        <v>0</v>
      </c>
      <c r="LE11" s="360">
        <v>0</v>
      </c>
      <c r="LF11" s="360">
        <v>0</v>
      </c>
      <c r="LG11" s="360">
        <v>0</v>
      </c>
      <c r="LH11" s="364">
        <v>0</v>
      </c>
      <c r="LI11" s="365">
        <v>0</v>
      </c>
      <c r="LJ11" s="363">
        <v>0</v>
      </c>
      <c r="LK11" s="360">
        <v>0</v>
      </c>
      <c r="LL11" s="364">
        <v>0</v>
      </c>
      <c r="LM11" s="439">
        <v>0</v>
      </c>
      <c r="LN11" s="360">
        <v>227934</v>
      </c>
      <c r="LO11" s="360">
        <v>2138956</v>
      </c>
      <c r="LP11" s="360">
        <v>18340082</v>
      </c>
      <c r="LQ11" s="360">
        <v>27892952</v>
      </c>
      <c r="LR11" s="360">
        <v>20238895</v>
      </c>
      <c r="LS11" s="364">
        <v>68838819</v>
      </c>
      <c r="LT11" s="362">
        <v>68838819</v>
      </c>
      <c r="LU11" s="363">
        <v>0</v>
      </c>
      <c r="LV11" s="360">
        <v>0</v>
      </c>
      <c r="LW11" s="364">
        <v>0</v>
      </c>
      <c r="LX11" s="439">
        <v>0</v>
      </c>
      <c r="LY11" s="360">
        <v>12853650</v>
      </c>
      <c r="LZ11" s="360">
        <v>20186829</v>
      </c>
      <c r="MA11" s="360">
        <v>19355776</v>
      </c>
      <c r="MB11" s="360">
        <v>29412107</v>
      </c>
      <c r="MC11" s="360">
        <v>37385797</v>
      </c>
      <c r="MD11" s="364">
        <v>119194159</v>
      </c>
      <c r="ME11" s="365">
        <v>119194159</v>
      </c>
      <c r="MF11" s="363">
        <v>0</v>
      </c>
      <c r="MG11" s="360">
        <v>0</v>
      </c>
      <c r="MH11" s="364">
        <v>0</v>
      </c>
      <c r="MI11" s="439">
        <v>0</v>
      </c>
      <c r="MJ11" s="360">
        <v>70407621</v>
      </c>
      <c r="MK11" s="360">
        <v>127979313</v>
      </c>
      <c r="ML11" s="360">
        <v>458391875</v>
      </c>
      <c r="MM11" s="360">
        <v>715033424</v>
      </c>
      <c r="MN11" s="360">
        <v>512809443</v>
      </c>
      <c r="MO11" s="364">
        <v>1884621676</v>
      </c>
      <c r="MP11" s="369">
        <v>1884621676</v>
      </c>
      <c r="MQ11" s="363">
        <v>0</v>
      </c>
      <c r="MR11" s="360">
        <v>0</v>
      </c>
      <c r="MS11" s="364">
        <v>0</v>
      </c>
      <c r="MT11" s="439">
        <v>0</v>
      </c>
      <c r="MU11" s="360">
        <v>18335236</v>
      </c>
      <c r="MV11" s="360">
        <v>42490772</v>
      </c>
      <c r="MW11" s="360">
        <v>307530295</v>
      </c>
      <c r="MX11" s="360">
        <v>486147961</v>
      </c>
      <c r="MY11" s="360">
        <v>371730205</v>
      </c>
      <c r="MZ11" s="364">
        <v>1226234469</v>
      </c>
      <c r="NA11" s="369">
        <v>1226234469</v>
      </c>
      <c r="NB11" s="363">
        <v>0</v>
      </c>
      <c r="NC11" s="360">
        <v>0</v>
      </c>
      <c r="ND11" s="364">
        <v>0</v>
      </c>
      <c r="NE11" s="439">
        <v>0</v>
      </c>
      <c r="NF11" s="360">
        <v>52072385</v>
      </c>
      <c r="NG11" s="360">
        <v>85258477</v>
      </c>
      <c r="NH11" s="360">
        <v>149344170</v>
      </c>
      <c r="NI11" s="360">
        <v>210335128</v>
      </c>
      <c r="NJ11" s="360">
        <v>113607635</v>
      </c>
      <c r="NK11" s="364">
        <v>610617795</v>
      </c>
      <c r="NL11" s="362">
        <v>610617795</v>
      </c>
      <c r="NM11" s="363">
        <v>0</v>
      </c>
      <c r="NN11" s="360">
        <v>0</v>
      </c>
      <c r="NO11" s="364">
        <v>0</v>
      </c>
      <c r="NP11" s="439">
        <v>0</v>
      </c>
      <c r="NQ11" s="360">
        <v>0</v>
      </c>
      <c r="NR11" s="360">
        <v>0</v>
      </c>
      <c r="NS11" s="360">
        <v>511379</v>
      </c>
      <c r="NT11" s="360">
        <v>3437736</v>
      </c>
      <c r="NU11" s="360">
        <v>5041948</v>
      </c>
      <c r="NV11" s="364">
        <v>8991063</v>
      </c>
      <c r="NW11" s="365">
        <v>8991063</v>
      </c>
      <c r="NX11" s="363">
        <v>0</v>
      </c>
      <c r="NY11" s="360">
        <v>0</v>
      </c>
      <c r="NZ11" s="364">
        <v>0</v>
      </c>
      <c r="OA11" s="439">
        <v>0</v>
      </c>
      <c r="OB11" s="360">
        <v>0</v>
      </c>
      <c r="OC11" s="360">
        <v>230064</v>
      </c>
      <c r="OD11" s="360">
        <v>1006031</v>
      </c>
      <c r="OE11" s="360">
        <v>15112599</v>
      </c>
      <c r="OF11" s="360">
        <v>22429655</v>
      </c>
      <c r="OG11" s="364">
        <v>38778349</v>
      </c>
      <c r="OH11" s="365">
        <v>38778349</v>
      </c>
      <c r="OI11" s="363">
        <v>57257863</v>
      </c>
      <c r="OJ11" s="360">
        <v>108772491</v>
      </c>
      <c r="OK11" s="361">
        <v>166030354</v>
      </c>
      <c r="OL11" s="366">
        <v>0</v>
      </c>
      <c r="OM11" s="360">
        <v>1197254002</v>
      </c>
      <c r="ON11" s="360">
        <v>1440568928</v>
      </c>
      <c r="OO11" s="360">
        <v>1628927585</v>
      </c>
      <c r="OP11" s="360">
        <v>1816946900</v>
      </c>
      <c r="OQ11" s="360">
        <v>1393950889</v>
      </c>
      <c r="OR11" s="364">
        <v>7477648304</v>
      </c>
      <c r="OS11" s="369">
        <v>7643678658</v>
      </c>
    </row>
    <row r="12" spans="1:409" s="137" customFormat="1" ht="21" customHeight="1" x14ac:dyDescent="0.2">
      <c r="B12" s="421" t="s">
        <v>14</v>
      </c>
      <c r="C12" s="341">
        <v>27668559</v>
      </c>
      <c r="D12" s="342">
        <v>73642824</v>
      </c>
      <c r="E12" s="343">
        <v>101311383</v>
      </c>
      <c r="F12" s="344">
        <v>0</v>
      </c>
      <c r="G12" s="342">
        <v>326714400</v>
      </c>
      <c r="H12" s="342">
        <v>534493398</v>
      </c>
      <c r="I12" s="342">
        <v>482749114</v>
      </c>
      <c r="J12" s="342">
        <v>435620960</v>
      </c>
      <c r="K12" s="342">
        <v>288069576</v>
      </c>
      <c r="L12" s="346">
        <v>2067647448</v>
      </c>
      <c r="M12" s="345">
        <v>2168958831</v>
      </c>
      <c r="N12" s="341">
        <v>5371214</v>
      </c>
      <c r="O12" s="342">
        <v>17871493</v>
      </c>
      <c r="P12" s="343">
        <v>23242707</v>
      </c>
      <c r="Q12" s="341">
        <v>0</v>
      </c>
      <c r="R12" s="342">
        <v>89958266</v>
      </c>
      <c r="S12" s="342">
        <v>170971095</v>
      </c>
      <c r="T12" s="342">
        <v>165147119</v>
      </c>
      <c r="U12" s="342">
        <v>174644806</v>
      </c>
      <c r="V12" s="342">
        <v>149913273</v>
      </c>
      <c r="W12" s="343">
        <v>750634559</v>
      </c>
      <c r="X12" s="345">
        <v>773877266</v>
      </c>
      <c r="Y12" s="341">
        <v>0</v>
      </c>
      <c r="Z12" s="342">
        <v>0</v>
      </c>
      <c r="AA12" s="343">
        <v>0</v>
      </c>
      <c r="AB12" s="341">
        <v>0</v>
      </c>
      <c r="AC12" s="342">
        <v>45708137</v>
      </c>
      <c r="AD12" s="342">
        <v>90221952</v>
      </c>
      <c r="AE12" s="342">
        <v>96177312</v>
      </c>
      <c r="AF12" s="342">
        <v>108991377</v>
      </c>
      <c r="AG12" s="342">
        <v>93356100</v>
      </c>
      <c r="AH12" s="343">
        <v>434454878</v>
      </c>
      <c r="AI12" s="345">
        <v>434454878</v>
      </c>
      <c r="AJ12" s="341">
        <v>0</v>
      </c>
      <c r="AK12" s="342">
        <v>92221</v>
      </c>
      <c r="AL12" s="343">
        <v>92221</v>
      </c>
      <c r="AM12" s="341">
        <v>0</v>
      </c>
      <c r="AN12" s="342">
        <v>97518</v>
      </c>
      <c r="AO12" s="342">
        <v>1160121</v>
      </c>
      <c r="AP12" s="342">
        <v>2845775</v>
      </c>
      <c r="AQ12" s="342">
        <v>9098727</v>
      </c>
      <c r="AR12" s="342">
        <v>13225477</v>
      </c>
      <c r="AS12" s="343">
        <v>26427618</v>
      </c>
      <c r="AT12" s="345">
        <v>26519839</v>
      </c>
      <c r="AU12" s="341">
        <v>2504471</v>
      </c>
      <c r="AV12" s="342">
        <v>12324274</v>
      </c>
      <c r="AW12" s="343">
        <v>14828745</v>
      </c>
      <c r="AX12" s="341">
        <v>0</v>
      </c>
      <c r="AY12" s="342">
        <v>25980368</v>
      </c>
      <c r="AZ12" s="342">
        <v>51510485</v>
      </c>
      <c r="BA12" s="342">
        <v>37834995</v>
      </c>
      <c r="BB12" s="342">
        <v>31837419</v>
      </c>
      <c r="BC12" s="342">
        <v>26328784</v>
      </c>
      <c r="BD12" s="343">
        <v>173492051</v>
      </c>
      <c r="BE12" s="345">
        <v>188320796</v>
      </c>
      <c r="BF12" s="341">
        <v>129274</v>
      </c>
      <c r="BG12" s="342">
        <v>1174703</v>
      </c>
      <c r="BH12" s="346">
        <v>1303977</v>
      </c>
      <c r="BI12" s="347">
        <v>0</v>
      </c>
      <c r="BJ12" s="342">
        <v>885676</v>
      </c>
      <c r="BK12" s="342">
        <v>3379051</v>
      </c>
      <c r="BL12" s="342">
        <v>1798724</v>
      </c>
      <c r="BM12" s="342">
        <v>1419493</v>
      </c>
      <c r="BN12" s="342">
        <v>671711</v>
      </c>
      <c r="BO12" s="343">
        <v>8154655</v>
      </c>
      <c r="BP12" s="345">
        <v>9458632</v>
      </c>
      <c r="BQ12" s="341">
        <v>2737469</v>
      </c>
      <c r="BR12" s="342">
        <v>4280295</v>
      </c>
      <c r="BS12" s="343">
        <v>7017764</v>
      </c>
      <c r="BT12" s="341">
        <v>0</v>
      </c>
      <c r="BU12" s="342">
        <v>17286567</v>
      </c>
      <c r="BV12" s="342">
        <v>24699486</v>
      </c>
      <c r="BW12" s="342">
        <v>26490313</v>
      </c>
      <c r="BX12" s="342">
        <v>23297790</v>
      </c>
      <c r="BY12" s="342">
        <v>16331201</v>
      </c>
      <c r="BZ12" s="343">
        <v>108105357</v>
      </c>
      <c r="CA12" s="345">
        <v>115123121</v>
      </c>
      <c r="CB12" s="341">
        <v>1948252</v>
      </c>
      <c r="CC12" s="342">
        <v>7838532</v>
      </c>
      <c r="CD12" s="343">
        <v>9786784</v>
      </c>
      <c r="CE12" s="341">
        <v>0</v>
      </c>
      <c r="CF12" s="342">
        <v>96962861</v>
      </c>
      <c r="CG12" s="342">
        <v>157537931</v>
      </c>
      <c r="CH12" s="342">
        <v>126305180</v>
      </c>
      <c r="CI12" s="342">
        <v>74390339</v>
      </c>
      <c r="CJ12" s="342">
        <v>38968839</v>
      </c>
      <c r="CK12" s="343">
        <v>494165150</v>
      </c>
      <c r="CL12" s="345">
        <v>503951934</v>
      </c>
      <c r="CM12" s="341">
        <v>0</v>
      </c>
      <c r="CN12" s="342">
        <v>0</v>
      </c>
      <c r="CO12" s="343">
        <v>0</v>
      </c>
      <c r="CP12" s="347">
        <v>0</v>
      </c>
      <c r="CQ12" s="342">
        <v>90388928</v>
      </c>
      <c r="CR12" s="342">
        <v>134334093</v>
      </c>
      <c r="CS12" s="342">
        <v>108514295</v>
      </c>
      <c r="CT12" s="342">
        <v>62387733</v>
      </c>
      <c r="CU12" s="342">
        <v>34119339</v>
      </c>
      <c r="CV12" s="343">
        <v>429744388</v>
      </c>
      <c r="CW12" s="345">
        <v>429744388</v>
      </c>
      <c r="CX12" s="341">
        <v>1948252</v>
      </c>
      <c r="CY12" s="342">
        <v>7838532</v>
      </c>
      <c r="CZ12" s="343">
        <v>9786784</v>
      </c>
      <c r="DA12" s="341">
        <v>0</v>
      </c>
      <c r="DB12" s="342">
        <v>6573933</v>
      </c>
      <c r="DC12" s="342">
        <v>23203838</v>
      </c>
      <c r="DD12" s="342">
        <v>17790885</v>
      </c>
      <c r="DE12" s="342">
        <v>12002606</v>
      </c>
      <c r="DF12" s="342">
        <v>4849500</v>
      </c>
      <c r="DG12" s="343">
        <v>64420762</v>
      </c>
      <c r="DH12" s="345">
        <v>74207546</v>
      </c>
      <c r="DI12" s="341">
        <v>149501</v>
      </c>
      <c r="DJ12" s="342">
        <v>230315</v>
      </c>
      <c r="DK12" s="346">
        <v>379816</v>
      </c>
      <c r="DL12" s="347">
        <v>0</v>
      </c>
      <c r="DM12" s="342">
        <v>6947814</v>
      </c>
      <c r="DN12" s="342">
        <v>21482833</v>
      </c>
      <c r="DO12" s="342">
        <v>41274078</v>
      </c>
      <c r="DP12" s="342">
        <v>45321697</v>
      </c>
      <c r="DQ12" s="342">
        <v>18741172</v>
      </c>
      <c r="DR12" s="343">
        <v>133767594</v>
      </c>
      <c r="DS12" s="345">
        <v>134147410</v>
      </c>
      <c r="DT12" s="341">
        <v>149501</v>
      </c>
      <c r="DU12" s="342">
        <v>230315</v>
      </c>
      <c r="DV12" s="343">
        <v>379816</v>
      </c>
      <c r="DW12" s="341">
        <v>0</v>
      </c>
      <c r="DX12" s="342">
        <v>6607136</v>
      </c>
      <c r="DY12" s="342">
        <v>20862646</v>
      </c>
      <c r="DZ12" s="342">
        <v>41149892</v>
      </c>
      <c r="EA12" s="342">
        <v>44088252</v>
      </c>
      <c r="EB12" s="342">
        <v>18112368</v>
      </c>
      <c r="EC12" s="343">
        <v>130820294</v>
      </c>
      <c r="ED12" s="345">
        <v>131200110</v>
      </c>
      <c r="EE12" s="341">
        <v>0</v>
      </c>
      <c r="EF12" s="346">
        <v>0</v>
      </c>
      <c r="EG12" s="343">
        <v>0</v>
      </c>
      <c r="EH12" s="341">
        <v>0</v>
      </c>
      <c r="EI12" s="342">
        <v>340678</v>
      </c>
      <c r="EJ12" s="342">
        <v>620187</v>
      </c>
      <c r="EK12" s="342">
        <v>124186</v>
      </c>
      <c r="EL12" s="342">
        <v>1233445</v>
      </c>
      <c r="EM12" s="342">
        <v>628804</v>
      </c>
      <c r="EN12" s="346">
        <v>2947300</v>
      </c>
      <c r="EO12" s="345">
        <v>2947300</v>
      </c>
      <c r="EP12" s="341">
        <v>0</v>
      </c>
      <c r="EQ12" s="342">
        <v>0</v>
      </c>
      <c r="ER12" s="346">
        <v>0</v>
      </c>
      <c r="ES12" s="347">
        <v>0</v>
      </c>
      <c r="ET12" s="342">
        <v>0</v>
      </c>
      <c r="EU12" s="342">
        <v>0</v>
      </c>
      <c r="EV12" s="342">
        <v>0</v>
      </c>
      <c r="EW12" s="342">
        <v>0</v>
      </c>
      <c r="EX12" s="342">
        <v>0</v>
      </c>
      <c r="EY12" s="343">
        <v>0</v>
      </c>
      <c r="EZ12" s="345">
        <v>0</v>
      </c>
      <c r="FA12" s="341">
        <v>0</v>
      </c>
      <c r="FB12" s="342">
        <v>0</v>
      </c>
      <c r="FC12" s="346">
        <v>0</v>
      </c>
      <c r="FD12" s="347">
        <v>0</v>
      </c>
      <c r="FE12" s="342">
        <v>0</v>
      </c>
      <c r="FF12" s="342">
        <v>0</v>
      </c>
      <c r="FG12" s="342">
        <v>0</v>
      </c>
      <c r="FH12" s="342">
        <v>0</v>
      </c>
      <c r="FI12" s="342">
        <v>0</v>
      </c>
      <c r="FJ12" s="343">
        <v>0</v>
      </c>
      <c r="FK12" s="345">
        <v>0</v>
      </c>
      <c r="FL12" s="341">
        <v>8646265</v>
      </c>
      <c r="FM12" s="342">
        <v>24004477</v>
      </c>
      <c r="FN12" s="343">
        <v>32650742</v>
      </c>
      <c r="FO12" s="341">
        <v>0</v>
      </c>
      <c r="FP12" s="342">
        <v>19215556</v>
      </c>
      <c r="FQ12" s="342">
        <v>58165010</v>
      </c>
      <c r="FR12" s="342">
        <v>41354101</v>
      </c>
      <c r="FS12" s="342">
        <v>35633120</v>
      </c>
      <c r="FT12" s="342">
        <v>23039233</v>
      </c>
      <c r="FU12" s="343">
        <v>177407020</v>
      </c>
      <c r="FV12" s="345">
        <v>210057762</v>
      </c>
      <c r="FW12" s="348">
        <v>5128925</v>
      </c>
      <c r="FX12" s="342">
        <v>18329002</v>
      </c>
      <c r="FY12" s="346">
        <v>23457927</v>
      </c>
      <c r="FZ12" s="347">
        <v>0</v>
      </c>
      <c r="GA12" s="342">
        <v>15578192</v>
      </c>
      <c r="GB12" s="342">
        <v>52664724</v>
      </c>
      <c r="GC12" s="342">
        <v>38902523</v>
      </c>
      <c r="GD12" s="342">
        <v>33133206</v>
      </c>
      <c r="GE12" s="342">
        <v>21740975</v>
      </c>
      <c r="GF12" s="343">
        <v>162019620</v>
      </c>
      <c r="GG12" s="349">
        <v>185477547</v>
      </c>
      <c r="GH12" s="348">
        <v>386897</v>
      </c>
      <c r="GI12" s="342">
        <v>1318169</v>
      </c>
      <c r="GJ12" s="346">
        <v>1705066</v>
      </c>
      <c r="GK12" s="347">
        <v>0</v>
      </c>
      <c r="GL12" s="342">
        <v>703835</v>
      </c>
      <c r="GM12" s="342">
        <v>2025685</v>
      </c>
      <c r="GN12" s="342">
        <v>1017960</v>
      </c>
      <c r="GO12" s="342">
        <v>1057952</v>
      </c>
      <c r="GP12" s="342">
        <v>496272</v>
      </c>
      <c r="GQ12" s="343">
        <v>5301704</v>
      </c>
      <c r="GR12" s="345">
        <v>7006770</v>
      </c>
      <c r="GS12" s="341">
        <v>3130443</v>
      </c>
      <c r="GT12" s="342">
        <v>4357306</v>
      </c>
      <c r="GU12" s="343">
        <v>7487749</v>
      </c>
      <c r="GV12" s="341">
        <v>0</v>
      </c>
      <c r="GW12" s="342">
        <v>2933529</v>
      </c>
      <c r="GX12" s="342">
        <v>3474601</v>
      </c>
      <c r="GY12" s="342">
        <v>1433618</v>
      </c>
      <c r="GZ12" s="342">
        <v>1441962</v>
      </c>
      <c r="HA12" s="342">
        <v>801986</v>
      </c>
      <c r="HB12" s="346">
        <v>10085696</v>
      </c>
      <c r="HC12" s="345">
        <v>17573445</v>
      </c>
      <c r="HD12" s="341">
        <v>6477154</v>
      </c>
      <c r="HE12" s="342">
        <v>10216544</v>
      </c>
      <c r="HF12" s="346">
        <v>16693698</v>
      </c>
      <c r="HG12" s="347">
        <v>0</v>
      </c>
      <c r="HH12" s="342">
        <v>54904307</v>
      </c>
      <c r="HI12" s="342">
        <v>50094247</v>
      </c>
      <c r="HJ12" s="342">
        <v>57562817</v>
      </c>
      <c r="HK12" s="342">
        <v>71772212</v>
      </c>
      <c r="HL12" s="342">
        <v>39447332</v>
      </c>
      <c r="HM12" s="343">
        <v>273780915</v>
      </c>
      <c r="HN12" s="344">
        <v>290474613</v>
      </c>
      <c r="HO12" s="348">
        <v>5076173</v>
      </c>
      <c r="HP12" s="342">
        <v>13481463</v>
      </c>
      <c r="HQ12" s="343">
        <v>18557636</v>
      </c>
      <c r="HR12" s="341">
        <v>0</v>
      </c>
      <c r="HS12" s="342">
        <v>58725596</v>
      </c>
      <c r="HT12" s="342">
        <v>76242282</v>
      </c>
      <c r="HU12" s="342">
        <v>51105819</v>
      </c>
      <c r="HV12" s="342">
        <v>33858786</v>
      </c>
      <c r="HW12" s="342">
        <v>17959727</v>
      </c>
      <c r="HX12" s="346">
        <v>237892210</v>
      </c>
      <c r="HY12" s="345">
        <v>256449846</v>
      </c>
      <c r="HZ12" s="350">
        <v>891093</v>
      </c>
      <c r="IA12" s="351">
        <v>2836258</v>
      </c>
      <c r="IB12" s="352">
        <v>3727351</v>
      </c>
      <c r="IC12" s="370">
        <v>0</v>
      </c>
      <c r="ID12" s="371">
        <v>114324089</v>
      </c>
      <c r="IE12" s="372">
        <v>178624167</v>
      </c>
      <c r="IF12" s="373">
        <v>206710829</v>
      </c>
      <c r="IG12" s="371">
        <v>139043556</v>
      </c>
      <c r="IH12" s="373">
        <v>88549256</v>
      </c>
      <c r="II12" s="374">
        <v>727251897</v>
      </c>
      <c r="IJ12" s="356">
        <v>730979248</v>
      </c>
      <c r="IK12" s="357">
        <v>0</v>
      </c>
      <c r="IL12" s="358">
        <v>0</v>
      </c>
      <c r="IM12" s="359">
        <v>0</v>
      </c>
      <c r="IN12" s="436">
        <v>0</v>
      </c>
      <c r="IO12" s="360">
        <v>1970696</v>
      </c>
      <c r="IP12" s="360">
        <v>4503193</v>
      </c>
      <c r="IQ12" s="360">
        <v>5385359</v>
      </c>
      <c r="IR12" s="360">
        <v>7838651</v>
      </c>
      <c r="IS12" s="360">
        <v>8889830</v>
      </c>
      <c r="IT12" s="361">
        <v>28587729</v>
      </c>
      <c r="IU12" s="362">
        <v>28587729</v>
      </c>
      <c r="IV12" s="363">
        <v>0</v>
      </c>
      <c r="IW12" s="360">
        <v>0</v>
      </c>
      <c r="IX12" s="364">
        <v>0</v>
      </c>
      <c r="IY12" s="439">
        <v>0</v>
      </c>
      <c r="IZ12" s="360">
        <v>0</v>
      </c>
      <c r="JA12" s="360">
        <v>0</v>
      </c>
      <c r="JB12" s="360">
        <v>0</v>
      </c>
      <c r="JC12" s="360">
        <v>0</v>
      </c>
      <c r="JD12" s="360">
        <v>0</v>
      </c>
      <c r="JE12" s="364">
        <v>0</v>
      </c>
      <c r="JF12" s="365">
        <v>0</v>
      </c>
      <c r="JG12" s="363">
        <v>0</v>
      </c>
      <c r="JH12" s="360">
        <v>0</v>
      </c>
      <c r="JI12" s="361">
        <v>0</v>
      </c>
      <c r="JJ12" s="366">
        <v>0</v>
      </c>
      <c r="JK12" s="360">
        <v>45468060</v>
      </c>
      <c r="JL12" s="360">
        <v>66578518</v>
      </c>
      <c r="JM12" s="360">
        <v>45944192</v>
      </c>
      <c r="JN12" s="360">
        <v>28677714</v>
      </c>
      <c r="JO12" s="360">
        <v>15463956</v>
      </c>
      <c r="JP12" s="364">
        <v>202132440</v>
      </c>
      <c r="JQ12" s="362">
        <v>202132440</v>
      </c>
      <c r="JR12" s="363">
        <v>0</v>
      </c>
      <c r="JS12" s="360">
        <v>0</v>
      </c>
      <c r="JT12" s="361">
        <v>0</v>
      </c>
      <c r="JU12" s="366">
        <v>0</v>
      </c>
      <c r="JV12" s="360">
        <v>1186963</v>
      </c>
      <c r="JW12" s="360">
        <v>2253155</v>
      </c>
      <c r="JX12" s="360">
        <v>5888445</v>
      </c>
      <c r="JY12" s="360">
        <v>2571206</v>
      </c>
      <c r="JZ12" s="360">
        <v>3163758</v>
      </c>
      <c r="KA12" s="364">
        <v>15063527</v>
      </c>
      <c r="KB12" s="362">
        <v>15063527</v>
      </c>
      <c r="KC12" s="367">
        <v>891093</v>
      </c>
      <c r="KD12" s="368">
        <v>2376511</v>
      </c>
      <c r="KE12" s="364">
        <v>3267604</v>
      </c>
      <c r="KF12" s="366">
        <v>0</v>
      </c>
      <c r="KG12" s="360">
        <v>16694049</v>
      </c>
      <c r="KH12" s="360">
        <v>29000717</v>
      </c>
      <c r="KI12" s="360">
        <v>33080446</v>
      </c>
      <c r="KJ12" s="360">
        <v>21730305</v>
      </c>
      <c r="KK12" s="360">
        <v>10182116</v>
      </c>
      <c r="KL12" s="364">
        <v>110687633</v>
      </c>
      <c r="KM12" s="369">
        <v>113955237</v>
      </c>
      <c r="KN12" s="357">
        <v>0</v>
      </c>
      <c r="KO12" s="358">
        <v>459747</v>
      </c>
      <c r="KP12" s="359">
        <v>459747</v>
      </c>
      <c r="KQ12" s="439">
        <v>0</v>
      </c>
      <c r="KR12" s="360">
        <v>46405732</v>
      </c>
      <c r="KS12" s="360">
        <v>71292564</v>
      </c>
      <c r="KT12" s="360">
        <v>105671236</v>
      </c>
      <c r="KU12" s="360">
        <v>55831081</v>
      </c>
      <c r="KV12" s="360">
        <v>35166857</v>
      </c>
      <c r="KW12" s="364">
        <v>314367470</v>
      </c>
      <c r="KX12" s="362">
        <v>314827217</v>
      </c>
      <c r="KY12" s="363">
        <v>0</v>
      </c>
      <c r="KZ12" s="360">
        <v>0</v>
      </c>
      <c r="LA12" s="364">
        <v>0</v>
      </c>
      <c r="LB12" s="439">
        <v>0</v>
      </c>
      <c r="LC12" s="360">
        <v>0</v>
      </c>
      <c r="LD12" s="360">
        <v>0</v>
      </c>
      <c r="LE12" s="360">
        <v>0</v>
      </c>
      <c r="LF12" s="360">
        <v>0</v>
      </c>
      <c r="LG12" s="360">
        <v>0</v>
      </c>
      <c r="LH12" s="364">
        <v>0</v>
      </c>
      <c r="LI12" s="365">
        <v>0</v>
      </c>
      <c r="LJ12" s="363">
        <v>0</v>
      </c>
      <c r="LK12" s="360">
        <v>0</v>
      </c>
      <c r="LL12" s="364">
        <v>0</v>
      </c>
      <c r="LM12" s="439">
        <v>0</v>
      </c>
      <c r="LN12" s="360">
        <v>0</v>
      </c>
      <c r="LO12" s="360">
        <v>170313</v>
      </c>
      <c r="LP12" s="360">
        <v>2639616</v>
      </c>
      <c r="LQ12" s="360">
        <v>7484617</v>
      </c>
      <c r="LR12" s="360">
        <v>3505659</v>
      </c>
      <c r="LS12" s="364">
        <v>13800205</v>
      </c>
      <c r="LT12" s="362">
        <v>13800205</v>
      </c>
      <c r="LU12" s="363">
        <v>0</v>
      </c>
      <c r="LV12" s="360">
        <v>0</v>
      </c>
      <c r="LW12" s="364">
        <v>0</v>
      </c>
      <c r="LX12" s="439">
        <v>0</v>
      </c>
      <c r="LY12" s="360">
        <v>2598589</v>
      </c>
      <c r="LZ12" s="360">
        <v>4825707</v>
      </c>
      <c r="MA12" s="360">
        <v>8101535</v>
      </c>
      <c r="MB12" s="360">
        <v>14909982</v>
      </c>
      <c r="MC12" s="360">
        <v>12177080</v>
      </c>
      <c r="MD12" s="364">
        <v>42612893</v>
      </c>
      <c r="ME12" s="365">
        <v>42612893</v>
      </c>
      <c r="MF12" s="363">
        <v>0</v>
      </c>
      <c r="MG12" s="360">
        <v>0</v>
      </c>
      <c r="MH12" s="364">
        <v>0</v>
      </c>
      <c r="MI12" s="439">
        <v>0</v>
      </c>
      <c r="MJ12" s="360">
        <v>17507067</v>
      </c>
      <c r="MK12" s="360">
        <v>64893281</v>
      </c>
      <c r="ML12" s="360">
        <v>303393662</v>
      </c>
      <c r="MM12" s="360">
        <v>490254634</v>
      </c>
      <c r="MN12" s="360">
        <v>337953826</v>
      </c>
      <c r="MO12" s="364">
        <v>1214002470</v>
      </c>
      <c r="MP12" s="369">
        <v>1214002470</v>
      </c>
      <c r="MQ12" s="363">
        <v>0</v>
      </c>
      <c r="MR12" s="360">
        <v>0</v>
      </c>
      <c r="MS12" s="364">
        <v>0</v>
      </c>
      <c r="MT12" s="439">
        <v>0</v>
      </c>
      <c r="MU12" s="360">
        <v>2088271</v>
      </c>
      <c r="MV12" s="360">
        <v>8449514</v>
      </c>
      <c r="MW12" s="360">
        <v>210878578</v>
      </c>
      <c r="MX12" s="360">
        <v>340227376</v>
      </c>
      <c r="MY12" s="360">
        <v>235398420</v>
      </c>
      <c r="MZ12" s="364">
        <v>797042159</v>
      </c>
      <c r="NA12" s="369">
        <v>797042159</v>
      </c>
      <c r="NB12" s="363">
        <v>0</v>
      </c>
      <c r="NC12" s="360">
        <v>0</v>
      </c>
      <c r="ND12" s="364">
        <v>0</v>
      </c>
      <c r="NE12" s="439">
        <v>0</v>
      </c>
      <c r="NF12" s="360">
        <v>15418796</v>
      </c>
      <c r="NG12" s="360">
        <v>56443767</v>
      </c>
      <c r="NH12" s="360">
        <v>88375232</v>
      </c>
      <c r="NI12" s="360">
        <v>115909031</v>
      </c>
      <c r="NJ12" s="360">
        <v>63549398</v>
      </c>
      <c r="NK12" s="364">
        <v>339696224</v>
      </c>
      <c r="NL12" s="362">
        <v>339696224</v>
      </c>
      <c r="NM12" s="363">
        <v>0</v>
      </c>
      <c r="NN12" s="360">
        <v>0</v>
      </c>
      <c r="NO12" s="364">
        <v>0</v>
      </c>
      <c r="NP12" s="439">
        <v>0</v>
      </c>
      <c r="NQ12" s="360">
        <v>0</v>
      </c>
      <c r="NR12" s="360">
        <v>0</v>
      </c>
      <c r="NS12" s="360">
        <v>522790</v>
      </c>
      <c r="NT12" s="360">
        <v>6045447</v>
      </c>
      <c r="NU12" s="360">
        <v>7106799</v>
      </c>
      <c r="NV12" s="364">
        <v>13675036</v>
      </c>
      <c r="NW12" s="365">
        <v>13675036</v>
      </c>
      <c r="NX12" s="363">
        <v>0</v>
      </c>
      <c r="NY12" s="360">
        <v>0</v>
      </c>
      <c r="NZ12" s="364">
        <v>0</v>
      </c>
      <c r="OA12" s="439">
        <v>0</v>
      </c>
      <c r="OB12" s="360">
        <v>0</v>
      </c>
      <c r="OC12" s="360">
        <v>0</v>
      </c>
      <c r="OD12" s="360">
        <v>3617062</v>
      </c>
      <c r="OE12" s="360">
        <v>28072780</v>
      </c>
      <c r="OF12" s="360">
        <v>31899209</v>
      </c>
      <c r="OG12" s="364">
        <v>63589051</v>
      </c>
      <c r="OH12" s="365">
        <v>63589051</v>
      </c>
      <c r="OI12" s="363">
        <v>28559652</v>
      </c>
      <c r="OJ12" s="360">
        <v>76479082</v>
      </c>
      <c r="OK12" s="361">
        <v>105038734</v>
      </c>
      <c r="OL12" s="366">
        <v>0</v>
      </c>
      <c r="OM12" s="360">
        <v>458545556</v>
      </c>
      <c r="ON12" s="360">
        <v>778010846</v>
      </c>
      <c r="OO12" s="360">
        <v>992853605</v>
      </c>
      <c r="OP12" s="360">
        <v>1064919150</v>
      </c>
      <c r="OQ12" s="360">
        <v>714572658</v>
      </c>
      <c r="OR12" s="364">
        <v>4008901815</v>
      </c>
      <c r="OS12" s="369">
        <v>4113940549</v>
      </c>
    </row>
    <row r="13" spans="1:409" s="137" customFormat="1" ht="21" customHeight="1" x14ac:dyDescent="0.2">
      <c r="B13" s="421" t="s">
        <v>7</v>
      </c>
      <c r="C13" s="341">
        <v>14703087</v>
      </c>
      <c r="D13" s="342">
        <v>20749855</v>
      </c>
      <c r="E13" s="343">
        <v>35452942</v>
      </c>
      <c r="F13" s="344">
        <v>0</v>
      </c>
      <c r="G13" s="342">
        <v>349745299</v>
      </c>
      <c r="H13" s="342">
        <v>317741524</v>
      </c>
      <c r="I13" s="342">
        <v>255803480</v>
      </c>
      <c r="J13" s="342">
        <v>264939452</v>
      </c>
      <c r="K13" s="342">
        <v>193409982</v>
      </c>
      <c r="L13" s="344">
        <v>1381639737</v>
      </c>
      <c r="M13" s="345">
        <v>1417092679</v>
      </c>
      <c r="N13" s="341">
        <v>2039826</v>
      </c>
      <c r="O13" s="342">
        <v>2251054</v>
      </c>
      <c r="P13" s="343">
        <v>4290880</v>
      </c>
      <c r="Q13" s="341">
        <v>0</v>
      </c>
      <c r="R13" s="342">
        <v>85353603</v>
      </c>
      <c r="S13" s="342">
        <v>93237580</v>
      </c>
      <c r="T13" s="342">
        <v>83524886</v>
      </c>
      <c r="U13" s="342">
        <v>115328193</v>
      </c>
      <c r="V13" s="342">
        <v>103702570</v>
      </c>
      <c r="W13" s="343">
        <v>481146832</v>
      </c>
      <c r="X13" s="345">
        <v>485437712</v>
      </c>
      <c r="Y13" s="341">
        <v>0</v>
      </c>
      <c r="Z13" s="342">
        <v>0</v>
      </c>
      <c r="AA13" s="343">
        <v>0</v>
      </c>
      <c r="AB13" s="341">
        <v>0</v>
      </c>
      <c r="AC13" s="342">
        <v>45781648</v>
      </c>
      <c r="AD13" s="342">
        <v>51045431</v>
      </c>
      <c r="AE13" s="342">
        <v>52167298</v>
      </c>
      <c r="AF13" s="342">
        <v>76947576</v>
      </c>
      <c r="AG13" s="342">
        <v>62156782</v>
      </c>
      <c r="AH13" s="343">
        <v>288098735</v>
      </c>
      <c r="AI13" s="345">
        <v>288098735</v>
      </c>
      <c r="AJ13" s="341">
        <v>0</v>
      </c>
      <c r="AK13" s="342">
        <v>0</v>
      </c>
      <c r="AL13" s="343">
        <v>0</v>
      </c>
      <c r="AM13" s="341">
        <v>0</v>
      </c>
      <c r="AN13" s="342">
        <v>358683</v>
      </c>
      <c r="AO13" s="342">
        <v>1855611</v>
      </c>
      <c r="AP13" s="342">
        <v>2972610</v>
      </c>
      <c r="AQ13" s="342">
        <v>7100306</v>
      </c>
      <c r="AR13" s="342">
        <v>12638992</v>
      </c>
      <c r="AS13" s="343">
        <v>24926202</v>
      </c>
      <c r="AT13" s="345">
        <v>24926202</v>
      </c>
      <c r="AU13" s="341">
        <v>466726</v>
      </c>
      <c r="AV13" s="342">
        <v>994820</v>
      </c>
      <c r="AW13" s="343">
        <v>1461546</v>
      </c>
      <c r="AX13" s="341">
        <v>0</v>
      </c>
      <c r="AY13" s="342">
        <v>20542767</v>
      </c>
      <c r="AZ13" s="342">
        <v>22530435</v>
      </c>
      <c r="BA13" s="342">
        <v>13729695</v>
      </c>
      <c r="BB13" s="342">
        <v>15105040</v>
      </c>
      <c r="BC13" s="342">
        <v>18422440</v>
      </c>
      <c r="BD13" s="343">
        <v>90330377</v>
      </c>
      <c r="BE13" s="345">
        <v>91791923</v>
      </c>
      <c r="BF13" s="341">
        <v>134349</v>
      </c>
      <c r="BG13" s="342">
        <v>244350</v>
      </c>
      <c r="BH13" s="346">
        <v>378699</v>
      </c>
      <c r="BI13" s="347">
        <v>0</v>
      </c>
      <c r="BJ13" s="342">
        <v>2509827</v>
      </c>
      <c r="BK13" s="342">
        <v>2840928</v>
      </c>
      <c r="BL13" s="342">
        <v>1556770</v>
      </c>
      <c r="BM13" s="342">
        <v>1821045</v>
      </c>
      <c r="BN13" s="342">
        <v>992722</v>
      </c>
      <c r="BO13" s="343">
        <v>9721292</v>
      </c>
      <c r="BP13" s="345">
        <v>10099991</v>
      </c>
      <c r="BQ13" s="341">
        <v>1438751</v>
      </c>
      <c r="BR13" s="342">
        <v>1011884</v>
      </c>
      <c r="BS13" s="343">
        <v>2450635</v>
      </c>
      <c r="BT13" s="341">
        <v>0</v>
      </c>
      <c r="BU13" s="342">
        <v>16160678</v>
      </c>
      <c r="BV13" s="342">
        <v>14965175</v>
      </c>
      <c r="BW13" s="342">
        <v>13098513</v>
      </c>
      <c r="BX13" s="342">
        <v>14354226</v>
      </c>
      <c r="BY13" s="342">
        <v>9491634</v>
      </c>
      <c r="BZ13" s="343">
        <v>68070226</v>
      </c>
      <c r="CA13" s="345">
        <v>70520861</v>
      </c>
      <c r="CB13" s="341">
        <v>1617259</v>
      </c>
      <c r="CC13" s="342">
        <v>3410509</v>
      </c>
      <c r="CD13" s="343">
        <v>5027768</v>
      </c>
      <c r="CE13" s="341">
        <v>0</v>
      </c>
      <c r="CF13" s="342">
        <v>96330111</v>
      </c>
      <c r="CG13" s="342">
        <v>77333236</v>
      </c>
      <c r="CH13" s="342">
        <v>51126851</v>
      </c>
      <c r="CI13" s="342">
        <v>29476002</v>
      </c>
      <c r="CJ13" s="342">
        <v>14840581</v>
      </c>
      <c r="CK13" s="343">
        <v>269106781</v>
      </c>
      <c r="CL13" s="345">
        <v>274134549</v>
      </c>
      <c r="CM13" s="341">
        <v>0</v>
      </c>
      <c r="CN13" s="342">
        <v>0</v>
      </c>
      <c r="CO13" s="343">
        <v>0</v>
      </c>
      <c r="CP13" s="347">
        <v>0</v>
      </c>
      <c r="CQ13" s="342">
        <v>82683042</v>
      </c>
      <c r="CR13" s="342">
        <v>63886258</v>
      </c>
      <c r="CS13" s="342">
        <v>41066654</v>
      </c>
      <c r="CT13" s="342">
        <v>24394105</v>
      </c>
      <c r="CU13" s="342">
        <v>12747699</v>
      </c>
      <c r="CV13" s="343">
        <v>224777758</v>
      </c>
      <c r="CW13" s="345">
        <v>224777758</v>
      </c>
      <c r="CX13" s="341">
        <v>1617259</v>
      </c>
      <c r="CY13" s="342">
        <v>3410509</v>
      </c>
      <c r="CZ13" s="343">
        <v>5027768</v>
      </c>
      <c r="DA13" s="341">
        <v>0</v>
      </c>
      <c r="DB13" s="342">
        <v>13647069</v>
      </c>
      <c r="DC13" s="342">
        <v>13446978</v>
      </c>
      <c r="DD13" s="342">
        <v>10060197</v>
      </c>
      <c r="DE13" s="342">
        <v>5081897</v>
      </c>
      <c r="DF13" s="342">
        <v>2092882</v>
      </c>
      <c r="DG13" s="343">
        <v>44329023</v>
      </c>
      <c r="DH13" s="345">
        <v>49356791</v>
      </c>
      <c r="DI13" s="341">
        <v>13938</v>
      </c>
      <c r="DJ13" s="342">
        <v>75074</v>
      </c>
      <c r="DK13" s="346">
        <v>89012</v>
      </c>
      <c r="DL13" s="347">
        <v>0</v>
      </c>
      <c r="DM13" s="342">
        <v>13286229</v>
      </c>
      <c r="DN13" s="342">
        <v>17417766</v>
      </c>
      <c r="DO13" s="342">
        <v>24409428</v>
      </c>
      <c r="DP13" s="342">
        <v>19305801</v>
      </c>
      <c r="DQ13" s="342">
        <v>9923109</v>
      </c>
      <c r="DR13" s="343">
        <v>84342333</v>
      </c>
      <c r="DS13" s="345">
        <v>84431345</v>
      </c>
      <c r="DT13" s="341">
        <v>13938</v>
      </c>
      <c r="DU13" s="342">
        <v>75074</v>
      </c>
      <c r="DV13" s="343">
        <v>89012</v>
      </c>
      <c r="DW13" s="341">
        <v>0</v>
      </c>
      <c r="DX13" s="342">
        <v>12135140</v>
      </c>
      <c r="DY13" s="342">
        <v>16234817</v>
      </c>
      <c r="DZ13" s="342">
        <v>22949253</v>
      </c>
      <c r="EA13" s="342">
        <v>18423850</v>
      </c>
      <c r="EB13" s="342">
        <v>9236196</v>
      </c>
      <c r="EC13" s="343">
        <v>78979256</v>
      </c>
      <c r="ED13" s="345">
        <v>79068268</v>
      </c>
      <c r="EE13" s="341">
        <v>0</v>
      </c>
      <c r="EF13" s="346">
        <v>0</v>
      </c>
      <c r="EG13" s="343">
        <v>0</v>
      </c>
      <c r="EH13" s="341">
        <v>0</v>
      </c>
      <c r="EI13" s="342">
        <v>1151089</v>
      </c>
      <c r="EJ13" s="342">
        <v>1182949</v>
      </c>
      <c r="EK13" s="342">
        <v>1460175</v>
      </c>
      <c r="EL13" s="342">
        <v>881951</v>
      </c>
      <c r="EM13" s="342">
        <v>686913</v>
      </c>
      <c r="EN13" s="346">
        <v>5363077</v>
      </c>
      <c r="EO13" s="345">
        <v>5363077</v>
      </c>
      <c r="EP13" s="341">
        <v>0</v>
      </c>
      <c r="EQ13" s="342">
        <v>0</v>
      </c>
      <c r="ER13" s="346">
        <v>0</v>
      </c>
      <c r="ES13" s="347">
        <v>0</v>
      </c>
      <c r="ET13" s="342">
        <v>0</v>
      </c>
      <c r="EU13" s="342">
        <v>0</v>
      </c>
      <c r="EV13" s="342">
        <v>0</v>
      </c>
      <c r="EW13" s="342">
        <v>0</v>
      </c>
      <c r="EX13" s="342">
        <v>0</v>
      </c>
      <c r="EY13" s="343">
        <v>0</v>
      </c>
      <c r="EZ13" s="345">
        <v>0</v>
      </c>
      <c r="FA13" s="341">
        <v>0</v>
      </c>
      <c r="FB13" s="342">
        <v>0</v>
      </c>
      <c r="FC13" s="346">
        <v>0</v>
      </c>
      <c r="FD13" s="347">
        <v>0</v>
      </c>
      <c r="FE13" s="342">
        <v>0</v>
      </c>
      <c r="FF13" s="342">
        <v>0</v>
      </c>
      <c r="FG13" s="342">
        <v>0</v>
      </c>
      <c r="FH13" s="342">
        <v>0</v>
      </c>
      <c r="FI13" s="342">
        <v>0</v>
      </c>
      <c r="FJ13" s="343">
        <v>0</v>
      </c>
      <c r="FK13" s="345">
        <v>0</v>
      </c>
      <c r="FL13" s="341">
        <v>3708968</v>
      </c>
      <c r="FM13" s="342">
        <v>6344182</v>
      </c>
      <c r="FN13" s="343">
        <v>10053150</v>
      </c>
      <c r="FO13" s="341">
        <v>0</v>
      </c>
      <c r="FP13" s="342">
        <v>17326530</v>
      </c>
      <c r="FQ13" s="342">
        <v>34411273</v>
      </c>
      <c r="FR13" s="342">
        <v>20739233</v>
      </c>
      <c r="FS13" s="342">
        <v>19410166</v>
      </c>
      <c r="FT13" s="342">
        <v>14740685</v>
      </c>
      <c r="FU13" s="343">
        <v>106627887</v>
      </c>
      <c r="FV13" s="345">
        <v>116681037</v>
      </c>
      <c r="FW13" s="348">
        <v>1985358</v>
      </c>
      <c r="FX13" s="342">
        <v>4146603</v>
      </c>
      <c r="FY13" s="346">
        <v>6131961</v>
      </c>
      <c r="FZ13" s="347">
        <v>0</v>
      </c>
      <c r="GA13" s="342">
        <v>13461734</v>
      </c>
      <c r="GB13" s="342">
        <v>30864076</v>
      </c>
      <c r="GC13" s="342">
        <v>19472055</v>
      </c>
      <c r="GD13" s="342">
        <v>18273925</v>
      </c>
      <c r="GE13" s="342">
        <v>14034471</v>
      </c>
      <c r="GF13" s="343">
        <v>96106261</v>
      </c>
      <c r="GG13" s="349">
        <v>102238222</v>
      </c>
      <c r="GH13" s="348">
        <v>118278</v>
      </c>
      <c r="GI13" s="342">
        <v>380223</v>
      </c>
      <c r="GJ13" s="346">
        <v>498501</v>
      </c>
      <c r="GK13" s="347">
        <v>0</v>
      </c>
      <c r="GL13" s="342">
        <v>1046809</v>
      </c>
      <c r="GM13" s="342">
        <v>1247977</v>
      </c>
      <c r="GN13" s="342">
        <v>648768</v>
      </c>
      <c r="GO13" s="342">
        <v>315391</v>
      </c>
      <c r="GP13" s="342">
        <v>567614</v>
      </c>
      <c r="GQ13" s="343">
        <v>3826559</v>
      </c>
      <c r="GR13" s="345">
        <v>4325060</v>
      </c>
      <c r="GS13" s="341">
        <v>1605332</v>
      </c>
      <c r="GT13" s="342">
        <v>1817356</v>
      </c>
      <c r="GU13" s="343">
        <v>3422688</v>
      </c>
      <c r="GV13" s="341">
        <v>0</v>
      </c>
      <c r="GW13" s="342">
        <v>2817987</v>
      </c>
      <c r="GX13" s="342">
        <v>2299220</v>
      </c>
      <c r="GY13" s="342">
        <v>618410</v>
      </c>
      <c r="GZ13" s="342">
        <v>820850</v>
      </c>
      <c r="HA13" s="342">
        <v>138600</v>
      </c>
      <c r="HB13" s="346">
        <v>6695067</v>
      </c>
      <c r="HC13" s="345">
        <v>10117755</v>
      </c>
      <c r="HD13" s="341">
        <v>4961644</v>
      </c>
      <c r="HE13" s="342">
        <v>4320001</v>
      </c>
      <c r="HF13" s="346">
        <v>9281645</v>
      </c>
      <c r="HG13" s="347">
        <v>0</v>
      </c>
      <c r="HH13" s="342">
        <v>71033253</v>
      </c>
      <c r="HI13" s="342">
        <v>50459919</v>
      </c>
      <c r="HJ13" s="342">
        <v>49903794</v>
      </c>
      <c r="HK13" s="342">
        <v>62314945</v>
      </c>
      <c r="HL13" s="342">
        <v>38379556</v>
      </c>
      <c r="HM13" s="343">
        <v>272091467</v>
      </c>
      <c r="HN13" s="344">
        <v>281373112</v>
      </c>
      <c r="HO13" s="348">
        <v>2361452</v>
      </c>
      <c r="HP13" s="342">
        <v>4349035</v>
      </c>
      <c r="HQ13" s="343">
        <v>6710487</v>
      </c>
      <c r="HR13" s="341">
        <v>0</v>
      </c>
      <c r="HS13" s="342">
        <v>66415573</v>
      </c>
      <c r="HT13" s="342">
        <v>44881750</v>
      </c>
      <c r="HU13" s="342">
        <v>26099288</v>
      </c>
      <c r="HV13" s="342">
        <v>19104345</v>
      </c>
      <c r="HW13" s="342">
        <v>11823481</v>
      </c>
      <c r="HX13" s="346">
        <v>168324437</v>
      </c>
      <c r="HY13" s="345">
        <v>175034924</v>
      </c>
      <c r="HZ13" s="350">
        <v>111107</v>
      </c>
      <c r="IA13" s="351">
        <v>414479</v>
      </c>
      <c r="IB13" s="352">
        <v>525586</v>
      </c>
      <c r="IC13" s="353">
        <v>0</v>
      </c>
      <c r="ID13" s="351">
        <v>92836795</v>
      </c>
      <c r="IE13" s="354">
        <v>96777261</v>
      </c>
      <c r="IF13" s="352">
        <v>84988335</v>
      </c>
      <c r="IG13" s="351">
        <v>58677075</v>
      </c>
      <c r="IH13" s="352">
        <v>39520811</v>
      </c>
      <c r="II13" s="355">
        <v>372800277</v>
      </c>
      <c r="IJ13" s="356">
        <v>373325863</v>
      </c>
      <c r="IK13" s="357">
        <v>0</v>
      </c>
      <c r="IL13" s="358">
        <v>0</v>
      </c>
      <c r="IM13" s="359">
        <v>0</v>
      </c>
      <c r="IN13" s="436">
        <v>0</v>
      </c>
      <c r="IO13" s="360">
        <v>604788</v>
      </c>
      <c r="IP13" s="360">
        <v>1082987</v>
      </c>
      <c r="IQ13" s="360">
        <v>1182184</v>
      </c>
      <c r="IR13" s="360">
        <v>2296209</v>
      </c>
      <c r="IS13" s="360">
        <v>665565</v>
      </c>
      <c r="IT13" s="361">
        <v>5831733</v>
      </c>
      <c r="IU13" s="362">
        <v>5831733</v>
      </c>
      <c r="IV13" s="363">
        <v>0</v>
      </c>
      <c r="IW13" s="360">
        <v>0</v>
      </c>
      <c r="IX13" s="364">
        <v>0</v>
      </c>
      <c r="IY13" s="439">
        <v>0</v>
      </c>
      <c r="IZ13" s="360">
        <v>0</v>
      </c>
      <c r="JA13" s="360">
        <v>0</v>
      </c>
      <c r="JB13" s="360">
        <v>0</v>
      </c>
      <c r="JC13" s="360">
        <v>0</v>
      </c>
      <c r="JD13" s="360">
        <v>0</v>
      </c>
      <c r="JE13" s="364">
        <v>0</v>
      </c>
      <c r="JF13" s="365">
        <v>0</v>
      </c>
      <c r="JG13" s="363">
        <v>0</v>
      </c>
      <c r="JH13" s="360">
        <v>0</v>
      </c>
      <c r="JI13" s="361">
        <v>0</v>
      </c>
      <c r="JJ13" s="366">
        <v>0</v>
      </c>
      <c r="JK13" s="360">
        <v>47946143</v>
      </c>
      <c r="JL13" s="360">
        <v>38854357</v>
      </c>
      <c r="JM13" s="360">
        <v>22726064</v>
      </c>
      <c r="JN13" s="360">
        <v>10189023</v>
      </c>
      <c r="JO13" s="360">
        <v>6185487</v>
      </c>
      <c r="JP13" s="364">
        <v>125901074</v>
      </c>
      <c r="JQ13" s="362">
        <v>125901074</v>
      </c>
      <c r="JR13" s="363">
        <v>0</v>
      </c>
      <c r="JS13" s="360">
        <v>11517</v>
      </c>
      <c r="JT13" s="361">
        <v>11517</v>
      </c>
      <c r="JU13" s="366">
        <v>0</v>
      </c>
      <c r="JV13" s="360">
        <v>6860880</v>
      </c>
      <c r="JW13" s="360">
        <v>8519958</v>
      </c>
      <c r="JX13" s="360">
        <v>11145147</v>
      </c>
      <c r="JY13" s="360">
        <v>5269767</v>
      </c>
      <c r="JZ13" s="360">
        <v>3043921</v>
      </c>
      <c r="KA13" s="364">
        <v>34839673</v>
      </c>
      <c r="KB13" s="362">
        <v>34851190</v>
      </c>
      <c r="KC13" s="367">
        <v>111107</v>
      </c>
      <c r="KD13" s="368">
        <v>166484</v>
      </c>
      <c r="KE13" s="364">
        <v>277591</v>
      </c>
      <c r="KF13" s="366">
        <v>0</v>
      </c>
      <c r="KG13" s="360">
        <v>5095405</v>
      </c>
      <c r="KH13" s="360">
        <v>6468047</v>
      </c>
      <c r="KI13" s="360">
        <v>7290416</v>
      </c>
      <c r="KJ13" s="360">
        <v>4078719</v>
      </c>
      <c r="KK13" s="360">
        <v>4537329</v>
      </c>
      <c r="KL13" s="364">
        <v>27469916</v>
      </c>
      <c r="KM13" s="369">
        <v>27747507</v>
      </c>
      <c r="KN13" s="357">
        <v>0</v>
      </c>
      <c r="KO13" s="358">
        <v>236478</v>
      </c>
      <c r="KP13" s="359">
        <v>236478</v>
      </c>
      <c r="KQ13" s="439">
        <v>0</v>
      </c>
      <c r="KR13" s="360">
        <v>30192956</v>
      </c>
      <c r="KS13" s="360">
        <v>39505336</v>
      </c>
      <c r="KT13" s="360">
        <v>39774939</v>
      </c>
      <c r="KU13" s="360">
        <v>32326162</v>
      </c>
      <c r="KV13" s="360">
        <v>18317908</v>
      </c>
      <c r="KW13" s="364">
        <v>160117301</v>
      </c>
      <c r="KX13" s="362">
        <v>160353779</v>
      </c>
      <c r="KY13" s="363">
        <v>0</v>
      </c>
      <c r="KZ13" s="360">
        <v>0</v>
      </c>
      <c r="LA13" s="364">
        <v>0</v>
      </c>
      <c r="LB13" s="439">
        <v>0</v>
      </c>
      <c r="LC13" s="360">
        <v>0</v>
      </c>
      <c r="LD13" s="360">
        <v>0</v>
      </c>
      <c r="LE13" s="360">
        <v>0</v>
      </c>
      <c r="LF13" s="360">
        <v>0</v>
      </c>
      <c r="LG13" s="360">
        <v>0</v>
      </c>
      <c r="LH13" s="364">
        <v>0</v>
      </c>
      <c r="LI13" s="365">
        <v>0</v>
      </c>
      <c r="LJ13" s="363">
        <v>0</v>
      </c>
      <c r="LK13" s="360">
        <v>0</v>
      </c>
      <c r="LL13" s="364">
        <v>0</v>
      </c>
      <c r="LM13" s="439">
        <v>0</v>
      </c>
      <c r="LN13" s="360">
        <v>0</v>
      </c>
      <c r="LO13" s="360">
        <v>0</v>
      </c>
      <c r="LP13" s="360">
        <v>0</v>
      </c>
      <c r="LQ13" s="360">
        <v>0</v>
      </c>
      <c r="LR13" s="360">
        <v>0</v>
      </c>
      <c r="LS13" s="364">
        <v>0</v>
      </c>
      <c r="LT13" s="362">
        <v>0</v>
      </c>
      <c r="LU13" s="363">
        <v>0</v>
      </c>
      <c r="LV13" s="360">
        <v>0</v>
      </c>
      <c r="LW13" s="364">
        <v>0</v>
      </c>
      <c r="LX13" s="439">
        <v>0</v>
      </c>
      <c r="LY13" s="360">
        <v>2136623</v>
      </c>
      <c r="LZ13" s="360">
        <v>2346576</v>
      </c>
      <c r="MA13" s="360">
        <v>2869585</v>
      </c>
      <c r="MB13" s="360">
        <v>4517195</v>
      </c>
      <c r="MC13" s="360">
        <v>6770601</v>
      </c>
      <c r="MD13" s="364">
        <v>18640580</v>
      </c>
      <c r="ME13" s="365">
        <v>18640580</v>
      </c>
      <c r="MF13" s="363">
        <v>0</v>
      </c>
      <c r="MG13" s="360">
        <v>0</v>
      </c>
      <c r="MH13" s="364">
        <v>0</v>
      </c>
      <c r="MI13" s="439">
        <v>0</v>
      </c>
      <c r="MJ13" s="360">
        <v>42517076</v>
      </c>
      <c r="MK13" s="360">
        <v>66523227</v>
      </c>
      <c r="ML13" s="360">
        <v>215046849</v>
      </c>
      <c r="MM13" s="360">
        <v>311777910</v>
      </c>
      <c r="MN13" s="360">
        <v>182161864</v>
      </c>
      <c r="MO13" s="364">
        <v>818026926</v>
      </c>
      <c r="MP13" s="369">
        <v>818026926</v>
      </c>
      <c r="MQ13" s="363">
        <v>0</v>
      </c>
      <c r="MR13" s="360">
        <v>0</v>
      </c>
      <c r="MS13" s="364">
        <v>0</v>
      </c>
      <c r="MT13" s="439">
        <v>0</v>
      </c>
      <c r="MU13" s="360">
        <v>4669850</v>
      </c>
      <c r="MV13" s="360">
        <v>11127936</v>
      </c>
      <c r="MW13" s="360">
        <v>139867293</v>
      </c>
      <c r="MX13" s="360">
        <v>224496196</v>
      </c>
      <c r="MY13" s="360">
        <v>149129422</v>
      </c>
      <c r="MZ13" s="364">
        <v>529290697</v>
      </c>
      <c r="NA13" s="369">
        <v>529290697</v>
      </c>
      <c r="NB13" s="363">
        <v>0</v>
      </c>
      <c r="NC13" s="360">
        <v>0</v>
      </c>
      <c r="ND13" s="364">
        <v>0</v>
      </c>
      <c r="NE13" s="439">
        <v>0</v>
      </c>
      <c r="NF13" s="360">
        <v>37847226</v>
      </c>
      <c r="NG13" s="360">
        <v>55395291</v>
      </c>
      <c r="NH13" s="360">
        <v>74848569</v>
      </c>
      <c r="NI13" s="360">
        <v>85910676</v>
      </c>
      <c r="NJ13" s="360">
        <v>32169882</v>
      </c>
      <c r="NK13" s="364">
        <v>286171644</v>
      </c>
      <c r="NL13" s="362">
        <v>286171644</v>
      </c>
      <c r="NM13" s="363">
        <v>0</v>
      </c>
      <c r="NN13" s="360">
        <v>0</v>
      </c>
      <c r="NO13" s="364">
        <v>0</v>
      </c>
      <c r="NP13" s="439">
        <v>0</v>
      </c>
      <c r="NQ13" s="360">
        <v>0</v>
      </c>
      <c r="NR13" s="360">
        <v>0</v>
      </c>
      <c r="NS13" s="360">
        <v>0</v>
      </c>
      <c r="NT13" s="360">
        <v>316179</v>
      </c>
      <c r="NU13" s="360">
        <v>685503</v>
      </c>
      <c r="NV13" s="364">
        <v>1001682</v>
      </c>
      <c r="NW13" s="365">
        <v>1001682</v>
      </c>
      <c r="NX13" s="363">
        <v>0</v>
      </c>
      <c r="NY13" s="360">
        <v>0</v>
      </c>
      <c r="NZ13" s="364">
        <v>0</v>
      </c>
      <c r="OA13" s="439">
        <v>0</v>
      </c>
      <c r="OB13" s="360">
        <v>0</v>
      </c>
      <c r="OC13" s="360">
        <v>0</v>
      </c>
      <c r="OD13" s="360">
        <v>330987</v>
      </c>
      <c r="OE13" s="360">
        <v>1054859</v>
      </c>
      <c r="OF13" s="360">
        <v>177057</v>
      </c>
      <c r="OG13" s="364">
        <v>1562903</v>
      </c>
      <c r="OH13" s="365">
        <v>1562903</v>
      </c>
      <c r="OI13" s="363">
        <v>14814194</v>
      </c>
      <c r="OJ13" s="360">
        <v>21164334</v>
      </c>
      <c r="OK13" s="361">
        <v>35978528</v>
      </c>
      <c r="OL13" s="366">
        <v>0</v>
      </c>
      <c r="OM13" s="360">
        <v>485099170</v>
      </c>
      <c r="ON13" s="360">
        <v>481042012</v>
      </c>
      <c r="OO13" s="360">
        <v>555838664</v>
      </c>
      <c r="OP13" s="360">
        <v>635394437</v>
      </c>
      <c r="OQ13" s="360">
        <v>415092657</v>
      </c>
      <c r="OR13" s="364">
        <v>2572466940</v>
      </c>
      <c r="OS13" s="369">
        <v>2608445468</v>
      </c>
    </row>
    <row r="14" spans="1:409" s="137" customFormat="1" ht="21" customHeight="1" x14ac:dyDescent="0.2">
      <c r="B14" s="421" t="s">
        <v>8</v>
      </c>
      <c r="C14" s="341">
        <v>14072560</v>
      </c>
      <c r="D14" s="342">
        <v>18271967</v>
      </c>
      <c r="E14" s="343">
        <v>32344527</v>
      </c>
      <c r="F14" s="344">
        <v>0</v>
      </c>
      <c r="G14" s="342">
        <v>148584726</v>
      </c>
      <c r="H14" s="342">
        <v>208304376</v>
      </c>
      <c r="I14" s="342">
        <v>185205342</v>
      </c>
      <c r="J14" s="342">
        <v>174354699</v>
      </c>
      <c r="K14" s="342">
        <v>132198995</v>
      </c>
      <c r="L14" s="344">
        <v>848648138</v>
      </c>
      <c r="M14" s="345">
        <v>880992665</v>
      </c>
      <c r="N14" s="341">
        <v>2451149</v>
      </c>
      <c r="O14" s="342">
        <v>3612428</v>
      </c>
      <c r="P14" s="343">
        <v>6063577</v>
      </c>
      <c r="Q14" s="341">
        <v>0</v>
      </c>
      <c r="R14" s="342">
        <v>38735317</v>
      </c>
      <c r="S14" s="342">
        <v>64809031</v>
      </c>
      <c r="T14" s="342">
        <v>62916134</v>
      </c>
      <c r="U14" s="342">
        <v>68959847</v>
      </c>
      <c r="V14" s="342">
        <v>72477330</v>
      </c>
      <c r="W14" s="343">
        <v>307897659</v>
      </c>
      <c r="X14" s="345">
        <v>313961236</v>
      </c>
      <c r="Y14" s="341">
        <v>0</v>
      </c>
      <c r="Z14" s="342">
        <v>0</v>
      </c>
      <c r="AA14" s="343">
        <v>0</v>
      </c>
      <c r="AB14" s="341">
        <v>0</v>
      </c>
      <c r="AC14" s="342">
        <v>18781326</v>
      </c>
      <c r="AD14" s="342">
        <v>37168655</v>
      </c>
      <c r="AE14" s="342">
        <v>39763034</v>
      </c>
      <c r="AF14" s="342">
        <v>44976536</v>
      </c>
      <c r="AG14" s="342">
        <v>49288224</v>
      </c>
      <c r="AH14" s="343">
        <v>189977775</v>
      </c>
      <c r="AI14" s="345">
        <v>189977775</v>
      </c>
      <c r="AJ14" s="341">
        <v>0</v>
      </c>
      <c r="AK14" s="342">
        <v>0</v>
      </c>
      <c r="AL14" s="343">
        <v>0</v>
      </c>
      <c r="AM14" s="341">
        <v>0</v>
      </c>
      <c r="AN14" s="342">
        <v>227882</v>
      </c>
      <c r="AO14" s="342">
        <v>937228</v>
      </c>
      <c r="AP14" s="342">
        <v>1637035</v>
      </c>
      <c r="AQ14" s="342">
        <v>3181056</v>
      </c>
      <c r="AR14" s="342">
        <v>5937087</v>
      </c>
      <c r="AS14" s="343">
        <v>11920288</v>
      </c>
      <c r="AT14" s="345">
        <v>11920288</v>
      </c>
      <c r="AU14" s="341">
        <v>1190687</v>
      </c>
      <c r="AV14" s="342">
        <v>2294788</v>
      </c>
      <c r="AW14" s="343">
        <v>3485475</v>
      </c>
      <c r="AX14" s="341">
        <v>0</v>
      </c>
      <c r="AY14" s="342">
        <v>10856905</v>
      </c>
      <c r="AZ14" s="342">
        <v>16190134</v>
      </c>
      <c r="BA14" s="342">
        <v>12104051</v>
      </c>
      <c r="BB14" s="342">
        <v>11065609</v>
      </c>
      <c r="BC14" s="342">
        <v>10360855</v>
      </c>
      <c r="BD14" s="343">
        <v>60577554</v>
      </c>
      <c r="BE14" s="345">
        <v>64063029</v>
      </c>
      <c r="BF14" s="341">
        <v>263833</v>
      </c>
      <c r="BG14" s="342">
        <v>740302</v>
      </c>
      <c r="BH14" s="346">
        <v>1004135</v>
      </c>
      <c r="BI14" s="347">
        <v>0</v>
      </c>
      <c r="BJ14" s="342">
        <v>2645774</v>
      </c>
      <c r="BK14" s="342">
        <v>3287461</v>
      </c>
      <c r="BL14" s="342">
        <v>1854794</v>
      </c>
      <c r="BM14" s="342">
        <v>1902770</v>
      </c>
      <c r="BN14" s="342">
        <v>1137008</v>
      </c>
      <c r="BO14" s="343">
        <v>10827807</v>
      </c>
      <c r="BP14" s="345">
        <v>11831942</v>
      </c>
      <c r="BQ14" s="341">
        <v>996629</v>
      </c>
      <c r="BR14" s="342">
        <v>577338</v>
      </c>
      <c r="BS14" s="343">
        <v>1573967</v>
      </c>
      <c r="BT14" s="341">
        <v>0</v>
      </c>
      <c r="BU14" s="342">
        <v>6223430</v>
      </c>
      <c r="BV14" s="342">
        <v>7225553</v>
      </c>
      <c r="BW14" s="342">
        <v>7557220</v>
      </c>
      <c r="BX14" s="342">
        <v>7833876</v>
      </c>
      <c r="BY14" s="342">
        <v>5754156</v>
      </c>
      <c r="BZ14" s="343">
        <v>34594235</v>
      </c>
      <c r="CA14" s="345">
        <v>36168202</v>
      </c>
      <c r="CB14" s="341">
        <v>1365160</v>
      </c>
      <c r="CC14" s="342">
        <v>2662302</v>
      </c>
      <c r="CD14" s="343">
        <v>4027462</v>
      </c>
      <c r="CE14" s="341">
        <v>0</v>
      </c>
      <c r="CF14" s="342">
        <v>40740618</v>
      </c>
      <c r="CG14" s="342">
        <v>55873065</v>
      </c>
      <c r="CH14" s="342">
        <v>41007596</v>
      </c>
      <c r="CI14" s="342">
        <v>28291488</v>
      </c>
      <c r="CJ14" s="342">
        <v>15260717</v>
      </c>
      <c r="CK14" s="343">
        <v>181173484</v>
      </c>
      <c r="CL14" s="345">
        <v>185200946</v>
      </c>
      <c r="CM14" s="341">
        <v>0</v>
      </c>
      <c r="CN14" s="342">
        <v>0</v>
      </c>
      <c r="CO14" s="343">
        <v>0</v>
      </c>
      <c r="CP14" s="347">
        <v>0</v>
      </c>
      <c r="CQ14" s="342">
        <v>33208019</v>
      </c>
      <c r="CR14" s="342">
        <v>45928336</v>
      </c>
      <c r="CS14" s="342">
        <v>33482278</v>
      </c>
      <c r="CT14" s="342">
        <v>22847901</v>
      </c>
      <c r="CU14" s="342">
        <v>13361665</v>
      </c>
      <c r="CV14" s="343">
        <v>148828199</v>
      </c>
      <c r="CW14" s="345">
        <v>148828199</v>
      </c>
      <c r="CX14" s="341">
        <v>1365160</v>
      </c>
      <c r="CY14" s="342">
        <v>2662302</v>
      </c>
      <c r="CZ14" s="343">
        <v>4027462</v>
      </c>
      <c r="DA14" s="341">
        <v>0</v>
      </c>
      <c r="DB14" s="342">
        <v>7532599</v>
      </c>
      <c r="DC14" s="342">
        <v>9944729</v>
      </c>
      <c r="DD14" s="342">
        <v>7525318</v>
      </c>
      <c r="DE14" s="342">
        <v>5443587</v>
      </c>
      <c r="DF14" s="342">
        <v>1899052</v>
      </c>
      <c r="DG14" s="343">
        <v>32345285</v>
      </c>
      <c r="DH14" s="345">
        <v>36372747</v>
      </c>
      <c r="DI14" s="341">
        <v>34807</v>
      </c>
      <c r="DJ14" s="342">
        <v>438385</v>
      </c>
      <c r="DK14" s="346">
        <v>473192</v>
      </c>
      <c r="DL14" s="347">
        <v>0</v>
      </c>
      <c r="DM14" s="342">
        <v>5379084</v>
      </c>
      <c r="DN14" s="342">
        <v>11550697</v>
      </c>
      <c r="DO14" s="342">
        <v>24948796</v>
      </c>
      <c r="DP14" s="342">
        <v>19576402</v>
      </c>
      <c r="DQ14" s="342">
        <v>8993582</v>
      </c>
      <c r="DR14" s="343">
        <v>70448561</v>
      </c>
      <c r="DS14" s="345">
        <v>70921753</v>
      </c>
      <c r="DT14" s="341">
        <v>34807</v>
      </c>
      <c r="DU14" s="342">
        <v>438385</v>
      </c>
      <c r="DV14" s="343">
        <v>473192</v>
      </c>
      <c r="DW14" s="341">
        <v>0</v>
      </c>
      <c r="DX14" s="342">
        <v>5346082</v>
      </c>
      <c r="DY14" s="342">
        <v>10936378</v>
      </c>
      <c r="DZ14" s="342">
        <v>24427290</v>
      </c>
      <c r="EA14" s="342">
        <v>19213611</v>
      </c>
      <c r="EB14" s="342">
        <v>8949332</v>
      </c>
      <c r="EC14" s="343">
        <v>68872693</v>
      </c>
      <c r="ED14" s="345">
        <v>69345885</v>
      </c>
      <c r="EE14" s="341">
        <v>0</v>
      </c>
      <c r="EF14" s="346">
        <v>0</v>
      </c>
      <c r="EG14" s="343">
        <v>0</v>
      </c>
      <c r="EH14" s="341">
        <v>0</v>
      </c>
      <c r="EI14" s="342">
        <v>33002</v>
      </c>
      <c r="EJ14" s="342">
        <v>614319</v>
      </c>
      <c r="EK14" s="342">
        <v>521506</v>
      </c>
      <c r="EL14" s="342">
        <v>362791</v>
      </c>
      <c r="EM14" s="342">
        <v>44250</v>
      </c>
      <c r="EN14" s="346">
        <v>1575868</v>
      </c>
      <c r="EO14" s="345">
        <v>1575868</v>
      </c>
      <c r="EP14" s="341">
        <v>0</v>
      </c>
      <c r="EQ14" s="342">
        <v>0</v>
      </c>
      <c r="ER14" s="346">
        <v>0</v>
      </c>
      <c r="ES14" s="347">
        <v>0</v>
      </c>
      <c r="ET14" s="342">
        <v>0</v>
      </c>
      <c r="EU14" s="342">
        <v>0</v>
      </c>
      <c r="EV14" s="342">
        <v>0</v>
      </c>
      <c r="EW14" s="342">
        <v>0</v>
      </c>
      <c r="EX14" s="342">
        <v>0</v>
      </c>
      <c r="EY14" s="343">
        <v>0</v>
      </c>
      <c r="EZ14" s="345">
        <v>0</v>
      </c>
      <c r="FA14" s="341">
        <v>0</v>
      </c>
      <c r="FB14" s="342">
        <v>0</v>
      </c>
      <c r="FC14" s="346">
        <v>0</v>
      </c>
      <c r="FD14" s="347">
        <v>0</v>
      </c>
      <c r="FE14" s="342">
        <v>0</v>
      </c>
      <c r="FF14" s="342">
        <v>0</v>
      </c>
      <c r="FG14" s="342">
        <v>0</v>
      </c>
      <c r="FH14" s="342">
        <v>0</v>
      </c>
      <c r="FI14" s="342">
        <v>0</v>
      </c>
      <c r="FJ14" s="343">
        <v>0</v>
      </c>
      <c r="FK14" s="345">
        <v>0</v>
      </c>
      <c r="FL14" s="341">
        <v>4681950</v>
      </c>
      <c r="FM14" s="342">
        <v>6338384</v>
      </c>
      <c r="FN14" s="343">
        <v>11020334</v>
      </c>
      <c r="FO14" s="341">
        <v>0</v>
      </c>
      <c r="FP14" s="342">
        <v>10793720</v>
      </c>
      <c r="FQ14" s="342">
        <v>23951713</v>
      </c>
      <c r="FR14" s="342">
        <v>16310153</v>
      </c>
      <c r="FS14" s="342">
        <v>14577599</v>
      </c>
      <c r="FT14" s="342">
        <v>9902807</v>
      </c>
      <c r="FU14" s="343">
        <v>75535992</v>
      </c>
      <c r="FV14" s="345">
        <v>86556326</v>
      </c>
      <c r="FW14" s="348">
        <v>2360207</v>
      </c>
      <c r="FX14" s="342">
        <v>3934561</v>
      </c>
      <c r="FY14" s="346">
        <v>6294768</v>
      </c>
      <c r="FZ14" s="347">
        <v>0</v>
      </c>
      <c r="GA14" s="342">
        <v>7626499</v>
      </c>
      <c r="GB14" s="342">
        <v>21269291</v>
      </c>
      <c r="GC14" s="342">
        <v>14276202</v>
      </c>
      <c r="GD14" s="342">
        <v>12430563</v>
      </c>
      <c r="GE14" s="342">
        <v>9311338</v>
      </c>
      <c r="GF14" s="343">
        <v>64913893</v>
      </c>
      <c r="GG14" s="349">
        <v>71208661</v>
      </c>
      <c r="GH14" s="348">
        <v>377004</v>
      </c>
      <c r="GI14" s="342">
        <v>410042</v>
      </c>
      <c r="GJ14" s="346">
        <v>787046</v>
      </c>
      <c r="GK14" s="347">
        <v>0</v>
      </c>
      <c r="GL14" s="342">
        <v>846464</v>
      </c>
      <c r="GM14" s="342">
        <v>1016738</v>
      </c>
      <c r="GN14" s="342">
        <v>966539</v>
      </c>
      <c r="GO14" s="342">
        <v>797866</v>
      </c>
      <c r="GP14" s="342">
        <v>349141</v>
      </c>
      <c r="GQ14" s="343">
        <v>3976748</v>
      </c>
      <c r="GR14" s="345">
        <v>4763794</v>
      </c>
      <c r="GS14" s="341">
        <v>1944739</v>
      </c>
      <c r="GT14" s="342">
        <v>1993781</v>
      </c>
      <c r="GU14" s="343">
        <v>3938520</v>
      </c>
      <c r="GV14" s="341">
        <v>0</v>
      </c>
      <c r="GW14" s="342">
        <v>2320757</v>
      </c>
      <c r="GX14" s="342">
        <v>1665684</v>
      </c>
      <c r="GY14" s="342">
        <v>1067412</v>
      </c>
      <c r="GZ14" s="342">
        <v>1349170</v>
      </c>
      <c r="HA14" s="342">
        <v>242328</v>
      </c>
      <c r="HB14" s="346">
        <v>6645351</v>
      </c>
      <c r="HC14" s="345">
        <v>10583871</v>
      </c>
      <c r="HD14" s="341">
        <v>2916800</v>
      </c>
      <c r="HE14" s="342">
        <v>1806147</v>
      </c>
      <c r="HF14" s="346">
        <v>4722947</v>
      </c>
      <c r="HG14" s="347">
        <v>0</v>
      </c>
      <c r="HH14" s="342">
        <v>24832869</v>
      </c>
      <c r="HI14" s="342">
        <v>22482263</v>
      </c>
      <c r="HJ14" s="342">
        <v>20843306</v>
      </c>
      <c r="HK14" s="342">
        <v>29588294</v>
      </c>
      <c r="HL14" s="342">
        <v>17562142</v>
      </c>
      <c r="HM14" s="343">
        <v>115308874</v>
      </c>
      <c r="HN14" s="344">
        <v>120031821</v>
      </c>
      <c r="HO14" s="348">
        <v>2622694</v>
      </c>
      <c r="HP14" s="342">
        <v>3414321</v>
      </c>
      <c r="HQ14" s="343">
        <v>6037015</v>
      </c>
      <c r="HR14" s="341">
        <v>0</v>
      </c>
      <c r="HS14" s="342">
        <v>28103118</v>
      </c>
      <c r="HT14" s="342">
        <v>29637607</v>
      </c>
      <c r="HU14" s="342">
        <v>19179357</v>
      </c>
      <c r="HV14" s="342">
        <v>13361069</v>
      </c>
      <c r="HW14" s="342">
        <v>8002417</v>
      </c>
      <c r="HX14" s="346">
        <v>98283568</v>
      </c>
      <c r="HY14" s="345">
        <v>104320583</v>
      </c>
      <c r="HZ14" s="350">
        <v>488472</v>
      </c>
      <c r="IA14" s="351">
        <v>955164</v>
      </c>
      <c r="IB14" s="352">
        <v>1443636</v>
      </c>
      <c r="IC14" s="370">
        <v>0</v>
      </c>
      <c r="ID14" s="371">
        <v>55456164</v>
      </c>
      <c r="IE14" s="372">
        <v>65833765</v>
      </c>
      <c r="IF14" s="373">
        <v>66011813</v>
      </c>
      <c r="IG14" s="371">
        <v>49835561</v>
      </c>
      <c r="IH14" s="373">
        <v>27729617</v>
      </c>
      <c r="II14" s="374">
        <v>264866920</v>
      </c>
      <c r="IJ14" s="356">
        <v>266310556</v>
      </c>
      <c r="IK14" s="357">
        <v>0</v>
      </c>
      <c r="IL14" s="358">
        <v>0</v>
      </c>
      <c r="IM14" s="359">
        <v>0</v>
      </c>
      <c r="IN14" s="436">
        <v>0</v>
      </c>
      <c r="IO14" s="360">
        <v>450181</v>
      </c>
      <c r="IP14" s="360">
        <v>476381</v>
      </c>
      <c r="IQ14" s="360">
        <v>663273</v>
      </c>
      <c r="IR14" s="360">
        <v>1058037</v>
      </c>
      <c r="IS14" s="360">
        <v>1248863</v>
      </c>
      <c r="IT14" s="361">
        <v>3896735</v>
      </c>
      <c r="IU14" s="362">
        <v>3896735</v>
      </c>
      <c r="IV14" s="363">
        <v>0</v>
      </c>
      <c r="IW14" s="360">
        <v>0</v>
      </c>
      <c r="IX14" s="364">
        <v>0</v>
      </c>
      <c r="IY14" s="439">
        <v>0</v>
      </c>
      <c r="IZ14" s="360">
        <v>57807</v>
      </c>
      <c r="JA14" s="360">
        <v>57807</v>
      </c>
      <c r="JB14" s="360">
        <v>0</v>
      </c>
      <c r="JC14" s="360">
        <v>19269</v>
      </c>
      <c r="JD14" s="360">
        <v>121499</v>
      </c>
      <c r="JE14" s="364">
        <v>256382</v>
      </c>
      <c r="JF14" s="365">
        <v>256382</v>
      </c>
      <c r="JG14" s="363">
        <v>0</v>
      </c>
      <c r="JH14" s="360">
        <v>0</v>
      </c>
      <c r="JI14" s="361">
        <v>0</v>
      </c>
      <c r="JJ14" s="366">
        <v>0</v>
      </c>
      <c r="JK14" s="360">
        <v>28916520</v>
      </c>
      <c r="JL14" s="360">
        <v>35695586</v>
      </c>
      <c r="JM14" s="360">
        <v>20878668</v>
      </c>
      <c r="JN14" s="360">
        <v>11599002</v>
      </c>
      <c r="JO14" s="360">
        <v>7091711</v>
      </c>
      <c r="JP14" s="364">
        <v>104181487</v>
      </c>
      <c r="JQ14" s="362">
        <v>104181487</v>
      </c>
      <c r="JR14" s="363">
        <v>0</v>
      </c>
      <c r="JS14" s="360">
        <v>0</v>
      </c>
      <c r="JT14" s="361">
        <v>0</v>
      </c>
      <c r="JU14" s="366">
        <v>0</v>
      </c>
      <c r="JV14" s="360">
        <v>405201</v>
      </c>
      <c r="JW14" s="360">
        <v>1047049</v>
      </c>
      <c r="JX14" s="360">
        <v>866867</v>
      </c>
      <c r="JY14" s="360">
        <v>1843003</v>
      </c>
      <c r="JZ14" s="360">
        <v>952580</v>
      </c>
      <c r="KA14" s="364">
        <v>5114700</v>
      </c>
      <c r="KB14" s="362">
        <v>5114700</v>
      </c>
      <c r="KC14" s="367">
        <v>488472</v>
      </c>
      <c r="KD14" s="368">
        <v>955164</v>
      </c>
      <c r="KE14" s="364">
        <v>1443636</v>
      </c>
      <c r="KF14" s="366">
        <v>0</v>
      </c>
      <c r="KG14" s="360">
        <v>8947208</v>
      </c>
      <c r="KH14" s="360">
        <v>9065623</v>
      </c>
      <c r="KI14" s="360">
        <v>11701535</v>
      </c>
      <c r="KJ14" s="360">
        <v>5962592</v>
      </c>
      <c r="KK14" s="360">
        <v>3816345</v>
      </c>
      <c r="KL14" s="364">
        <v>39493303</v>
      </c>
      <c r="KM14" s="369">
        <v>40936939</v>
      </c>
      <c r="KN14" s="357">
        <v>0</v>
      </c>
      <c r="KO14" s="358">
        <v>0</v>
      </c>
      <c r="KP14" s="359">
        <v>0</v>
      </c>
      <c r="KQ14" s="439">
        <v>0</v>
      </c>
      <c r="KR14" s="360">
        <v>14436983</v>
      </c>
      <c r="KS14" s="360">
        <v>15611226</v>
      </c>
      <c r="KT14" s="360">
        <v>21716202</v>
      </c>
      <c r="KU14" s="360">
        <v>17121099</v>
      </c>
      <c r="KV14" s="360">
        <v>9306304</v>
      </c>
      <c r="KW14" s="364">
        <v>78191814</v>
      </c>
      <c r="KX14" s="362">
        <v>78191814</v>
      </c>
      <c r="KY14" s="363">
        <v>0</v>
      </c>
      <c r="KZ14" s="360">
        <v>0</v>
      </c>
      <c r="LA14" s="364">
        <v>0</v>
      </c>
      <c r="LB14" s="439">
        <v>0</v>
      </c>
      <c r="LC14" s="360">
        <v>423006</v>
      </c>
      <c r="LD14" s="360">
        <v>1138831</v>
      </c>
      <c r="LE14" s="360">
        <v>2948477</v>
      </c>
      <c r="LF14" s="360">
        <v>2933203</v>
      </c>
      <c r="LG14" s="360">
        <v>1925829</v>
      </c>
      <c r="LH14" s="364">
        <v>9369346</v>
      </c>
      <c r="LI14" s="365">
        <v>9369346</v>
      </c>
      <c r="LJ14" s="363">
        <v>0</v>
      </c>
      <c r="LK14" s="360">
        <v>0</v>
      </c>
      <c r="LL14" s="364">
        <v>0</v>
      </c>
      <c r="LM14" s="439">
        <v>0</v>
      </c>
      <c r="LN14" s="360">
        <v>0</v>
      </c>
      <c r="LO14" s="360">
        <v>218816</v>
      </c>
      <c r="LP14" s="360">
        <v>2664155</v>
      </c>
      <c r="LQ14" s="360">
        <v>6299337</v>
      </c>
      <c r="LR14" s="360">
        <v>1492295</v>
      </c>
      <c r="LS14" s="364">
        <v>10674603</v>
      </c>
      <c r="LT14" s="362">
        <v>10674603</v>
      </c>
      <c r="LU14" s="363">
        <v>0</v>
      </c>
      <c r="LV14" s="360">
        <v>0</v>
      </c>
      <c r="LW14" s="364">
        <v>0</v>
      </c>
      <c r="LX14" s="439">
        <v>0</v>
      </c>
      <c r="LY14" s="360">
        <v>1819258</v>
      </c>
      <c r="LZ14" s="360">
        <v>2522446</v>
      </c>
      <c r="MA14" s="360">
        <v>4572636</v>
      </c>
      <c r="MB14" s="360">
        <v>3000019</v>
      </c>
      <c r="MC14" s="360">
        <v>1774191</v>
      </c>
      <c r="MD14" s="364">
        <v>13688550</v>
      </c>
      <c r="ME14" s="365">
        <v>13688550</v>
      </c>
      <c r="MF14" s="363">
        <v>0</v>
      </c>
      <c r="MG14" s="360">
        <v>0</v>
      </c>
      <c r="MH14" s="364">
        <v>0</v>
      </c>
      <c r="MI14" s="439">
        <v>0</v>
      </c>
      <c r="MJ14" s="360">
        <v>14639353</v>
      </c>
      <c r="MK14" s="360">
        <v>35665610</v>
      </c>
      <c r="ML14" s="360">
        <v>139032724</v>
      </c>
      <c r="MM14" s="360">
        <v>153664498</v>
      </c>
      <c r="MN14" s="360">
        <v>96240449</v>
      </c>
      <c r="MO14" s="364">
        <v>439242634</v>
      </c>
      <c r="MP14" s="369">
        <v>439242634</v>
      </c>
      <c r="MQ14" s="363">
        <v>0</v>
      </c>
      <c r="MR14" s="360">
        <v>0</v>
      </c>
      <c r="MS14" s="364">
        <v>0</v>
      </c>
      <c r="MT14" s="439">
        <v>0</v>
      </c>
      <c r="MU14" s="360">
        <v>3186595</v>
      </c>
      <c r="MV14" s="360">
        <v>14420335</v>
      </c>
      <c r="MW14" s="360">
        <v>92914776</v>
      </c>
      <c r="MX14" s="360">
        <v>108615847</v>
      </c>
      <c r="MY14" s="360">
        <v>68219514</v>
      </c>
      <c r="MZ14" s="364">
        <v>287357067</v>
      </c>
      <c r="NA14" s="369">
        <v>287357067</v>
      </c>
      <c r="NB14" s="363">
        <v>0</v>
      </c>
      <c r="NC14" s="360">
        <v>0</v>
      </c>
      <c r="ND14" s="364">
        <v>0</v>
      </c>
      <c r="NE14" s="439">
        <v>0</v>
      </c>
      <c r="NF14" s="360">
        <v>11187598</v>
      </c>
      <c r="NG14" s="360">
        <v>21025860</v>
      </c>
      <c r="NH14" s="360">
        <v>45383296</v>
      </c>
      <c r="NI14" s="360">
        <v>42205492</v>
      </c>
      <c r="NJ14" s="360">
        <v>24822966</v>
      </c>
      <c r="NK14" s="364">
        <v>144625212</v>
      </c>
      <c r="NL14" s="362">
        <v>144625212</v>
      </c>
      <c r="NM14" s="363">
        <v>0</v>
      </c>
      <c r="NN14" s="360">
        <v>0</v>
      </c>
      <c r="NO14" s="364">
        <v>0</v>
      </c>
      <c r="NP14" s="439">
        <v>0</v>
      </c>
      <c r="NQ14" s="360">
        <v>0</v>
      </c>
      <c r="NR14" s="360">
        <v>0</v>
      </c>
      <c r="NS14" s="360">
        <v>0</v>
      </c>
      <c r="NT14" s="360">
        <v>0</v>
      </c>
      <c r="NU14" s="360">
        <v>0</v>
      </c>
      <c r="NV14" s="364">
        <v>0</v>
      </c>
      <c r="NW14" s="365">
        <v>0</v>
      </c>
      <c r="NX14" s="363">
        <v>0</v>
      </c>
      <c r="NY14" s="360">
        <v>0</v>
      </c>
      <c r="NZ14" s="364">
        <v>0</v>
      </c>
      <c r="OA14" s="439">
        <v>0</v>
      </c>
      <c r="OB14" s="360">
        <v>265160</v>
      </c>
      <c r="OC14" s="360">
        <v>219415</v>
      </c>
      <c r="OD14" s="360">
        <v>734652</v>
      </c>
      <c r="OE14" s="360">
        <v>2843159</v>
      </c>
      <c r="OF14" s="360">
        <v>3197969</v>
      </c>
      <c r="OG14" s="364">
        <v>7260355</v>
      </c>
      <c r="OH14" s="365">
        <v>7260355</v>
      </c>
      <c r="OI14" s="363">
        <v>14561032</v>
      </c>
      <c r="OJ14" s="360">
        <v>19227131</v>
      </c>
      <c r="OK14" s="361">
        <v>33788163</v>
      </c>
      <c r="OL14" s="366">
        <v>0</v>
      </c>
      <c r="OM14" s="360">
        <v>218680243</v>
      </c>
      <c r="ON14" s="360">
        <v>309803751</v>
      </c>
      <c r="OO14" s="360">
        <v>390249879</v>
      </c>
      <c r="OP14" s="360">
        <v>377854758</v>
      </c>
      <c r="OQ14" s="360">
        <v>256169061</v>
      </c>
      <c r="OR14" s="364">
        <v>1552757692</v>
      </c>
      <c r="OS14" s="369">
        <v>1586545855</v>
      </c>
    </row>
    <row r="15" spans="1:409" s="137" customFormat="1" ht="21" customHeight="1" x14ac:dyDescent="0.2">
      <c r="B15" s="421" t="s">
        <v>9</v>
      </c>
      <c r="C15" s="341">
        <v>13070648</v>
      </c>
      <c r="D15" s="342">
        <v>15677154</v>
      </c>
      <c r="E15" s="343">
        <v>28747802</v>
      </c>
      <c r="F15" s="347">
        <v>0</v>
      </c>
      <c r="G15" s="342">
        <v>151905653</v>
      </c>
      <c r="H15" s="342">
        <v>151202578</v>
      </c>
      <c r="I15" s="342">
        <v>158949807</v>
      </c>
      <c r="J15" s="342">
        <v>162583921</v>
      </c>
      <c r="K15" s="342">
        <v>131947651</v>
      </c>
      <c r="L15" s="344">
        <v>756589610</v>
      </c>
      <c r="M15" s="345">
        <v>785337412</v>
      </c>
      <c r="N15" s="341">
        <v>2423955</v>
      </c>
      <c r="O15" s="342">
        <v>3481504</v>
      </c>
      <c r="P15" s="343">
        <v>5905459</v>
      </c>
      <c r="Q15" s="341">
        <v>0</v>
      </c>
      <c r="R15" s="342">
        <v>44016459</v>
      </c>
      <c r="S15" s="342">
        <v>49447317</v>
      </c>
      <c r="T15" s="342">
        <v>54046469</v>
      </c>
      <c r="U15" s="342">
        <v>67311996</v>
      </c>
      <c r="V15" s="342">
        <v>72679857</v>
      </c>
      <c r="W15" s="343">
        <v>287502098</v>
      </c>
      <c r="X15" s="345">
        <v>293407557</v>
      </c>
      <c r="Y15" s="341">
        <v>0</v>
      </c>
      <c r="Z15" s="342">
        <v>0</v>
      </c>
      <c r="AA15" s="343">
        <v>0</v>
      </c>
      <c r="AB15" s="341">
        <v>0</v>
      </c>
      <c r="AC15" s="342">
        <v>20579706</v>
      </c>
      <c r="AD15" s="342">
        <v>24582576</v>
      </c>
      <c r="AE15" s="342">
        <v>32671931</v>
      </c>
      <c r="AF15" s="342">
        <v>42228241</v>
      </c>
      <c r="AG15" s="342">
        <v>46964104</v>
      </c>
      <c r="AH15" s="343">
        <v>167026558</v>
      </c>
      <c r="AI15" s="345">
        <v>167026558</v>
      </c>
      <c r="AJ15" s="341">
        <v>0</v>
      </c>
      <c r="AK15" s="342">
        <v>0</v>
      </c>
      <c r="AL15" s="343">
        <v>0</v>
      </c>
      <c r="AM15" s="341">
        <v>0</v>
      </c>
      <c r="AN15" s="342">
        <v>71583</v>
      </c>
      <c r="AO15" s="342">
        <v>278178</v>
      </c>
      <c r="AP15" s="342">
        <v>1362148</v>
      </c>
      <c r="AQ15" s="342">
        <v>3160238</v>
      </c>
      <c r="AR15" s="342">
        <v>6513569</v>
      </c>
      <c r="AS15" s="343">
        <v>11385716</v>
      </c>
      <c r="AT15" s="345">
        <v>11385716</v>
      </c>
      <c r="AU15" s="341">
        <v>1298437</v>
      </c>
      <c r="AV15" s="342">
        <v>2412383</v>
      </c>
      <c r="AW15" s="343">
        <v>3710820</v>
      </c>
      <c r="AX15" s="341">
        <v>0</v>
      </c>
      <c r="AY15" s="342">
        <v>14706921</v>
      </c>
      <c r="AZ15" s="342">
        <v>15120066</v>
      </c>
      <c r="BA15" s="342">
        <v>10490877</v>
      </c>
      <c r="BB15" s="342">
        <v>11836675</v>
      </c>
      <c r="BC15" s="342">
        <v>11499958</v>
      </c>
      <c r="BD15" s="343">
        <v>63654497</v>
      </c>
      <c r="BE15" s="345">
        <v>67365317</v>
      </c>
      <c r="BF15" s="341">
        <v>195345</v>
      </c>
      <c r="BG15" s="342">
        <v>423281</v>
      </c>
      <c r="BH15" s="346">
        <v>618626</v>
      </c>
      <c r="BI15" s="347">
        <v>0</v>
      </c>
      <c r="BJ15" s="342">
        <v>1300314</v>
      </c>
      <c r="BK15" s="342">
        <v>1616873</v>
      </c>
      <c r="BL15" s="342">
        <v>1286113</v>
      </c>
      <c r="BM15" s="342">
        <v>1232558</v>
      </c>
      <c r="BN15" s="342">
        <v>896443</v>
      </c>
      <c r="BO15" s="343">
        <v>6332301</v>
      </c>
      <c r="BP15" s="345">
        <v>6950927</v>
      </c>
      <c r="BQ15" s="341">
        <v>930173</v>
      </c>
      <c r="BR15" s="342">
        <v>645840</v>
      </c>
      <c r="BS15" s="343">
        <v>1576013</v>
      </c>
      <c r="BT15" s="341">
        <v>0</v>
      </c>
      <c r="BU15" s="342">
        <v>7357935</v>
      </c>
      <c r="BV15" s="342">
        <v>7849624</v>
      </c>
      <c r="BW15" s="342">
        <v>8235400</v>
      </c>
      <c r="BX15" s="342">
        <v>8854284</v>
      </c>
      <c r="BY15" s="342">
        <v>6805783</v>
      </c>
      <c r="BZ15" s="343">
        <v>39103026</v>
      </c>
      <c r="CA15" s="345">
        <v>40679039</v>
      </c>
      <c r="CB15" s="341">
        <v>1298793</v>
      </c>
      <c r="CC15" s="342">
        <v>3455369</v>
      </c>
      <c r="CD15" s="343">
        <v>4754162</v>
      </c>
      <c r="CE15" s="341">
        <v>0</v>
      </c>
      <c r="CF15" s="342">
        <v>32165213</v>
      </c>
      <c r="CG15" s="342">
        <v>33150999</v>
      </c>
      <c r="CH15" s="342">
        <v>27832508</v>
      </c>
      <c r="CI15" s="342">
        <v>20371195</v>
      </c>
      <c r="CJ15" s="342">
        <v>6707965</v>
      </c>
      <c r="CK15" s="343">
        <v>120227880</v>
      </c>
      <c r="CL15" s="345">
        <v>124982042</v>
      </c>
      <c r="CM15" s="341">
        <v>0</v>
      </c>
      <c r="CN15" s="342">
        <v>0</v>
      </c>
      <c r="CO15" s="343">
        <v>0</v>
      </c>
      <c r="CP15" s="347">
        <v>0</v>
      </c>
      <c r="CQ15" s="342">
        <v>27013456</v>
      </c>
      <c r="CR15" s="342">
        <v>25613156</v>
      </c>
      <c r="CS15" s="342">
        <v>22807826</v>
      </c>
      <c r="CT15" s="342">
        <v>14975604</v>
      </c>
      <c r="CU15" s="342">
        <v>5071426</v>
      </c>
      <c r="CV15" s="343">
        <v>95481468</v>
      </c>
      <c r="CW15" s="345">
        <v>95481468</v>
      </c>
      <c r="CX15" s="341">
        <v>1298793</v>
      </c>
      <c r="CY15" s="342">
        <v>3455369</v>
      </c>
      <c r="CZ15" s="343">
        <v>4754162</v>
      </c>
      <c r="DA15" s="341">
        <v>0</v>
      </c>
      <c r="DB15" s="342">
        <v>5151757</v>
      </c>
      <c r="DC15" s="342">
        <v>7537843</v>
      </c>
      <c r="DD15" s="342">
        <v>5024682</v>
      </c>
      <c r="DE15" s="342">
        <v>5395591</v>
      </c>
      <c r="DF15" s="342">
        <v>1636539</v>
      </c>
      <c r="DG15" s="343">
        <v>24746412</v>
      </c>
      <c r="DH15" s="345">
        <v>29500574</v>
      </c>
      <c r="DI15" s="341">
        <v>89208</v>
      </c>
      <c r="DJ15" s="342">
        <v>196325</v>
      </c>
      <c r="DK15" s="346">
        <v>285533</v>
      </c>
      <c r="DL15" s="347">
        <v>0</v>
      </c>
      <c r="DM15" s="342">
        <v>5016940</v>
      </c>
      <c r="DN15" s="342">
        <v>6067773</v>
      </c>
      <c r="DO15" s="342">
        <v>15674278</v>
      </c>
      <c r="DP15" s="342">
        <v>13623281</v>
      </c>
      <c r="DQ15" s="342">
        <v>7515696</v>
      </c>
      <c r="DR15" s="343">
        <v>47897968</v>
      </c>
      <c r="DS15" s="345">
        <v>48183501</v>
      </c>
      <c r="DT15" s="341">
        <v>89208</v>
      </c>
      <c r="DU15" s="342">
        <v>136161</v>
      </c>
      <c r="DV15" s="343">
        <v>225369</v>
      </c>
      <c r="DW15" s="341">
        <v>0</v>
      </c>
      <c r="DX15" s="342">
        <v>4497404</v>
      </c>
      <c r="DY15" s="342">
        <v>5235133</v>
      </c>
      <c r="DZ15" s="342">
        <v>13096187</v>
      </c>
      <c r="EA15" s="342">
        <v>11165312</v>
      </c>
      <c r="EB15" s="342">
        <v>5976962</v>
      </c>
      <c r="EC15" s="343">
        <v>39970998</v>
      </c>
      <c r="ED15" s="345">
        <v>40196367</v>
      </c>
      <c r="EE15" s="341">
        <v>0</v>
      </c>
      <c r="EF15" s="346">
        <v>60164</v>
      </c>
      <c r="EG15" s="343">
        <v>60164</v>
      </c>
      <c r="EH15" s="341">
        <v>0</v>
      </c>
      <c r="EI15" s="342">
        <v>519536</v>
      </c>
      <c r="EJ15" s="342">
        <v>832640</v>
      </c>
      <c r="EK15" s="342">
        <v>2578091</v>
      </c>
      <c r="EL15" s="342">
        <v>2457969</v>
      </c>
      <c r="EM15" s="342">
        <v>1538734</v>
      </c>
      <c r="EN15" s="346">
        <v>7926970</v>
      </c>
      <c r="EO15" s="345">
        <v>7987134</v>
      </c>
      <c r="EP15" s="341">
        <v>0</v>
      </c>
      <c r="EQ15" s="342">
        <v>0</v>
      </c>
      <c r="ER15" s="346">
        <v>0</v>
      </c>
      <c r="ES15" s="347">
        <v>0</v>
      </c>
      <c r="ET15" s="342">
        <v>0</v>
      </c>
      <c r="EU15" s="342">
        <v>0</v>
      </c>
      <c r="EV15" s="342">
        <v>0</v>
      </c>
      <c r="EW15" s="342">
        <v>0</v>
      </c>
      <c r="EX15" s="342">
        <v>0</v>
      </c>
      <c r="EY15" s="343">
        <v>0</v>
      </c>
      <c r="EZ15" s="345">
        <v>0</v>
      </c>
      <c r="FA15" s="341">
        <v>0</v>
      </c>
      <c r="FB15" s="342">
        <v>0</v>
      </c>
      <c r="FC15" s="346">
        <v>0</v>
      </c>
      <c r="FD15" s="347">
        <v>0</v>
      </c>
      <c r="FE15" s="342">
        <v>0</v>
      </c>
      <c r="FF15" s="342">
        <v>0</v>
      </c>
      <c r="FG15" s="342">
        <v>0</v>
      </c>
      <c r="FH15" s="342">
        <v>0</v>
      </c>
      <c r="FI15" s="342">
        <v>0</v>
      </c>
      <c r="FJ15" s="343">
        <v>0</v>
      </c>
      <c r="FK15" s="345">
        <v>0</v>
      </c>
      <c r="FL15" s="341">
        <v>3828399</v>
      </c>
      <c r="FM15" s="342">
        <v>3964828</v>
      </c>
      <c r="FN15" s="343">
        <v>7793227</v>
      </c>
      <c r="FO15" s="341">
        <v>0</v>
      </c>
      <c r="FP15" s="342">
        <v>10419584</v>
      </c>
      <c r="FQ15" s="342">
        <v>15067242</v>
      </c>
      <c r="FR15" s="342">
        <v>11433226</v>
      </c>
      <c r="FS15" s="342">
        <v>12211035</v>
      </c>
      <c r="FT15" s="342">
        <v>9385770</v>
      </c>
      <c r="FU15" s="343">
        <v>58516857</v>
      </c>
      <c r="FV15" s="345">
        <v>66310084</v>
      </c>
      <c r="FW15" s="348">
        <v>2050420</v>
      </c>
      <c r="FX15" s="342">
        <v>3031778</v>
      </c>
      <c r="FY15" s="346">
        <v>5082198</v>
      </c>
      <c r="FZ15" s="347">
        <v>0</v>
      </c>
      <c r="GA15" s="342">
        <v>8653024</v>
      </c>
      <c r="GB15" s="342">
        <v>13265384</v>
      </c>
      <c r="GC15" s="342">
        <v>10708713</v>
      </c>
      <c r="GD15" s="342">
        <v>11561921</v>
      </c>
      <c r="GE15" s="342">
        <v>9093242</v>
      </c>
      <c r="GF15" s="343">
        <v>53282284</v>
      </c>
      <c r="GG15" s="349">
        <v>58364482</v>
      </c>
      <c r="GH15" s="348">
        <v>315629</v>
      </c>
      <c r="GI15" s="342">
        <v>117250</v>
      </c>
      <c r="GJ15" s="346">
        <v>432879</v>
      </c>
      <c r="GK15" s="347">
        <v>0</v>
      </c>
      <c r="GL15" s="342">
        <v>429168</v>
      </c>
      <c r="GM15" s="342">
        <v>595507</v>
      </c>
      <c r="GN15" s="342">
        <v>405205</v>
      </c>
      <c r="GO15" s="342">
        <v>412594</v>
      </c>
      <c r="GP15" s="342">
        <v>284828</v>
      </c>
      <c r="GQ15" s="343">
        <v>2127302</v>
      </c>
      <c r="GR15" s="345">
        <v>2560181</v>
      </c>
      <c r="GS15" s="341">
        <v>1462350</v>
      </c>
      <c r="GT15" s="342">
        <v>815800</v>
      </c>
      <c r="GU15" s="343">
        <v>2278150</v>
      </c>
      <c r="GV15" s="341">
        <v>0</v>
      </c>
      <c r="GW15" s="342">
        <v>1337392</v>
      </c>
      <c r="GX15" s="342">
        <v>1206351</v>
      </c>
      <c r="GY15" s="342">
        <v>319308</v>
      </c>
      <c r="GZ15" s="342">
        <v>236520</v>
      </c>
      <c r="HA15" s="342">
        <v>7700</v>
      </c>
      <c r="HB15" s="346">
        <v>3107271</v>
      </c>
      <c r="HC15" s="345">
        <v>5385421</v>
      </c>
      <c r="HD15" s="341">
        <v>3234188</v>
      </c>
      <c r="HE15" s="342">
        <v>1759388</v>
      </c>
      <c r="HF15" s="346">
        <v>4993576</v>
      </c>
      <c r="HG15" s="347">
        <v>0</v>
      </c>
      <c r="HH15" s="342">
        <v>32997770</v>
      </c>
      <c r="HI15" s="342">
        <v>28254471</v>
      </c>
      <c r="HJ15" s="342">
        <v>35486518</v>
      </c>
      <c r="HK15" s="342">
        <v>37513120</v>
      </c>
      <c r="HL15" s="342">
        <v>28530070</v>
      </c>
      <c r="HM15" s="343">
        <v>162781949</v>
      </c>
      <c r="HN15" s="344">
        <v>167775525</v>
      </c>
      <c r="HO15" s="348">
        <v>2196105</v>
      </c>
      <c r="HP15" s="342">
        <v>2819740</v>
      </c>
      <c r="HQ15" s="343">
        <v>5015845</v>
      </c>
      <c r="HR15" s="341">
        <v>0</v>
      </c>
      <c r="HS15" s="342">
        <v>27289687</v>
      </c>
      <c r="HT15" s="342">
        <v>19214776</v>
      </c>
      <c r="HU15" s="342">
        <v>14476808</v>
      </c>
      <c r="HV15" s="342">
        <v>11553294</v>
      </c>
      <c r="HW15" s="342">
        <v>7128293</v>
      </c>
      <c r="HX15" s="346">
        <v>79662858</v>
      </c>
      <c r="HY15" s="345">
        <v>84678703</v>
      </c>
      <c r="HZ15" s="375">
        <v>265825</v>
      </c>
      <c r="IA15" s="376">
        <v>630451</v>
      </c>
      <c r="IB15" s="377">
        <v>896276</v>
      </c>
      <c r="IC15" s="353">
        <v>0</v>
      </c>
      <c r="ID15" s="351">
        <v>30940962</v>
      </c>
      <c r="IE15" s="354">
        <v>41870830</v>
      </c>
      <c r="IF15" s="352">
        <v>54163611</v>
      </c>
      <c r="IG15" s="351">
        <v>46523762</v>
      </c>
      <c r="IH15" s="352">
        <v>28727553</v>
      </c>
      <c r="II15" s="355">
        <v>202226718</v>
      </c>
      <c r="IJ15" s="378">
        <v>203122994</v>
      </c>
      <c r="IK15" s="357">
        <v>0</v>
      </c>
      <c r="IL15" s="358">
        <v>0</v>
      </c>
      <c r="IM15" s="359">
        <v>0</v>
      </c>
      <c r="IN15" s="436">
        <v>0</v>
      </c>
      <c r="IO15" s="360">
        <v>0</v>
      </c>
      <c r="IP15" s="360">
        <v>402981</v>
      </c>
      <c r="IQ15" s="360">
        <v>1600568</v>
      </c>
      <c r="IR15" s="360">
        <v>2363590</v>
      </c>
      <c r="IS15" s="360">
        <v>1919256</v>
      </c>
      <c r="IT15" s="361">
        <v>6286395</v>
      </c>
      <c r="IU15" s="362">
        <v>6286395</v>
      </c>
      <c r="IV15" s="363">
        <v>0</v>
      </c>
      <c r="IW15" s="360">
        <v>0</v>
      </c>
      <c r="IX15" s="364">
        <v>0</v>
      </c>
      <c r="IY15" s="439">
        <v>0</v>
      </c>
      <c r="IZ15" s="360">
        <v>0</v>
      </c>
      <c r="JA15" s="360">
        <v>0</v>
      </c>
      <c r="JB15" s="360">
        <v>0</v>
      </c>
      <c r="JC15" s="360">
        <v>0</v>
      </c>
      <c r="JD15" s="360">
        <v>0</v>
      </c>
      <c r="JE15" s="364">
        <v>0</v>
      </c>
      <c r="JF15" s="365">
        <v>0</v>
      </c>
      <c r="JG15" s="363">
        <v>0</v>
      </c>
      <c r="JH15" s="360">
        <v>0</v>
      </c>
      <c r="JI15" s="361">
        <v>0</v>
      </c>
      <c r="JJ15" s="366">
        <v>0</v>
      </c>
      <c r="JK15" s="360">
        <v>18418126</v>
      </c>
      <c r="JL15" s="360">
        <v>15275327</v>
      </c>
      <c r="JM15" s="360">
        <v>14557707</v>
      </c>
      <c r="JN15" s="360">
        <v>10349946</v>
      </c>
      <c r="JO15" s="360">
        <v>3978516</v>
      </c>
      <c r="JP15" s="364">
        <v>62579622</v>
      </c>
      <c r="JQ15" s="362">
        <v>62579622</v>
      </c>
      <c r="JR15" s="363">
        <v>0</v>
      </c>
      <c r="JS15" s="360">
        <v>0</v>
      </c>
      <c r="JT15" s="361">
        <v>0</v>
      </c>
      <c r="JU15" s="366">
        <v>0</v>
      </c>
      <c r="JV15" s="360">
        <v>265134</v>
      </c>
      <c r="JW15" s="360">
        <v>736728</v>
      </c>
      <c r="JX15" s="360">
        <v>707500</v>
      </c>
      <c r="JY15" s="360">
        <v>0</v>
      </c>
      <c r="JZ15" s="360">
        <v>889078</v>
      </c>
      <c r="KA15" s="364">
        <v>2598440</v>
      </c>
      <c r="KB15" s="362">
        <v>2598440</v>
      </c>
      <c r="KC15" s="367">
        <v>265825</v>
      </c>
      <c r="KD15" s="368">
        <v>630451</v>
      </c>
      <c r="KE15" s="364">
        <v>896276</v>
      </c>
      <c r="KF15" s="366">
        <v>0</v>
      </c>
      <c r="KG15" s="360">
        <v>3682128</v>
      </c>
      <c r="KH15" s="360">
        <v>5736762</v>
      </c>
      <c r="KI15" s="360">
        <v>11098548</v>
      </c>
      <c r="KJ15" s="360">
        <v>9271069</v>
      </c>
      <c r="KK15" s="360">
        <v>6152752</v>
      </c>
      <c r="KL15" s="364">
        <v>35941259</v>
      </c>
      <c r="KM15" s="369">
        <v>36837535</v>
      </c>
      <c r="KN15" s="357">
        <v>0</v>
      </c>
      <c r="KO15" s="358">
        <v>0</v>
      </c>
      <c r="KP15" s="359">
        <v>0</v>
      </c>
      <c r="KQ15" s="439">
        <v>0</v>
      </c>
      <c r="KR15" s="360">
        <v>7257056</v>
      </c>
      <c r="KS15" s="360">
        <v>17432071</v>
      </c>
      <c r="KT15" s="360">
        <v>20802941</v>
      </c>
      <c r="KU15" s="360">
        <v>17492893</v>
      </c>
      <c r="KV15" s="360">
        <v>7892720</v>
      </c>
      <c r="KW15" s="364">
        <v>70877681</v>
      </c>
      <c r="KX15" s="362">
        <v>70877681</v>
      </c>
      <c r="KY15" s="363">
        <v>0</v>
      </c>
      <c r="KZ15" s="360">
        <v>0</v>
      </c>
      <c r="LA15" s="364">
        <v>0</v>
      </c>
      <c r="LB15" s="439">
        <v>0</v>
      </c>
      <c r="LC15" s="360">
        <v>711206</v>
      </c>
      <c r="LD15" s="360">
        <v>1295214</v>
      </c>
      <c r="LE15" s="360">
        <v>2775136</v>
      </c>
      <c r="LF15" s="360">
        <v>3393663</v>
      </c>
      <c r="LG15" s="360">
        <v>2135889</v>
      </c>
      <c r="LH15" s="364">
        <v>10311108</v>
      </c>
      <c r="LI15" s="365">
        <v>10311108</v>
      </c>
      <c r="LJ15" s="363">
        <v>0</v>
      </c>
      <c r="LK15" s="360">
        <v>0</v>
      </c>
      <c r="LL15" s="364">
        <v>0</v>
      </c>
      <c r="LM15" s="439">
        <v>0</v>
      </c>
      <c r="LN15" s="360">
        <v>0</v>
      </c>
      <c r="LO15" s="360">
        <v>0</v>
      </c>
      <c r="LP15" s="360">
        <v>0</v>
      </c>
      <c r="LQ15" s="360">
        <v>308569</v>
      </c>
      <c r="LR15" s="360">
        <v>0</v>
      </c>
      <c r="LS15" s="364">
        <v>308569</v>
      </c>
      <c r="LT15" s="362">
        <v>308569</v>
      </c>
      <c r="LU15" s="363">
        <v>0</v>
      </c>
      <c r="LV15" s="360">
        <v>0</v>
      </c>
      <c r="LW15" s="364">
        <v>0</v>
      </c>
      <c r="LX15" s="439">
        <v>0</v>
      </c>
      <c r="LY15" s="360">
        <v>607312</v>
      </c>
      <c r="LZ15" s="360">
        <v>991747</v>
      </c>
      <c r="MA15" s="360">
        <v>2621211</v>
      </c>
      <c r="MB15" s="360">
        <v>3344032</v>
      </c>
      <c r="MC15" s="360">
        <v>5759342</v>
      </c>
      <c r="MD15" s="364">
        <v>13323644</v>
      </c>
      <c r="ME15" s="365">
        <v>13323644</v>
      </c>
      <c r="MF15" s="363">
        <v>0</v>
      </c>
      <c r="MG15" s="360">
        <v>0</v>
      </c>
      <c r="MH15" s="364">
        <v>0</v>
      </c>
      <c r="MI15" s="439">
        <v>0</v>
      </c>
      <c r="MJ15" s="360">
        <v>8753255</v>
      </c>
      <c r="MK15" s="360">
        <v>19391046</v>
      </c>
      <c r="ML15" s="360">
        <v>84777341</v>
      </c>
      <c r="MM15" s="360">
        <v>131144435</v>
      </c>
      <c r="MN15" s="360">
        <v>107688150</v>
      </c>
      <c r="MO15" s="364">
        <v>351754227</v>
      </c>
      <c r="MP15" s="369">
        <v>351754227</v>
      </c>
      <c r="MQ15" s="363">
        <v>0</v>
      </c>
      <c r="MR15" s="360">
        <v>0</v>
      </c>
      <c r="MS15" s="364">
        <v>0</v>
      </c>
      <c r="MT15" s="439">
        <v>0</v>
      </c>
      <c r="MU15" s="360">
        <v>857335</v>
      </c>
      <c r="MV15" s="360">
        <v>1155332</v>
      </c>
      <c r="MW15" s="360">
        <v>52807114</v>
      </c>
      <c r="MX15" s="360">
        <v>94640879</v>
      </c>
      <c r="MY15" s="360">
        <v>81009403</v>
      </c>
      <c r="MZ15" s="364">
        <v>230470063</v>
      </c>
      <c r="NA15" s="369">
        <v>230470063</v>
      </c>
      <c r="NB15" s="363">
        <v>0</v>
      </c>
      <c r="NC15" s="360">
        <v>0</v>
      </c>
      <c r="ND15" s="364">
        <v>0</v>
      </c>
      <c r="NE15" s="439">
        <v>0</v>
      </c>
      <c r="NF15" s="360">
        <v>7895920</v>
      </c>
      <c r="NG15" s="360">
        <v>18235714</v>
      </c>
      <c r="NH15" s="360">
        <v>31970227</v>
      </c>
      <c r="NI15" s="360">
        <v>35398961</v>
      </c>
      <c r="NJ15" s="360">
        <v>24520948</v>
      </c>
      <c r="NK15" s="364">
        <v>118021770</v>
      </c>
      <c r="NL15" s="362">
        <v>118021770</v>
      </c>
      <c r="NM15" s="363">
        <v>0</v>
      </c>
      <c r="NN15" s="360">
        <v>0</v>
      </c>
      <c r="NO15" s="364">
        <v>0</v>
      </c>
      <c r="NP15" s="439">
        <v>0</v>
      </c>
      <c r="NQ15" s="360">
        <v>0</v>
      </c>
      <c r="NR15" s="360">
        <v>0</v>
      </c>
      <c r="NS15" s="360">
        <v>0</v>
      </c>
      <c r="NT15" s="360">
        <v>0</v>
      </c>
      <c r="NU15" s="360">
        <v>0</v>
      </c>
      <c r="NV15" s="364">
        <v>0</v>
      </c>
      <c r="NW15" s="365">
        <v>0</v>
      </c>
      <c r="NX15" s="363">
        <v>0</v>
      </c>
      <c r="NY15" s="360">
        <v>0</v>
      </c>
      <c r="NZ15" s="364">
        <v>0</v>
      </c>
      <c r="OA15" s="439">
        <v>0</v>
      </c>
      <c r="OB15" s="360">
        <v>0</v>
      </c>
      <c r="OC15" s="360">
        <v>0</v>
      </c>
      <c r="OD15" s="360">
        <v>0</v>
      </c>
      <c r="OE15" s="360">
        <v>1104595</v>
      </c>
      <c r="OF15" s="360">
        <v>2157799</v>
      </c>
      <c r="OG15" s="364">
        <v>3262394</v>
      </c>
      <c r="OH15" s="365">
        <v>3262394</v>
      </c>
      <c r="OI15" s="363">
        <v>13336473</v>
      </c>
      <c r="OJ15" s="360">
        <v>16307605</v>
      </c>
      <c r="OK15" s="361">
        <v>29644078</v>
      </c>
      <c r="OL15" s="366">
        <v>0</v>
      </c>
      <c r="OM15" s="360">
        <v>191599870</v>
      </c>
      <c r="ON15" s="360">
        <v>212464454</v>
      </c>
      <c r="OO15" s="360">
        <v>297890759</v>
      </c>
      <c r="OP15" s="360">
        <v>340252118</v>
      </c>
      <c r="OQ15" s="360">
        <v>268363354</v>
      </c>
      <c r="OR15" s="364">
        <v>1310570555</v>
      </c>
      <c r="OS15" s="369">
        <v>1340214633</v>
      </c>
    </row>
    <row r="16" spans="1:409" s="137" customFormat="1" ht="21" customHeight="1" x14ac:dyDescent="0.2">
      <c r="B16" s="421" t="s">
        <v>10</v>
      </c>
      <c r="C16" s="341">
        <v>24272648</v>
      </c>
      <c r="D16" s="342">
        <v>39871771</v>
      </c>
      <c r="E16" s="343">
        <v>64144419</v>
      </c>
      <c r="F16" s="379">
        <v>0</v>
      </c>
      <c r="G16" s="342">
        <v>337410282</v>
      </c>
      <c r="H16" s="342">
        <v>284112995</v>
      </c>
      <c r="I16" s="342">
        <v>253674899</v>
      </c>
      <c r="J16" s="342">
        <v>244269451</v>
      </c>
      <c r="K16" s="342">
        <v>197641441</v>
      </c>
      <c r="L16" s="344">
        <v>1317109068</v>
      </c>
      <c r="M16" s="345">
        <v>1381253487</v>
      </c>
      <c r="N16" s="341">
        <v>6368627</v>
      </c>
      <c r="O16" s="342">
        <v>12158479</v>
      </c>
      <c r="P16" s="343">
        <v>18527106</v>
      </c>
      <c r="Q16" s="341">
        <v>0</v>
      </c>
      <c r="R16" s="342">
        <v>106299072</v>
      </c>
      <c r="S16" s="342">
        <v>94331427</v>
      </c>
      <c r="T16" s="342">
        <v>93571340</v>
      </c>
      <c r="U16" s="342">
        <v>105483688</v>
      </c>
      <c r="V16" s="342">
        <v>108981127</v>
      </c>
      <c r="W16" s="343">
        <v>508666654</v>
      </c>
      <c r="X16" s="345">
        <v>527193760</v>
      </c>
      <c r="Y16" s="341">
        <v>0</v>
      </c>
      <c r="Z16" s="342">
        <v>0</v>
      </c>
      <c r="AA16" s="343">
        <v>0</v>
      </c>
      <c r="AB16" s="341">
        <v>0</v>
      </c>
      <c r="AC16" s="342">
        <v>50897612</v>
      </c>
      <c r="AD16" s="342">
        <v>49082228</v>
      </c>
      <c r="AE16" s="342">
        <v>61020539</v>
      </c>
      <c r="AF16" s="342">
        <v>69052749</v>
      </c>
      <c r="AG16" s="342">
        <v>66447205</v>
      </c>
      <c r="AH16" s="343">
        <v>296500333</v>
      </c>
      <c r="AI16" s="345">
        <v>296500333</v>
      </c>
      <c r="AJ16" s="341">
        <v>0</v>
      </c>
      <c r="AK16" s="342">
        <v>20135</v>
      </c>
      <c r="AL16" s="343">
        <v>20135</v>
      </c>
      <c r="AM16" s="341">
        <v>0</v>
      </c>
      <c r="AN16" s="342">
        <v>483530</v>
      </c>
      <c r="AO16" s="342">
        <v>1595970</v>
      </c>
      <c r="AP16" s="342">
        <v>1857229</v>
      </c>
      <c r="AQ16" s="342">
        <v>5045923</v>
      </c>
      <c r="AR16" s="342">
        <v>11195356</v>
      </c>
      <c r="AS16" s="343">
        <v>20178008</v>
      </c>
      <c r="AT16" s="345">
        <v>20198143</v>
      </c>
      <c r="AU16" s="341">
        <v>3655349</v>
      </c>
      <c r="AV16" s="342">
        <v>7882495</v>
      </c>
      <c r="AW16" s="343">
        <v>11537844</v>
      </c>
      <c r="AX16" s="341">
        <v>0</v>
      </c>
      <c r="AY16" s="342">
        <v>33950277</v>
      </c>
      <c r="AZ16" s="342">
        <v>24427752</v>
      </c>
      <c r="BA16" s="342">
        <v>14522457</v>
      </c>
      <c r="BB16" s="342">
        <v>15919064</v>
      </c>
      <c r="BC16" s="342">
        <v>17825801</v>
      </c>
      <c r="BD16" s="343">
        <v>106645351</v>
      </c>
      <c r="BE16" s="345">
        <v>118183195</v>
      </c>
      <c r="BF16" s="341">
        <v>606875</v>
      </c>
      <c r="BG16" s="342">
        <v>1225455</v>
      </c>
      <c r="BH16" s="346">
        <v>1832330</v>
      </c>
      <c r="BI16" s="347">
        <v>0</v>
      </c>
      <c r="BJ16" s="342">
        <v>2863753</v>
      </c>
      <c r="BK16" s="342">
        <v>3217122</v>
      </c>
      <c r="BL16" s="342">
        <v>1911556</v>
      </c>
      <c r="BM16" s="342">
        <v>1094712</v>
      </c>
      <c r="BN16" s="342">
        <v>1573798</v>
      </c>
      <c r="BO16" s="343">
        <v>10660941</v>
      </c>
      <c r="BP16" s="345">
        <v>12493271</v>
      </c>
      <c r="BQ16" s="341">
        <v>2106403</v>
      </c>
      <c r="BR16" s="342">
        <v>3030394</v>
      </c>
      <c r="BS16" s="343">
        <v>5136797</v>
      </c>
      <c r="BT16" s="341">
        <v>0</v>
      </c>
      <c r="BU16" s="342">
        <v>18103900</v>
      </c>
      <c r="BV16" s="342">
        <v>16008355</v>
      </c>
      <c r="BW16" s="342">
        <v>14259559</v>
      </c>
      <c r="BX16" s="342">
        <v>14371240</v>
      </c>
      <c r="BY16" s="342">
        <v>11938967</v>
      </c>
      <c r="BZ16" s="343">
        <v>74682021</v>
      </c>
      <c r="CA16" s="345">
        <v>79818818</v>
      </c>
      <c r="CB16" s="341">
        <v>1183819</v>
      </c>
      <c r="CC16" s="342">
        <v>3727295</v>
      </c>
      <c r="CD16" s="343">
        <v>4911114</v>
      </c>
      <c r="CE16" s="341">
        <v>0</v>
      </c>
      <c r="CF16" s="342">
        <v>97219774</v>
      </c>
      <c r="CG16" s="342">
        <v>73139766</v>
      </c>
      <c r="CH16" s="342">
        <v>51592889</v>
      </c>
      <c r="CI16" s="342">
        <v>33857137</v>
      </c>
      <c r="CJ16" s="342">
        <v>17522460</v>
      </c>
      <c r="CK16" s="343">
        <v>273332026</v>
      </c>
      <c r="CL16" s="345">
        <v>278243140</v>
      </c>
      <c r="CM16" s="341">
        <v>0</v>
      </c>
      <c r="CN16" s="342">
        <v>0</v>
      </c>
      <c r="CO16" s="343">
        <v>0</v>
      </c>
      <c r="CP16" s="347">
        <v>0</v>
      </c>
      <c r="CQ16" s="342">
        <v>83544061</v>
      </c>
      <c r="CR16" s="342">
        <v>60867617</v>
      </c>
      <c r="CS16" s="342">
        <v>44671488</v>
      </c>
      <c r="CT16" s="342">
        <v>28120974</v>
      </c>
      <c r="CU16" s="342">
        <v>15066246</v>
      </c>
      <c r="CV16" s="343">
        <v>232270386</v>
      </c>
      <c r="CW16" s="345">
        <v>232270386</v>
      </c>
      <c r="CX16" s="341">
        <v>1183819</v>
      </c>
      <c r="CY16" s="342">
        <v>3727295</v>
      </c>
      <c r="CZ16" s="343">
        <v>4911114</v>
      </c>
      <c r="DA16" s="341">
        <v>0</v>
      </c>
      <c r="DB16" s="342">
        <v>13675713</v>
      </c>
      <c r="DC16" s="342">
        <v>12272149</v>
      </c>
      <c r="DD16" s="342">
        <v>6921401</v>
      </c>
      <c r="DE16" s="342">
        <v>5736163</v>
      </c>
      <c r="DF16" s="342">
        <v>2456214</v>
      </c>
      <c r="DG16" s="343">
        <v>41061640</v>
      </c>
      <c r="DH16" s="345">
        <v>45972754</v>
      </c>
      <c r="DI16" s="341">
        <v>165026</v>
      </c>
      <c r="DJ16" s="342">
        <v>661468</v>
      </c>
      <c r="DK16" s="346">
        <v>826494</v>
      </c>
      <c r="DL16" s="347">
        <v>0</v>
      </c>
      <c r="DM16" s="342">
        <v>11988254</v>
      </c>
      <c r="DN16" s="342">
        <v>13601118</v>
      </c>
      <c r="DO16" s="342">
        <v>22656905</v>
      </c>
      <c r="DP16" s="342">
        <v>20920041</v>
      </c>
      <c r="DQ16" s="342">
        <v>9832648</v>
      </c>
      <c r="DR16" s="343">
        <v>78998966</v>
      </c>
      <c r="DS16" s="345">
        <v>79825460</v>
      </c>
      <c r="DT16" s="341">
        <v>165026</v>
      </c>
      <c r="DU16" s="342">
        <v>552276</v>
      </c>
      <c r="DV16" s="343">
        <v>717302</v>
      </c>
      <c r="DW16" s="341">
        <v>0</v>
      </c>
      <c r="DX16" s="342">
        <v>11330986</v>
      </c>
      <c r="DY16" s="342">
        <v>12234776</v>
      </c>
      <c r="DZ16" s="342">
        <v>20984610</v>
      </c>
      <c r="EA16" s="342">
        <v>18760159</v>
      </c>
      <c r="EB16" s="342">
        <v>9450631</v>
      </c>
      <c r="EC16" s="343">
        <v>72761162</v>
      </c>
      <c r="ED16" s="345">
        <v>73478464</v>
      </c>
      <c r="EE16" s="341">
        <v>0</v>
      </c>
      <c r="EF16" s="346">
        <v>109192</v>
      </c>
      <c r="EG16" s="343">
        <v>109192</v>
      </c>
      <c r="EH16" s="341">
        <v>0</v>
      </c>
      <c r="EI16" s="342">
        <v>657268</v>
      </c>
      <c r="EJ16" s="342">
        <v>1366342</v>
      </c>
      <c r="EK16" s="342">
        <v>1672295</v>
      </c>
      <c r="EL16" s="342">
        <v>2159882</v>
      </c>
      <c r="EM16" s="342">
        <v>382017</v>
      </c>
      <c r="EN16" s="346">
        <v>6237804</v>
      </c>
      <c r="EO16" s="345">
        <v>6346996</v>
      </c>
      <c r="EP16" s="341">
        <v>0</v>
      </c>
      <c r="EQ16" s="342">
        <v>0</v>
      </c>
      <c r="ER16" s="346">
        <v>0</v>
      </c>
      <c r="ES16" s="347">
        <v>0</v>
      </c>
      <c r="ET16" s="342">
        <v>0</v>
      </c>
      <c r="EU16" s="342">
        <v>0</v>
      </c>
      <c r="EV16" s="342">
        <v>0</v>
      </c>
      <c r="EW16" s="342">
        <v>0</v>
      </c>
      <c r="EX16" s="342">
        <v>0</v>
      </c>
      <c r="EY16" s="343">
        <v>0</v>
      </c>
      <c r="EZ16" s="345">
        <v>0</v>
      </c>
      <c r="FA16" s="341">
        <v>0</v>
      </c>
      <c r="FB16" s="342">
        <v>0</v>
      </c>
      <c r="FC16" s="346">
        <v>0</v>
      </c>
      <c r="FD16" s="347">
        <v>0</v>
      </c>
      <c r="FE16" s="342">
        <v>0</v>
      </c>
      <c r="FF16" s="342">
        <v>0</v>
      </c>
      <c r="FG16" s="342">
        <v>0</v>
      </c>
      <c r="FH16" s="342">
        <v>0</v>
      </c>
      <c r="FI16" s="342">
        <v>0</v>
      </c>
      <c r="FJ16" s="343">
        <v>0</v>
      </c>
      <c r="FK16" s="345">
        <v>0</v>
      </c>
      <c r="FL16" s="341">
        <v>6956838</v>
      </c>
      <c r="FM16" s="342">
        <v>10039701</v>
      </c>
      <c r="FN16" s="343">
        <v>16996539</v>
      </c>
      <c r="FO16" s="341">
        <v>0</v>
      </c>
      <c r="FP16" s="342">
        <v>19597582</v>
      </c>
      <c r="FQ16" s="342">
        <v>26511036</v>
      </c>
      <c r="FR16" s="342">
        <v>19220481</v>
      </c>
      <c r="FS16" s="342">
        <v>18114508</v>
      </c>
      <c r="FT16" s="342">
        <v>15040450</v>
      </c>
      <c r="FU16" s="343">
        <v>98484057</v>
      </c>
      <c r="FV16" s="345">
        <v>115480596</v>
      </c>
      <c r="FW16" s="348">
        <v>4680054</v>
      </c>
      <c r="FX16" s="342">
        <v>8109386</v>
      </c>
      <c r="FY16" s="346">
        <v>12789440</v>
      </c>
      <c r="FZ16" s="347">
        <v>0</v>
      </c>
      <c r="GA16" s="342">
        <v>17269207</v>
      </c>
      <c r="GB16" s="342">
        <v>25144140</v>
      </c>
      <c r="GC16" s="342">
        <v>17931082</v>
      </c>
      <c r="GD16" s="342">
        <v>17799886</v>
      </c>
      <c r="GE16" s="342">
        <v>14766563</v>
      </c>
      <c r="GF16" s="343">
        <v>92910878</v>
      </c>
      <c r="GG16" s="349">
        <v>105700318</v>
      </c>
      <c r="GH16" s="348">
        <v>328663</v>
      </c>
      <c r="GI16" s="342">
        <v>254451</v>
      </c>
      <c r="GJ16" s="346">
        <v>583114</v>
      </c>
      <c r="GK16" s="347">
        <v>0</v>
      </c>
      <c r="GL16" s="342">
        <v>669395</v>
      </c>
      <c r="GM16" s="342">
        <v>586323</v>
      </c>
      <c r="GN16" s="342">
        <v>552029</v>
      </c>
      <c r="GO16" s="342">
        <v>314622</v>
      </c>
      <c r="GP16" s="342">
        <v>93887</v>
      </c>
      <c r="GQ16" s="343">
        <v>2216256</v>
      </c>
      <c r="GR16" s="345">
        <v>2799370</v>
      </c>
      <c r="GS16" s="341">
        <v>1948121</v>
      </c>
      <c r="GT16" s="342">
        <v>1675864</v>
      </c>
      <c r="GU16" s="343">
        <v>3623985</v>
      </c>
      <c r="GV16" s="341">
        <v>0</v>
      </c>
      <c r="GW16" s="342">
        <v>1658980</v>
      </c>
      <c r="GX16" s="342">
        <v>780573</v>
      </c>
      <c r="GY16" s="342">
        <v>737370</v>
      </c>
      <c r="GZ16" s="342">
        <v>0</v>
      </c>
      <c r="HA16" s="342">
        <v>180000</v>
      </c>
      <c r="HB16" s="346">
        <v>3356923</v>
      </c>
      <c r="HC16" s="345">
        <v>6980908</v>
      </c>
      <c r="HD16" s="341">
        <v>4148378</v>
      </c>
      <c r="HE16" s="342">
        <v>6344469</v>
      </c>
      <c r="HF16" s="346">
        <v>10492847</v>
      </c>
      <c r="HG16" s="347">
        <v>0</v>
      </c>
      <c r="HH16" s="342">
        <v>48098544</v>
      </c>
      <c r="HI16" s="342">
        <v>45825316</v>
      </c>
      <c r="HJ16" s="342">
        <v>45359493</v>
      </c>
      <c r="HK16" s="342">
        <v>50211362</v>
      </c>
      <c r="HL16" s="342">
        <v>35079496</v>
      </c>
      <c r="HM16" s="343">
        <v>224574211</v>
      </c>
      <c r="HN16" s="344">
        <v>235067058</v>
      </c>
      <c r="HO16" s="348">
        <v>5449960</v>
      </c>
      <c r="HP16" s="342">
        <v>6940359</v>
      </c>
      <c r="HQ16" s="343">
        <v>12390319</v>
      </c>
      <c r="HR16" s="341">
        <v>0</v>
      </c>
      <c r="HS16" s="342">
        <v>54207056</v>
      </c>
      <c r="HT16" s="342">
        <v>30704332</v>
      </c>
      <c r="HU16" s="342">
        <v>21273791</v>
      </c>
      <c r="HV16" s="342">
        <v>15682715</v>
      </c>
      <c r="HW16" s="342">
        <v>11185260</v>
      </c>
      <c r="HX16" s="346">
        <v>133053154</v>
      </c>
      <c r="HY16" s="345">
        <v>145443473</v>
      </c>
      <c r="HZ16" s="373">
        <v>633137</v>
      </c>
      <c r="IA16" s="371">
        <v>1688823</v>
      </c>
      <c r="IB16" s="373">
        <v>2321960</v>
      </c>
      <c r="IC16" s="370">
        <v>0</v>
      </c>
      <c r="ID16" s="371">
        <v>73220504</v>
      </c>
      <c r="IE16" s="372">
        <v>73702948</v>
      </c>
      <c r="IF16" s="373">
        <v>79630091</v>
      </c>
      <c r="IG16" s="371">
        <v>75028899</v>
      </c>
      <c r="IH16" s="373">
        <v>60994236</v>
      </c>
      <c r="II16" s="374">
        <v>362576678</v>
      </c>
      <c r="IJ16" s="373">
        <v>364898638</v>
      </c>
      <c r="IK16" s="357">
        <v>0</v>
      </c>
      <c r="IL16" s="358">
        <v>0</v>
      </c>
      <c r="IM16" s="359">
        <v>0</v>
      </c>
      <c r="IN16" s="436">
        <v>0</v>
      </c>
      <c r="IO16" s="360">
        <v>1357770</v>
      </c>
      <c r="IP16" s="360">
        <v>1894866</v>
      </c>
      <c r="IQ16" s="360">
        <v>2473740</v>
      </c>
      <c r="IR16" s="360">
        <v>3745287</v>
      </c>
      <c r="IS16" s="360">
        <v>3402989</v>
      </c>
      <c r="IT16" s="361">
        <v>12874652</v>
      </c>
      <c r="IU16" s="362">
        <v>12874652</v>
      </c>
      <c r="IV16" s="363">
        <v>0</v>
      </c>
      <c r="IW16" s="360">
        <v>0</v>
      </c>
      <c r="IX16" s="364">
        <v>0</v>
      </c>
      <c r="IY16" s="439">
        <v>0</v>
      </c>
      <c r="IZ16" s="360">
        <v>156085</v>
      </c>
      <c r="JA16" s="360">
        <v>46776</v>
      </c>
      <c r="JB16" s="360">
        <v>94888</v>
      </c>
      <c r="JC16" s="360">
        <v>256282</v>
      </c>
      <c r="JD16" s="360">
        <v>197671</v>
      </c>
      <c r="JE16" s="364">
        <v>751702</v>
      </c>
      <c r="JF16" s="365">
        <v>751702</v>
      </c>
      <c r="JG16" s="363">
        <v>0</v>
      </c>
      <c r="JH16" s="360">
        <v>0</v>
      </c>
      <c r="JI16" s="361">
        <v>0</v>
      </c>
      <c r="JJ16" s="366">
        <v>0</v>
      </c>
      <c r="JK16" s="360">
        <v>24758574</v>
      </c>
      <c r="JL16" s="360">
        <v>15797263</v>
      </c>
      <c r="JM16" s="360">
        <v>10589280</v>
      </c>
      <c r="JN16" s="360">
        <v>6534142</v>
      </c>
      <c r="JO16" s="360">
        <v>2612443</v>
      </c>
      <c r="JP16" s="364">
        <v>60291702</v>
      </c>
      <c r="JQ16" s="362">
        <v>60291702</v>
      </c>
      <c r="JR16" s="363">
        <v>0</v>
      </c>
      <c r="JS16" s="360">
        <v>46251</v>
      </c>
      <c r="JT16" s="361">
        <v>46251</v>
      </c>
      <c r="JU16" s="366">
        <v>0</v>
      </c>
      <c r="JV16" s="360">
        <v>750739</v>
      </c>
      <c r="JW16" s="360">
        <v>1252578</v>
      </c>
      <c r="JX16" s="360">
        <v>3557084</v>
      </c>
      <c r="JY16" s="360">
        <v>2018305</v>
      </c>
      <c r="JZ16" s="360">
        <v>1667567</v>
      </c>
      <c r="KA16" s="364">
        <v>9246273</v>
      </c>
      <c r="KB16" s="362">
        <v>9292524</v>
      </c>
      <c r="KC16" s="367">
        <v>633137</v>
      </c>
      <c r="KD16" s="368">
        <v>1164063</v>
      </c>
      <c r="KE16" s="364">
        <v>1797200</v>
      </c>
      <c r="KF16" s="366">
        <v>0</v>
      </c>
      <c r="KG16" s="360">
        <v>10971538</v>
      </c>
      <c r="KH16" s="360">
        <v>12524656</v>
      </c>
      <c r="KI16" s="360">
        <v>15961918</v>
      </c>
      <c r="KJ16" s="360">
        <v>14615196</v>
      </c>
      <c r="KK16" s="360">
        <v>12106664</v>
      </c>
      <c r="KL16" s="364">
        <v>66179972</v>
      </c>
      <c r="KM16" s="369">
        <v>67977172</v>
      </c>
      <c r="KN16" s="357">
        <v>0</v>
      </c>
      <c r="KO16" s="358">
        <v>478509</v>
      </c>
      <c r="KP16" s="359">
        <v>478509</v>
      </c>
      <c r="KQ16" s="439">
        <v>0</v>
      </c>
      <c r="KR16" s="360">
        <v>25908415</v>
      </c>
      <c r="KS16" s="360">
        <v>29647881</v>
      </c>
      <c r="KT16" s="360">
        <v>32914542</v>
      </c>
      <c r="KU16" s="360">
        <v>24375483</v>
      </c>
      <c r="KV16" s="360">
        <v>19975530</v>
      </c>
      <c r="KW16" s="364">
        <v>132821851</v>
      </c>
      <c r="KX16" s="362">
        <v>133300360</v>
      </c>
      <c r="KY16" s="363">
        <v>0</v>
      </c>
      <c r="KZ16" s="360">
        <v>0</v>
      </c>
      <c r="LA16" s="364">
        <v>0</v>
      </c>
      <c r="LB16" s="439">
        <v>0</v>
      </c>
      <c r="LC16" s="360">
        <v>6375606</v>
      </c>
      <c r="LD16" s="360">
        <v>3912866</v>
      </c>
      <c r="LE16" s="360">
        <v>5298214</v>
      </c>
      <c r="LF16" s="360">
        <v>6460875</v>
      </c>
      <c r="LG16" s="360">
        <v>6733669</v>
      </c>
      <c r="LH16" s="364">
        <v>28781230</v>
      </c>
      <c r="LI16" s="365">
        <v>28781230</v>
      </c>
      <c r="LJ16" s="363">
        <v>0</v>
      </c>
      <c r="LK16" s="360">
        <v>0</v>
      </c>
      <c r="LL16" s="364">
        <v>0</v>
      </c>
      <c r="LM16" s="439">
        <v>0</v>
      </c>
      <c r="LN16" s="360">
        <v>0</v>
      </c>
      <c r="LO16" s="360">
        <v>199272</v>
      </c>
      <c r="LP16" s="360">
        <v>839841</v>
      </c>
      <c r="LQ16" s="360">
        <v>5053128</v>
      </c>
      <c r="LR16" s="360">
        <v>5824546</v>
      </c>
      <c r="LS16" s="364">
        <v>11916787</v>
      </c>
      <c r="LT16" s="362">
        <v>11916787</v>
      </c>
      <c r="LU16" s="363">
        <v>0</v>
      </c>
      <c r="LV16" s="360">
        <v>0</v>
      </c>
      <c r="LW16" s="364">
        <v>0</v>
      </c>
      <c r="LX16" s="439">
        <v>0</v>
      </c>
      <c r="LY16" s="360">
        <v>2941777</v>
      </c>
      <c r="LZ16" s="360">
        <v>8426790</v>
      </c>
      <c r="MA16" s="360">
        <v>7900584</v>
      </c>
      <c r="MB16" s="360">
        <v>11970201</v>
      </c>
      <c r="MC16" s="360">
        <v>8473157</v>
      </c>
      <c r="MD16" s="364">
        <v>39712509</v>
      </c>
      <c r="ME16" s="365">
        <v>39712509</v>
      </c>
      <c r="MF16" s="363">
        <v>0</v>
      </c>
      <c r="MG16" s="360">
        <v>0</v>
      </c>
      <c r="MH16" s="364">
        <v>0</v>
      </c>
      <c r="MI16" s="439">
        <v>0</v>
      </c>
      <c r="MJ16" s="360">
        <v>27027216</v>
      </c>
      <c r="MK16" s="360">
        <v>43953782</v>
      </c>
      <c r="ML16" s="360">
        <v>115973719</v>
      </c>
      <c r="MM16" s="360">
        <v>212212080</v>
      </c>
      <c r="MN16" s="360">
        <v>172253727</v>
      </c>
      <c r="MO16" s="364">
        <v>571420524</v>
      </c>
      <c r="MP16" s="369">
        <v>571420524</v>
      </c>
      <c r="MQ16" s="363">
        <v>0</v>
      </c>
      <c r="MR16" s="360">
        <v>0</v>
      </c>
      <c r="MS16" s="364">
        <v>0</v>
      </c>
      <c r="MT16" s="439">
        <v>0</v>
      </c>
      <c r="MU16" s="360">
        <v>3476834</v>
      </c>
      <c r="MV16" s="360">
        <v>11657277</v>
      </c>
      <c r="MW16" s="360">
        <v>75813943</v>
      </c>
      <c r="MX16" s="360">
        <v>155318256</v>
      </c>
      <c r="MY16" s="360">
        <v>129134258</v>
      </c>
      <c r="MZ16" s="364">
        <v>375400568</v>
      </c>
      <c r="NA16" s="369">
        <v>375400568</v>
      </c>
      <c r="NB16" s="363">
        <v>0</v>
      </c>
      <c r="NC16" s="360">
        <v>0</v>
      </c>
      <c r="ND16" s="364">
        <v>0</v>
      </c>
      <c r="NE16" s="439">
        <v>0</v>
      </c>
      <c r="NF16" s="360">
        <v>23550382</v>
      </c>
      <c r="NG16" s="360">
        <v>32296505</v>
      </c>
      <c r="NH16" s="360">
        <v>40159776</v>
      </c>
      <c r="NI16" s="360">
        <v>55466941</v>
      </c>
      <c r="NJ16" s="360">
        <v>32915349</v>
      </c>
      <c r="NK16" s="364">
        <v>184388953</v>
      </c>
      <c r="NL16" s="362">
        <v>184388953</v>
      </c>
      <c r="NM16" s="363">
        <v>0</v>
      </c>
      <c r="NN16" s="360">
        <v>0</v>
      </c>
      <c r="NO16" s="364">
        <v>0</v>
      </c>
      <c r="NP16" s="439">
        <v>0</v>
      </c>
      <c r="NQ16" s="360">
        <v>0</v>
      </c>
      <c r="NR16" s="360">
        <v>0</v>
      </c>
      <c r="NS16" s="360">
        <v>0</v>
      </c>
      <c r="NT16" s="360">
        <v>0</v>
      </c>
      <c r="NU16" s="360">
        <v>0</v>
      </c>
      <c r="NV16" s="364">
        <v>0</v>
      </c>
      <c r="NW16" s="365">
        <v>0</v>
      </c>
      <c r="NX16" s="363">
        <v>0</v>
      </c>
      <c r="NY16" s="360">
        <v>0</v>
      </c>
      <c r="NZ16" s="364">
        <v>0</v>
      </c>
      <c r="OA16" s="439">
        <v>0</v>
      </c>
      <c r="OB16" s="360">
        <v>0</v>
      </c>
      <c r="OC16" s="360">
        <v>0</v>
      </c>
      <c r="OD16" s="360">
        <v>0</v>
      </c>
      <c r="OE16" s="360">
        <v>1426883</v>
      </c>
      <c r="OF16" s="360">
        <v>10204120</v>
      </c>
      <c r="OG16" s="364">
        <v>11631003</v>
      </c>
      <c r="OH16" s="365">
        <v>11631003</v>
      </c>
      <c r="OI16" s="363">
        <v>24905785</v>
      </c>
      <c r="OJ16" s="360">
        <v>41560594</v>
      </c>
      <c r="OK16" s="361">
        <v>66466379</v>
      </c>
      <c r="OL16" s="366">
        <v>0</v>
      </c>
      <c r="OM16" s="360">
        <v>437658002</v>
      </c>
      <c r="ON16" s="360">
        <v>401769725</v>
      </c>
      <c r="OO16" s="360">
        <v>449278709</v>
      </c>
      <c r="OP16" s="360">
        <v>531510430</v>
      </c>
      <c r="OQ16" s="360">
        <v>430889404</v>
      </c>
      <c r="OR16" s="364">
        <v>2251106270</v>
      </c>
      <c r="OS16" s="369">
        <v>2317572649</v>
      </c>
    </row>
    <row r="17" spans="2:409" s="137" customFormat="1" ht="21" customHeight="1" x14ac:dyDescent="0.2">
      <c r="B17" s="421" t="s">
        <v>11</v>
      </c>
      <c r="C17" s="341">
        <v>12125034</v>
      </c>
      <c r="D17" s="342">
        <v>16381276</v>
      </c>
      <c r="E17" s="380">
        <v>28506310</v>
      </c>
      <c r="F17" s="347">
        <v>0</v>
      </c>
      <c r="G17" s="342">
        <v>154926333</v>
      </c>
      <c r="H17" s="342">
        <v>139796160</v>
      </c>
      <c r="I17" s="342">
        <v>129963968</v>
      </c>
      <c r="J17" s="342">
        <v>142228037</v>
      </c>
      <c r="K17" s="342">
        <v>90039244</v>
      </c>
      <c r="L17" s="344">
        <v>656953742</v>
      </c>
      <c r="M17" s="345">
        <v>685460052</v>
      </c>
      <c r="N17" s="341">
        <v>1733402</v>
      </c>
      <c r="O17" s="342">
        <v>3125376</v>
      </c>
      <c r="P17" s="343">
        <v>4858778</v>
      </c>
      <c r="Q17" s="341">
        <v>0</v>
      </c>
      <c r="R17" s="342">
        <v>38105005</v>
      </c>
      <c r="S17" s="342">
        <v>39169184</v>
      </c>
      <c r="T17" s="342">
        <v>39562799</v>
      </c>
      <c r="U17" s="342">
        <v>52751965</v>
      </c>
      <c r="V17" s="342">
        <v>43954858</v>
      </c>
      <c r="W17" s="343">
        <v>213543811</v>
      </c>
      <c r="X17" s="345">
        <v>218402589</v>
      </c>
      <c r="Y17" s="341">
        <v>0</v>
      </c>
      <c r="Z17" s="342">
        <v>0</v>
      </c>
      <c r="AA17" s="343">
        <v>0</v>
      </c>
      <c r="AB17" s="341">
        <v>0</v>
      </c>
      <c r="AC17" s="342">
        <v>18894049</v>
      </c>
      <c r="AD17" s="342">
        <v>21808399</v>
      </c>
      <c r="AE17" s="342">
        <v>23044878</v>
      </c>
      <c r="AF17" s="342">
        <v>31319008</v>
      </c>
      <c r="AG17" s="342">
        <v>27906616</v>
      </c>
      <c r="AH17" s="343">
        <v>122972950</v>
      </c>
      <c r="AI17" s="345">
        <v>122972950</v>
      </c>
      <c r="AJ17" s="341">
        <v>0</v>
      </c>
      <c r="AK17" s="342">
        <v>0</v>
      </c>
      <c r="AL17" s="343">
        <v>0</v>
      </c>
      <c r="AM17" s="341">
        <v>0</v>
      </c>
      <c r="AN17" s="342">
        <v>141988</v>
      </c>
      <c r="AO17" s="342">
        <v>508240</v>
      </c>
      <c r="AP17" s="342">
        <v>1231513</v>
      </c>
      <c r="AQ17" s="342">
        <v>3768164</v>
      </c>
      <c r="AR17" s="342">
        <v>4122799</v>
      </c>
      <c r="AS17" s="343">
        <v>9772704</v>
      </c>
      <c r="AT17" s="345">
        <v>9772704</v>
      </c>
      <c r="AU17" s="341">
        <v>1048771</v>
      </c>
      <c r="AV17" s="342">
        <v>2423606</v>
      </c>
      <c r="AW17" s="343">
        <v>3472377</v>
      </c>
      <c r="AX17" s="341">
        <v>0</v>
      </c>
      <c r="AY17" s="342">
        <v>12830400</v>
      </c>
      <c r="AZ17" s="342">
        <v>9686424</v>
      </c>
      <c r="BA17" s="342">
        <v>8844204</v>
      </c>
      <c r="BB17" s="342">
        <v>10828896</v>
      </c>
      <c r="BC17" s="342">
        <v>7865729</v>
      </c>
      <c r="BD17" s="343">
        <v>50055653</v>
      </c>
      <c r="BE17" s="345">
        <v>53528030</v>
      </c>
      <c r="BF17" s="341">
        <v>160849</v>
      </c>
      <c r="BG17" s="342">
        <v>252074</v>
      </c>
      <c r="BH17" s="346">
        <v>412923</v>
      </c>
      <c r="BI17" s="347">
        <v>0</v>
      </c>
      <c r="BJ17" s="342">
        <v>963322</v>
      </c>
      <c r="BK17" s="342">
        <v>1053252</v>
      </c>
      <c r="BL17" s="342">
        <v>1034807</v>
      </c>
      <c r="BM17" s="342">
        <v>1052248</v>
      </c>
      <c r="BN17" s="342">
        <v>191808</v>
      </c>
      <c r="BO17" s="343">
        <v>4295437</v>
      </c>
      <c r="BP17" s="345">
        <v>4708360</v>
      </c>
      <c r="BQ17" s="341">
        <v>523782</v>
      </c>
      <c r="BR17" s="342">
        <v>449696</v>
      </c>
      <c r="BS17" s="343">
        <v>973478</v>
      </c>
      <c r="BT17" s="341">
        <v>0</v>
      </c>
      <c r="BU17" s="342">
        <v>5275246</v>
      </c>
      <c r="BV17" s="342">
        <v>6112869</v>
      </c>
      <c r="BW17" s="342">
        <v>5407397</v>
      </c>
      <c r="BX17" s="342">
        <v>5783649</v>
      </c>
      <c r="BY17" s="342">
        <v>3867906</v>
      </c>
      <c r="BZ17" s="343">
        <v>26447067</v>
      </c>
      <c r="CA17" s="345">
        <v>27420545</v>
      </c>
      <c r="CB17" s="341">
        <v>2667794</v>
      </c>
      <c r="CC17" s="342">
        <v>3835155</v>
      </c>
      <c r="CD17" s="343">
        <v>6502949</v>
      </c>
      <c r="CE17" s="341">
        <v>0</v>
      </c>
      <c r="CF17" s="342">
        <v>47685041</v>
      </c>
      <c r="CG17" s="342">
        <v>38818848</v>
      </c>
      <c r="CH17" s="342">
        <v>31531087</v>
      </c>
      <c r="CI17" s="342">
        <v>27506561</v>
      </c>
      <c r="CJ17" s="342">
        <v>11120325</v>
      </c>
      <c r="CK17" s="343">
        <v>156661862</v>
      </c>
      <c r="CL17" s="345">
        <v>163164811</v>
      </c>
      <c r="CM17" s="341">
        <v>0</v>
      </c>
      <c r="CN17" s="342">
        <v>0</v>
      </c>
      <c r="CO17" s="343">
        <v>0</v>
      </c>
      <c r="CP17" s="347">
        <v>0</v>
      </c>
      <c r="CQ17" s="342">
        <v>37496721</v>
      </c>
      <c r="CR17" s="342">
        <v>30219703</v>
      </c>
      <c r="CS17" s="342">
        <v>25578904</v>
      </c>
      <c r="CT17" s="342">
        <v>22062855</v>
      </c>
      <c r="CU17" s="342">
        <v>8917887</v>
      </c>
      <c r="CV17" s="343">
        <v>124276070</v>
      </c>
      <c r="CW17" s="345">
        <v>124276070</v>
      </c>
      <c r="CX17" s="341">
        <v>2667794</v>
      </c>
      <c r="CY17" s="342">
        <v>3835155</v>
      </c>
      <c r="CZ17" s="343">
        <v>6502949</v>
      </c>
      <c r="DA17" s="341">
        <v>0</v>
      </c>
      <c r="DB17" s="342">
        <v>10188320</v>
      </c>
      <c r="DC17" s="342">
        <v>8599145</v>
      </c>
      <c r="DD17" s="342">
        <v>5952183</v>
      </c>
      <c r="DE17" s="342">
        <v>5443706</v>
      </c>
      <c r="DF17" s="342">
        <v>2202438</v>
      </c>
      <c r="DG17" s="343">
        <v>32385792</v>
      </c>
      <c r="DH17" s="345">
        <v>38888741</v>
      </c>
      <c r="DI17" s="341">
        <v>160794</v>
      </c>
      <c r="DJ17" s="342">
        <v>504233</v>
      </c>
      <c r="DK17" s="346">
        <v>665027</v>
      </c>
      <c r="DL17" s="347">
        <v>0</v>
      </c>
      <c r="DM17" s="342">
        <v>4300028</v>
      </c>
      <c r="DN17" s="342">
        <v>5372039</v>
      </c>
      <c r="DO17" s="342">
        <v>12288428</v>
      </c>
      <c r="DP17" s="342">
        <v>8845116</v>
      </c>
      <c r="DQ17" s="342">
        <v>6509409</v>
      </c>
      <c r="DR17" s="343">
        <v>37315020</v>
      </c>
      <c r="DS17" s="345">
        <v>37980047</v>
      </c>
      <c r="DT17" s="341">
        <v>160794</v>
      </c>
      <c r="DU17" s="342">
        <v>424047</v>
      </c>
      <c r="DV17" s="343">
        <v>584841</v>
      </c>
      <c r="DW17" s="341">
        <v>0</v>
      </c>
      <c r="DX17" s="342">
        <v>3861196</v>
      </c>
      <c r="DY17" s="342">
        <v>5128256</v>
      </c>
      <c r="DZ17" s="342">
        <v>11380989</v>
      </c>
      <c r="EA17" s="342">
        <v>7713127</v>
      </c>
      <c r="EB17" s="342">
        <v>5667203</v>
      </c>
      <c r="EC17" s="343">
        <v>33750771</v>
      </c>
      <c r="ED17" s="345">
        <v>34335612</v>
      </c>
      <c r="EE17" s="341">
        <v>0</v>
      </c>
      <c r="EF17" s="346">
        <v>80186</v>
      </c>
      <c r="EG17" s="343">
        <v>80186</v>
      </c>
      <c r="EH17" s="341">
        <v>0</v>
      </c>
      <c r="EI17" s="342">
        <v>438832</v>
      </c>
      <c r="EJ17" s="342">
        <v>243783</v>
      </c>
      <c r="EK17" s="342">
        <v>907439</v>
      </c>
      <c r="EL17" s="342">
        <v>1131989</v>
      </c>
      <c r="EM17" s="342">
        <v>842206</v>
      </c>
      <c r="EN17" s="346">
        <v>3564249</v>
      </c>
      <c r="EO17" s="345">
        <v>3644435</v>
      </c>
      <c r="EP17" s="341">
        <v>0</v>
      </c>
      <c r="EQ17" s="342">
        <v>0</v>
      </c>
      <c r="ER17" s="346">
        <v>0</v>
      </c>
      <c r="ES17" s="347">
        <v>0</v>
      </c>
      <c r="ET17" s="342">
        <v>0</v>
      </c>
      <c r="EU17" s="342">
        <v>0</v>
      </c>
      <c r="EV17" s="342">
        <v>0</v>
      </c>
      <c r="EW17" s="342">
        <v>0</v>
      </c>
      <c r="EX17" s="342">
        <v>0</v>
      </c>
      <c r="EY17" s="343">
        <v>0</v>
      </c>
      <c r="EZ17" s="345">
        <v>0</v>
      </c>
      <c r="FA17" s="341">
        <v>0</v>
      </c>
      <c r="FB17" s="342">
        <v>0</v>
      </c>
      <c r="FC17" s="346">
        <v>0</v>
      </c>
      <c r="FD17" s="347">
        <v>0</v>
      </c>
      <c r="FE17" s="342">
        <v>0</v>
      </c>
      <c r="FF17" s="342">
        <v>0</v>
      </c>
      <c r="FG17" s="342">
        <v>0</v>
      </c>
      <c r="FH17" s="342">
        <v>0</v>
      </c>
      <c r="FI17" s="342">
        <v>0</v>
      </c>
      <c r="FJ17" s="343">
        <v>0</v>
      </c>
      <c r="FK17" s="345">
        <v>0</v>
      </c>
      <c r="FL17" s="341">
        <v>2929528</v>
      </c>
      <c r="FM17" s="342">
        <v>3848774</v>
      </c>
      <c r="FN17" s="343">
        <v>6778302</v>
      </c>
      <c r="FO17" s="341">
        <v>0</v>
      </c>
      <c r="FP17" s="342">
        <v>8297672</v>
      </c>
      <c r="FQ17" s="342">
        <v>13545440</v>
      </c>
      <c r="FR17" s="342">
        <v>10494854</v>
      </c>
      <c r="FS17" s="342">
        <v>11269789</v>
      </c>
      <c r="FT17" s="342">
        <v>6648445</v>
      </c>
      <c r="FU17" s="343">
        <v>50256200</v>
      </c>
      <c r="FV17" s="345">
        <v>57034502</v>
      </c>
      <c r="FW17" s="348">
        <v>1979461</v>
      </c>
      <c r="FX17" s="342">
        <v>3002709</v>
      </c>
      <c r="FY17" s="346">
        <v>4982170</v>
      </c>
      <c r="FZ17" s="347">
        <v>0</v>
      </c>
      <c r="GA17" s="342">
        <v>7049618</v>
      </c>
      <c r="GB17" s="342">
        <v>11888390</v>
      </c>
      <c r="GC17" s="342">
        <v>9605758</v>
      </c>
      <c r="GD17" s="342">
        <v>10621130</v>
      </c>
      <c r="GE17" s="342">
        <v>6452518</v>
      </c>
      <c r="GF17" s="343">
        <v>45617414</v>
      </c>
      <c r="GG17" s="349">
        <v>50599584</v>
      </c>
      <c r="GH17" s="348">
        <v>187703</v>
      </c>
      <c r="GI17" s="342">
        <v>164677</v>
      </c>
      <c r="GJ17" s="346">
        <v>352380</v>
      </c>
      <c r="GK17" s="347">
        <v>0</v>
      </c>
      <c r="GL17" s="342">
        <v>569129</v>
      </c>
      <c r="GM17" s="342">
        <v>477724</v>
      </c>
      <c r="GN17" s="342">
        <v>289246</v>
      </c>
      <c r="GO17" s="342">
        <v>480129</v>
      </c>
      <c r="GP17" s="342">
        <v>143727</v>
      </c>
      <c r="GQ17" s="343">
        <v>1959955</v>
      </c>
      <c r="GR17" s="345">
        <v>2312335</v>
      </c>
      <c r="GS17" s="341">
        <v>762364</v>
      </c>
      <c r="GT17" s="342">
        <v>681388</v>
      </c>
      <c r="GU17" s="343">
        <v>1443752</v>
      </c>
      <c r="GV17" s="341">
        <v>0</v>
      </c>
      <c r="GW17" s="342">
        <v>678925</v>
      </c>
      <c r="GX17" s="342">
        <v>1179326</v>
      </c>
      <c r="GY17" s="342">
        <v>599850</v>
      </c>
      <c r="GZ17" s="342">
        <v>168530</v>
      </c>
      <c r="HA17" s="342">
        <v>52200</v>
      </c>
      <c r="HB17" s="346">
        <v>2678831</v>
      </c>
      <c r="HC17" s="345">
        <v>4122583</v>
      </c>
      <c r="HD17" s="341">
        <v>2216137</v>
      </c>
      <c r="HE17" s="342">
        <v>2252104</v>
      </c>
      <c r="HF17" s="346">
        <v>4468241</v>
      </c>
      <c r="HG17" s="347">
        <v>0</v>
      </c>
      <c r="HH17" s="342">
        <v>29038866</v>
      </c>
      <c r="HI17" s="342">
        <v>26206532</v>
      </c>
      <c r="HJ17" s="342">
        <v>22365555</v>
      </c>
      <c r="HK17" s="342">
        <v>30882331</v>
      </c>
      <c r="HL17" s="342">
        <v>16400413</v>
      </c>
      <c r="HM17" s="343">
        <v>124893697</v>
      </c>
      <c r="HN17" s="344">
        <v>129361938</v>
      </c>
      <c r="HO17" s="348">
        <v>2417379</v>
      </c>
      <c r="HP17" s="342">
        <v>2815634</v>
      </c>
      <c r="HQ17" s="343">
        <v>5233013</v>
      </c>
      <c r="HR17" s="341">
        <v>0</v>
      </c>
      <c r="HS17" s="342">
        <v>27499721</v>
      </c>
      <c r="HT17" s="342">
        <v>16684117</v>
      </c>
      <c r="HU17" s="342">
        <v>13721245</v>
      </c>
      <c r="HV17" s="342">
        <v>10972275</v>
      </c>
      <c r="HW17" s="342">
        <v>5405794</v>
      </c>
      <c r="HX17" s="346">
        <v>74283152</v>
      </c>
      <c r="HY17" s="345">
        <v>79516165</v>
      </c>
      <c r="HZ17" s="350">
        <v>73281</v>
      </c>
      <c r="IA17" s="351">
        <v>1231439</v>
      </c>
      <c r="IB17" s="352">
        <v>1304720</v>
      </c>
      <c r="IC17" s="353">
        <v>0</v>
      </c>
      <c r="ID17" s="351">
        <v>50605974</v>
      </c>
      <c r="IE17" s="354">
        <v>49452089</v>
      </c>
      <c r="IF17" s="352">
        <v>52704512</v>
      </c>
      <c r="IG17" s="351">
        <v>33214796</v>
      </c>
      <c r="IH17" s="352">
        <v>17964223</v>
      </c>
      <c r="II17" s="355">
        <v>203941594</v>
      </c>
      <c r="IJ17" s="356">
        <v>205246314</v>
      </c>
      <c r="IK17" s="357">
        <v>0</v>
      </c>
      <c r="IL17" s="358">
        <v>0</v>
      </c>
      <c r="IM17" s="359">
        <v>0</v>
      </c>
      <c r="IN17" s="436">
        <v>0</v>
      </c>
      <c r="IO17" s="360">
        <v>510469</v>
      </c>
      <c r="IP17" s="360">
        <v>887246</v>
      </c>
      <c r="IQ17" s="360">
        <v>494181</v>
      </c>
      <c r="IR17" s="360">
        <v>738682</v>
      </c>
      <c r="IS17" s="360">
        <v>1532517</v>
      </c>
      <c r="IT17" s="361">
        <v>4163095</v>
      </c>
      <c r="IU17" s="362">
        <v>4163095</v>
      </c>
      <c r="IV17" s="363">
        <v>0</v>
      </c>
      <c r="IW17" s="360">
        <v>0</v>
      </c>
      <c r="IX17" s="364">
        <v>0</v>
      </c>
      <c r="IY17" s="439">
        <v>0</v>
      </c>
      <c r="IZ17" s="360">
        <v>234956</v>
      </c>
      <c r="JA17" s="360">
        <v>282011</v>
      </c>
      <c r="JB17" s="360">
        <v>227292</v>
      </c>
      <c r="JC17" s="360">
        <v>472003</v>
      </c>
      <c r="JD17" s="360">
        <v>356189</v>
      </c>
      <c r="JE17" s="364">
        <v>1572451</v>
      </c>
      <c r="JF17" s="365">
        <v>1572451</v>
      </c>
      <c r="JG17" s="363">
        <v>0</v>
      </c>
      <c r="JH17" s="360">
        <v>0</v>
      </c>
      <c r="JI17" s="361">
        <v>0</v>
      </c>
      <c r="JJ17" s="366">
        <v>0</v>
      </c>
      <c r="JK17" s="360">
        <v>27168891</v>
      </c>
      <c r="JL17" s="360">
        <v>20462843</v>
      </c>
      <c r="JM17" s="360">
        <v>16330438</v>
      </c>
      <c r="JN17" s="360">
        <v>8482275</v>
      </c>
      <c r="JO17" s="360">
        <v>5253996</v>
      </c>
      <c r="JP17" s="364">
        <v>77698443</v>
      </c>
      <c r="JQ17" s="362">
        <v>77698443</v>
      </c>
      <c r="JR17" s="363">
        <v>0</v>
      </c>
      <c r="JS17" s="360">
        <v>0</v>
      </c>
      <c r="JT17" s="361">
        <v>0</v>
      </c>
      <c r="JU17" s="366">
        <v>0</v>
      </c>
      <c r="JV17" s="360">
        <v>1681062</v>
      </c>
      <c r="JW17" s="360">
        <v>2332616</v>
      </c>
      <c r="JX17" s="360">
        <v>1515136</v>
      </c>
      <c r="JY17" s="360">
        <v>104833</v>
      </c>
      <c r="JZ17" s="360">
        <v>155556</v>
      </c>
      <c r="KA17" s="364">
        <v>5789203</v>
      </c>
      <c r="KB17" s="362">
        <v>5789203</v>
      </c>
      <c r="KC17" s="367">
        <v>73281</v>
      </c>
      <c r="KD17" s="368">
        <v>751725</v>
      </c>
      <c r="KE17" s="364">
        <v>825006</v>
      </c>
      <c r="KF17" s="366">
        <v>0</v>
      </c>
      <c r="KG17" s="360">
        <v>5969914</v>
      </c>
      <c r="KH17" s="360">
        <v>6250073</v>
      </c>
      <c r="KI17" s="360">
        <v>10652600</v>
      </c>
      <c r="KJ17" s="360">
        <v>5880838</v>
      </c>
      <c r="KK17" s="360">
        <v>2269345</v>
      </c>
      <c r="KL17" s="364">
        <v>31022770</v>
      </c>
      <c r="KM17" s="369">
        <v>31847776</v>
      </c>
      <c r="KN17" s="357">
        <v>0</v>
      </c>
      <c r="KO17" s="358">
        <v>479714</v>
      </c>
      <c r="KP17" s="359">
        <v>479714</v>
      </c>
      <c r="KQ17" s="439">
        <v>0</v>
      </c>
      <c r="KR17" s="360">
        <v>13385616</v>
      </c>
      <c r="KS17" s="360">
        <v>18504412</v>
      </c>
      <c r="KT17" s="360">
        <v>22117754</v>
      </c>
      <c r="KU17" s="360">
        <v>14994065</v>
      </c>
      <c r="KV17" s="360">
        <v>7656582</v>
      </c>
      <c r="KW17" s="364">
        <v>76658429</v>
      </c>
      <c r="KX17" s="362">
        <v>77138143</v>
      </c>
      <c r="KY17" s="363">
        <v>0</v>
      </c>
      <c r="KZ17" s="360">
        <v>0</v>
      </c>
      <c r="LA17" s="364">
        <v>0</v>
      </c>
      <c r="LB17" s="439">
        <v>0</v>
      </c>
      <c r="LC17" s="360">
        <v>0</v>
      </c>
      <c r="LD17" s="360">
        <v>0</v>
      </c>
      <c r="LE17" s="360">
        <v>0</v>
      </c>
      <c r="LF17" s="360">
        <v>0</v>
      </c>
      <c r="LG17" s="360">
        <v>0</v>
      </c>
      <c r="LH17" s="364">
        <v>0</v>
      </c>
      <c r="LI17" s="365">
        <v>0</v>
      </c>
      <c r="LJ17" s="363">
        <v>0</v>
      </c>
      <c r="LK17" s="360">
        <v>0</v>
      </c>
      <c r="LL17" s="364">
        <v>0</v>
      </c>
      <c r="LM17" s="439">
        <v>0</v>
      </c>
      <c r="LN17" s="360">
        <v>0</v>
      </c>
      <c r="LO17" s="360">
        <v>231264</v>
      </c>
      <c r="LP17" s="360">
        <v>260217</v>
      </c>
      <c r="LQ17" s="360">
        <v>0</v>
      </c>
      <c r="LR17" s="360">
        <v>0</v>
      </c>
      <c r="LS17" s="364">
        <v>491481</v>
      </c>
      <c r="LT17" s="362">
        <v>491481</v>
      </c>
      <c r="LU17" s="363">
        <v>0</v>
      </c>
      <c r="LV17" s="360">
        <v>0</v>
      </c>
      <c r="LW17" s="364">
        <v>0</v>
      </c>
      <c r="LX17" s="439">
        <v>0</v>
      </c>
      <c r="LY17" s="360">
        <v>1655066</v>
      </c>
      <c r="LZ17" s="360">
        <v>501624</v>
      </c>
      <c r="MA17" s="360">
        <v>1106894</v>
      </c>
      <c r="MB17" s="360">
        <v>2542100</v>
      </c>
      <c r="MC17" s="360">
        <v>740038</v>
      </c>
      <c r="MD17" s="364">
        <v>6545722</v>
      </c>
      <c r="ME17" s="365">
        <v>6545722</v>
      </c>
      <c r="MF17" s="363">
        <v>0</v>
      </c>
      <c r="MG17" s="360">
        <v>0</v>
      </c>
      <c r="MH17" s="364">
        <v>0</v>
      </c>
      <c r="MI17" s="439">
        <v>0</v>
      </c>
      <c r="MJ17" s="360">
        <v>14803602</v>
      </c>
      <c r="MK17" s="360">
        <v>27977737</v>
      </c>
      <c r="ML17" s="360">
        <v>85081493</v>
      </c>
      <c r="MM17" s="360">
        <v>144391275</v>
      </c>
      <c r="MN17" s="360">
        <v>96701057</v>
      </c>
      <c r="MO17" s="364">
        <v>368955164</v>
      </c>
      <c r="MP17" s="369">
        <v>368955164</v>
      </c>
      <c r="MQ17" s="363">
        <v>0</v>
      </c>
      <c r="MR17" s="360">
        <v>0</v>
      </c>
      <c r="MS17" s="364">
        <v>0</v>
      </c>
      <c r="MT17" s="439">
        <v>0</v>
      </c>
      <c r="MU17" s="360">
        <v>172782</v>
      </c>
      <c r="MV17" s="360">
        <v>1364607</v>
      </c>
      <c r="MW17" s="360">
        <v>45570384</v>
      </c>
      <c r="MX17" s="360">
        <v>98011518</v>
      </c>
      <c r="MY17" s="360">
        <v>59394619</v>
      </c>
      <c r="MZ17" s="364">
        <v>204513910</v>
      </c>
      <c r="NA17" s="369">
        <v>204513910</v>
      </c>
      <c r="NB17" s="363">
        <v>0</v>
      </c>
      <c r="NC17" s="360">
        <v>0</v>
      </c>
      <c r="ND17" s="364">
        <v>0</v>
      </c>
      <c r="NE17" s="439">
        <v>0</v>
      </c>
      <c r="NF17" s="360">
        <v>13678654</v>
      </c>
      <c r="NG17" s="360">
        <v>24531629</v>
      </c>
      <c r="NH17" s="360">
        <v>36224242</v>
      </c>
      <c r="NI17" s="360">
        <v>42581549</v>
      </c>
      <c r="NJ17" s="360">
        <v>26299974</v>
      </c>
      <c r="NK17" s="364">
        <v>143316048</v>
      </c>
      <c r="NL17" s="362">
        <v>143316048</v>
      </c>
      <c r="NM17" s="363">
        <v>0</v>
      </c>
      <c r="NN17" s="360">
        <v>0</v>
      </c>
      <c r="NO17" s="364">
        <v>0</v>
      </c>
      <c r="NP17" s="439">
        <v>0</v>
      </c>
      <c r="NQ17" s="360">
        <v>0</v>
      </c>
      <c r="NR17" s="360">
        <v>0</v>
      </c>
      <c r="NS17" s="360">
        <v>0</v>
      </c>
      <c r="NT17" s="360">
        <v>0</v>
      </c>
      <c r="NU17" s="360">
        <v>0</v>
      </c>
      <c r="NV17" s="364">
        <v>0</v>
      </c>
      <c r="NW17" s="365">
        <v>0</v>
      </c>
      <c r="NX17" s="363">
        <v>0</v>
      </c>
      <c r="NY17" s="360">
        <v>0</v>
      </c>
      <c r="NZ17" s="364">
        <v>0</v>
      </c>
      <c r="OA17" s="439">
        <v>0</v>
      </c>
      <c r="OB17" s="360">
        <v>952166</v>
      </c>
      <c r="OC17" s="360">
        <v>2081501</v>
      </c>
      <c r="OD17" s="360">
        <v>3286867</v>
      </c>
      <c r="OE17" s="360">
        <v>3798208</v>
      </c>
      <c r="OF17" s="360">
        <v>11006464</v>
      </c>
      <c r="OG17" s="364">
        <v>21125206</v>
      </c>
      <c r="OH17" s="365">
        <v>21125206</v>
      </c>
      <c r="OI17" s="363">
        <v>12198315</v>
      </c>
      <c r="OJ17" s="360">
        <v>17612715</v>
      </c>
      <c r="OK17" s="361">
        <v>29811030</v>
      </c>
      <c r="OL17" s="366">
        <v>0</v>
      </c>
      <c r="OM17" s="360">
        <v>220335909</v>
      </c>
      <c r="ON17" s="360">
        <v>217225986</v>
      </c>
      <c r="OO17" s="360">
        <v>267749973</v>
      </c>
      <c r="OP17" s="360">
        <v>319834108</v>
      </c>
      <c r="OQ17" s="360">
        <v>204704524</v>
      </c>
      <c r="OR17" s="364">
        <v>1229850500</v>
      </c>
      <c r="OS17" s="369">
        <v>1259661530</v>
      </c>
    </row>
    <row r="18" spans="2:409" s="137" customFormat="1" ht="21" customHeight="1" x14ac:dyDescent="0.2">
      <c r="B18" s="421" t="s">
        <v>12</v>
      </c>
      <c r="C18" s="341">
        <v>15965115</v>
      </c>
      <c r="D18" s="342">
        <v>34026917</v>
      </c>
      <c r="E18" s="343">
        <v>49992032</v>
      </c>
      <c r="F18" s="344">
        <v>0</v>
      </c>
      <c r="G18" s="342">
        <v>132408806</v>
      </c>
      <c r="H18" s="381">
        <v>151747146</v>
      </c>
      <c r="I18" s="381">
        <v>137346483</v>
      </c>
      <c r="J18" s="381">
        <v>149431743</v>
      </c>
      <c r="K18" s="381">
        <v>111619141</v>
      </c>
      <c r="L18" s="346">
        <v>682553319</v>
      </c>
      <c r="M18" s="345">
        <v>732545351</v>
      </c>
      <c r="N18" s="341">
        <v>3784987</v>
      </c>
      <c r="O18" s="342">
        <v>10839060</v>
      </c>
      <c r="P18" s="343">
        <v>14624047</v>
      </c>
      <c r="Q18" s="341">
        <v>0</v>
      </c>
      <c r="R18" s="342">
        <v>34857469</v>
      </c>
      <c r="S18" s="342">
        <v>49753989</v>
      </c>
      <c r="T18" s="342">
        <v>42503344</v>
      </c>
      <c r="U18" s="342">
        <v>58030873</v>
      </c>
      <c r="V18" s="342">
        <v>60269683</v>
      </c>
      <c r="W18" s="343">
        <v>245415358</v>
      </c>
      <c r="X18" s="345">
        <v>260039405</v>
      </c>
      <c r="Y18" s="341">
        <v>0</v>
      </c>
      <c r="Z18" s="342">
        <v>0</v>
      </c>
      <c r="AA18" s="343">
        <v>0</v>
      </c>
      <c r="AB18" s="341">
        <v>0</v>
      </c>
      <c r="AC18" s="342">
        <v>19361228</v>
      </c>
      <c r="AD18" s="342">
        <v>26204447</v>
      </c>
      <c r="AE18" s="342">
        <v>26234209</v>
      </c>
      <c r="AF18" s="342">
        <v>38153157</v>
      </c>
      <c r="AG18" s="342">
        <v>40440879</v>
      </c>
      <c r="AH18" s="343">
        <v>150393920</v>
      </c>
      <c r="AI18" s="345">
        <v>150393920</v>
      </c>
      <c r="AJ18" s="341">
        <v>0</v>
      </c>
      <c r="AK18" s="342">
        <v>126553</v>
      </c>
      <c r="AL18" s="343">
        <v>126553</v>
      </c>
      <c r="AM18" s="341">
        <v>0</v>
      </c>
      <c r="AN18" s="342">
        <v>170989</v>
      </c>
      <c r="AO18" s="342">
        <v>880144</v>
      </c>
      <c r="AP18" s="342">
        <v>1121827</v>
      </c>
      <c r="AQ18" s="342">
        <v>3448687</v>
      </c>
      <c r="AR18" s="342">
        <v>4980376</v>
      </c>
      <c r="AS18" s="343">
        <v>10602023</v>
      </c>
      <c r="AT18" s="345">
        <v>10728576</v>
      </c>
      <c r="AU18" s="341">
        <v>2790324</v>
      </c>
      <c r="AV18" s="342">
        <v>8488394</v>
      </c>
      <c r="AW18" s="343">
        <v>11278718</v>
      </c>
      <c r="AX18" s="341">
        <v>0</v>
      </c>
      <c r="AY18" s="342">
        <v>10365729</v>
      </c>
      <c r="AZ18" s="342">
        <v>15899613</v>
      </c>
      <c r="BA18" s="342">
        <v>9047715</v>
      </c>
      <c r="BB18" s="342">
        <v>9705962</v>
      </c>
      <c r="BC18" s="342">
        <v>10001521</v>
      </c>
      <c r="BD18" s="343">
        <v>55020540</v>
      </c>
      <c r="BE18" s="345">
        <v>66299258</v>
      </c>
      <c r="BF18" s="341">
        <v>203948</v>
      </c>
      <c r="BG18" s="342">
        <v>830730</v>
      </c>
      <c r="BH18" s="346">
        <v>1034678</v>
      </c>
      <c r="BI18" s="347">
        <v>0</v>
      </c>
      <c r="BJ18" s="342">
        <v>446438</v>
      </c>
      <c r="BK18" s="342">
        <v>1621878</v>
      </c>
      <c r="BL18" s="342">
        <v>965098</v>
      </c>
      <c r="BM18" s="342">
        <v>830905</v>
      </c>
      <c r="BN18" s="342">
        <v>347510</v>
      </c>
      <c r="BO18" s="343">
        <v>4211829</v>
      </c>
      <c r="BP18" s="345">
        <v>5246507</v>
      </c>
      <c r="BQ18" s="341">
        <v>790715</v>
      </c>
      <c r="BR18" s="342">
        <v>1393383</v>
      </c>
      <c r="BS18" s="343">
        <v>2184098</v>
      </c>
      <c r="BT18" s="341">
        <v>0</v>
      </c>
      <c r="BU18" s="342">
        <v>4513085</v>
      </c>
      <c r="BV18" s="342">
        <v>5147907</v>
      </c>
      <c r="BW18" s="342">
        <v>5134495</v>
      </c>
      <c r="BX18" s="342">
        <v>5892162</v>
      </c>
      <c r="BY18" s="342">
        <v>4499397</v>
      </c>
      <c r="BZ18" s="343">
        <v>25187046</v>
      </c>
      <c r="CA18" s="345">
        <v>27371144</v>
      </c>
      <c r="CB18" s="341">
        <v>2245392</v>
      </c>
      <c r="CC18" s="342">
        <v>5580741</v>
      </c>
      <c r="CD18" s="343">
        <v>7826133</v>
      </c>
      <c r="CE18" s="341">
        <v>0</v>
      </c>
      <c r="CF18" s="342">
        <v>43178108</v>
      </c>
      <c r="CG18" s="342">
        <v>42515006</v>
      </c>
      <c r="CH18" s="342">
        <v>37036672</v>
      </c>
      <c r="CI18" s="342">
        <v>26836105</v>
      </c>
      <c r="CJ18" s="342">
        <v>14012023</v>
      </c>
      <c r="CK18" s="343">
        <v>163577914</v>
      </c>
      <c r="CL18" s="345">
        <v>171404047</v>
      </c>
      <c r="CM18" s="341">
        <v>0</v>
      </c>
      <c r="CN18" s="342">
        <v>0</v>
      </c>
      <c r="CO18" s="343">
        <v>0</v>
      </c>
      <c r="CP18" s="347">
        <v>0</v>
      </c>
      <c r="CQ18" s="342">
        <v>37077920</v>
      </c>
      <c r="CR18" s="342">
        <v>32247941</v>
      </c>
      <c r="CS18" s="342">
        <v>28019648</v>
      </c>
      <c r="CT18" s="342">
        <v>20795919</v>
      </c>
      <c r="CU18" s="342">
        <v>12077062</v>
      </c>
      <c r="CV18" s="343">
        <v>130218490</v>
      </c>
      <c r="CW18" s="345">
        <v>130218490</v>
      </c>
      <c r="CX18" s="341">
        <v>2245392</v>
      </c>
      <c r="CY18" s="342">
        <v>5580741</v>
      </c>
      <c r="CZ18" s="343">
        <v>7826133</v>
      </c>
      <c r="DA18" s="341">
        <v>0</v>
      </c>
      <c r="DB18" s="342">
        <v>6100188</v>
      </c>
      <c r="DC18" s="342">
        <v>10267065</v>
      </c>
      <c r="DD18" s="342">
        <v>9017024</v>
      </c>
      <c r="DE18" s="342">
        <v>6040186</v>
      </c>
      <c r="DF18" s="342">
        <v>1934961</v>
      </c>
      <c r="DG18" s="343">
        <v>33359424</v>
      </c>
      <c r="DH18" s="345">
        <v>41185557</v>
      </c>
      <c r="DI18" s="341">
        <v>161467</v>
      </c>
      <c r="DJ18" s="342">
        <v>638950</v>
      </c>
      <c r="DK18" s="346">
        <v>800417</v>
      </c>
      <c r="DL18" s="347">
        <v>0</v>
      </c>
      <c r="DM18" s="342">
        <v>4859218</v>
      </c>
      <c r="DN18" s="342">
        <v>6227745</v>
      </c>
      <c r="DO18" s="342">
        <v>10827329</v>
      </c>
      <c r="DP18" s="342">
        <v>10772745</v>
      </c>
      <c r="DQ18" s="342">
        <v>6117405</v>
      </c>
      <c r="DR18" s="343">
        <v>38804442</v>
      </c>
      <c r="DS18" s="345">
        <v>39604859</v>
      </c>
      <c r="DT18" s="341">
        <v>161467</v>
      </c>
      <c r="DU18" s="342">
        <v>568056</v>
      </c>
      <c r="DV18" s="343">
        <v>729523</v>
      </c>
      <c r="DW18" s="341">
        <v>0</v>
      </c>
      <c r="DX18" s="342">
        <v>4536386</v>
      </c>
      <c r="DY18" s="342">
        <v>5867664</v>
      </c>
      <c r="DZ18" s="342">
        <v>10538684</v>
      </c>
      <c r="EA18" s="342">
        <v>10437322</v>
      </c>
      <c r="EB18" s="342">
        <v>6007312</v>
      </c>
      <c r="EC18" s="343">
        <v>37387368</v>
      </c>
      <c r="ED18" s="345">
        <v>38116891</v>
      </c>
      <c r="EE18" s="341">
        <v>0</v>
      </c>
      <c r="EF18" s="346">
        <v>70894</v>
      </c>
      <c r="EG18" s="343">
        <v>70894</v>
      </c>
      <c r="EH18" s="341">
        <v>0</v>
      </c>
      <c r="EI18" s="342">
        <v>322832</v>
      </c>
      <c r="EJ18" s="342">
        <v>360081</v>
      </c>
      <c r="EK18" s="342">
        <v>288645</v>
      </c>
      <c r="EL18" s="342">
        <v>335423</v>
      </c>
      <c r="EM18" s="342">
        <v>110093</v>
      </c>
      <c r="EN18" s="346">
        <v>1417074</v>
      </c>
      <c r="EO18" s="345">
        <v>1487968</v>
      </c>
      <c r="EP18" s="341">
        <v>0</v>
      </c>
      <c r="EQ18" s="342">
        <v>0</v>
      </c>
      <c r="ER18" s="346">
        <v>0</v>
      </c>
      <c r="ES18" s="347">
        <v>0</v>
      </c>
      <c r="ET18" s="342">
        <v>0</v>
      </c>
      <c r="EU18" s="342">
        <v>0</v>
      </c>
      <c r="EV18" s="342">
        <v>0</v>
      </c>
      <c r="EW18" s="342">
        <v>0</v>
      </c>
      <c r="EX18" s="342">
        <v>0</v>
      </c>
      <c r="EY18" s="343">
        <v>0</v>
      </c>
      <c r="EZ18" s="345">
        <v>0</v>
      </c>
      <c r="FA18" s="341">
        <v>0</v>
      </c>
      <c r="FB18" s="342">
        <v>0</v>
      </c>
      <c r="FC18" s="346">
        <v>0</v>
      </c>
      <c r="FD18" s="347">
        <v>0</v>
      </c>
      <c r="FE18" s="342">
        <v>0</v>
      </c>
      <c r="FF18" s="342">
        <v>0</v>
      </c>
      <c r="FG18" s="342">
        <v>0</v>
      </c>
      <c r="FH18" s="342">
        <v>0</v>
      </c>
      <c r="FI18" s="342">
        <v>0</v>
      </c>
      <c r="FJ18" s="343">
        <v>0</v>
      </c>
      <c r="FK18" s="345">
        <v>0</v>
      </c>
      <c r="FL18" s="341">
        <v>4278366</v>
      </c>
      <c r="FM18" s="342">
        <v>7518890</v>
      </c>
      <c r="FN18" s="343">
        <v>11797256</v>
      </c>
      <c r="FO18" s="341">
        <v>0</v>
      </c>
      <c r="FP18" s="342">
        <v>4786929</v>
      </c>
      <c r="FQ18" s="342">
        <v>15175483</v>
      </c>
      <c r="FR18" s="342">
        <v>12262169</v>
      </c>
      <c r="FS18" s="342">
        <v>12527844</v>
      </c>
      <c r="FT18" s="342">
        <v>8851906</v>
      </c>
      <c r="FU18" s="343">
        <v>53604331</v>
      </c>
      <c r="FV18" s="345">
        <v>65401587</v>
      </c>
      <c r="FW18" s="348">
        <v>2507731</v>
      </c>
      <c r="FX18" s="342">
        <v>5805122</v>
      </c>
      <c r="FY18" s="346">
        <v>8312853</v>
      </c>
      <c r="FZ18" s="347">
        <v>0</v>
      </c>
      <c r="GA18" s="342">
        <v>4141064</v>
      </c>
      <c r="GB18" s="342">
        <v>14237706</v>
      </c>
      <c r="GC18" s="342">
        <v>11188795</v>
      </c>
      <c r="GD18" s="342">
        <v>11983318</v>
      </c>
      <c r="GE18" s="342">
        <v>8532169</v>
      </c>
      <c r="GF18" s="343">
        <v>50083052</v>
      </c>
      <c r="GG18" s="349">
        <v>58395905</v>
      </c>
      <c r="GH18" s="348">
        <v>243695</v>
      </c>
      <c r="GI18" s="342">
        <v>596220</v>
      </c>
      <c r="GJ18" s="346">
        <v>839915</v>
      </c>
      <c r="GK18" s="347">
        <v>0</v>
      </c>
      <c r="GL18" s="342">
        <v>300407</v>
      </c>
      <c r="GM18" s="342">
        <v>379911</v>
      </c>
      <c r="GN18" s="342">
        <v>356982</v>
      </c>
      <c r="GO18" s="342">
        <v>253916</v>
      </c>
      <c r="GP18" s="342">
        <v>131428</v>
      </c>
      <c r="GQ18" s="343">
        <v>1422644</v>
      </c>
      <c r="GR18" s="345">
        <v>2262559</v>
      </c>
      <c r="GS18" s="341">
        <v>1526940</v>
      </c>
      <c r="GT18" s="342">
        <v>1117548</v>
      </c>
      <c r="GU18" s="343">
        <v>2644488</v>
      </c>
      <c r="GV18" s="341">
        <v>0</v>
      </c>
      <c r="GW18" s="342">
        <v>345458</v>
      </c>
      <c r="GX18" s="342">
        <v>557866</v>
      </c>
      <c r="GY18" s="342">
        <v>716392</v>
      </c>
      <c r="GZ18" s="342">
        <v>290610</v>
      </c>
      <c r="HA18" s="342">
        <v>188309</v>
      </c>
      <c r="HB18" s="346">
        <v>2098635</v>
      </c>
      <c r="HC18" s="345">
        <v>4743123</v>
      </c>
      <c r="HD18" s="341">
        <v>2293164</v>
      </c>
      <c r="HE18" s="342">
        <v>3963319</v>
      </c>
      <c r="HF18" s="346">
        <v>6256483</v>
      </c>
      <c r="HG18" s="347">
        <v>0</v>
      </c>
      <c r="HH18" s="342">
        <v>21943490</v>
      </c>
      <c r="HI18" s="342">
        <v>18248493</v>
      </c>
      <c r="HJ18" s="342">
        <v>20916315</v>
      </c>
      <c r="HK18" s="342">
        <v>29943542</v>
      </c>
      <c r="HL18" s="342">
        <v>15846002</v>
      </c>
      <c r="HM18" s="343">
        <v>106897842</v>
      </c>
      <c r="HN18" s="344">
        <v>113154325</v>
      </c>
      <c r="HO18" s="348">
        <v>3201739</v>
      </c>
      <c r="HP18" s="342">
        <v>5485957</v>
      </c>
      <c r="HQ18" s="343">
        <v>8687696</v>
      </c>
      <c r="HR18" s="341">
        <v>0</v>
      </c>
      <c r="HS18" s="342">
        <v>22783592</v>
      </c>
      <c r="HT18" s="342">
        <v>19826430</v>
      </c>
      <c r="HU18" s="342">
        <v>13800654</v>
      </c>
      <c r="HV18" s="342">
        <v>11320634</v>
      </c>
      <c r="HW18" s="342">
        <v>6522122</v>
      </c>
      <c r="HX18" s="346">
        <v>74253432</v>
      </c>
      <c r="HY18" s="345">
        <v>82941128</v>
      </c>
      <c r="HZ18" s="373">
        <v>0</v>
      </c>
      <c r="IA18" s="371">
        <v>145413</v>
      </c>
      <c r="IB18" s="373">
        <v>145413</v>
      </c>
      <c r="IC18" s="370">
        <v>0</v>
      </c>
      <c r="ID18" s="371">
        <v>32761479</v>
      </c>
      <c r="IE18" s="372">
        <v>41082467</v>
      </c>
      <c r="IF18" s="373">
        <v>49234103</v>
      </c>
      <c r="IG18" s="371">
        <v>38898855</v>
      </c>
      <c r="IH18" s="373">
        <v>30939854</v>
      </c>
      <c r="II18" s="374">
        <v>192916758</v>
      </c>
      <c r="IJ18" s="373">
        <v>193062171</v>
      </c>
      <c r="IK18" s="357">
        <v>0</v>
      </c>
      <c r="IL18" s="358">
        <v>0</v>
      </c>
      <c r="IM18" s="359">
        <v>0</v>
      </c>
      <c r="IN18" s="436">
        <v>0</v>
      </c>
      <c r="IO18" s="360">
        <v>694503</v>
      </c>
      <c r="IP18" s="360">
        <v>728985</v>
      </c>
      <c r="IQ18" s="360">
        <v>401829</v>
      </c>
      <c r="IR18" s="360">
        <v>881488</v>
      </c>
      <c r="IS18" s="360">
        <v>1412505</v>
      </c>
      <c r="IT18" s="361">
        <v>4119310</v>
      </c>
      <c r="IU18" s="362">
        <v>4119310</v>
      </c>
      <c r="IV18" s="363">
        <v>0</v>
      </c>
      <c r="IW18" s="360">
        <v>0</v>
      </c>
      <c r="IX18" s="364">
        <v>0</v>
      </c>
      <c r="IY18" s="439">
        <v>0</v>
      </c>
      <c r="IZ18" s="360">
        <v>0</v>
      </c>
      <c r="JA18" s="360">
        <v>0</v>
      </c>
      <c r="JB18" s="360">
        <v>0</v>
      </c>
      <c r="JC18" s="360">
        <v>0</v>
      </c>
      <c r="JD18" s="360">
        <v>0</v>
      </c>
      <c r="JE18" s="364">
        <v>0</v>
      </c>
      <c r="JF18" s="365">
        <v>0</v>
      </c>
      <c r="JG18" s="363">
        <v>0</v>
      </c>
      <c r="JH18" s="360">
        <v>0</v>
      </c>
      <c r="JI18" s="361">
        <v>0</v>
      </c>
      <c r="JJ18" s="366">
        <v>0</v>
      </c>
      <c r="JK18" s="360">
        <v>19577793</v>
      </c>
      <c r="JL18" s="360">
        <v>15961710</v>
      </c>
      <c r="JM18" s="360">
        <v>13259998</v>
      </c>
      <c r="JN18" s="360">
        <v>6496915</v>
      </c>
      <c r="JO18" s="360">
        <v>3340907</v>
      </c>
      <c r="JP18" s="364">
        <v>58637323</v>
      </c>
      <c r="JQ18" s="362">
        <v>58637323</v>
      </c>
      <c r="JR18" s="363">
        <v>0</v>
      </c>
      <c r="JS18" s="360">
        <v>0</v>
      </c>
      <c r="JT18" s="361">
        <v>0</v>
      </c>
      <c r="JU18" s="366">
        <v>0</v>
      </c>
      <c r="JV18" s="360">
        <v>344077</v>
      </c>
      <c r="JW18" s="360">
        <v>47797</v>
      </c>
      <c r="JX18" s="360">
        <v>26167</v>
      </c>
      <c r="JY18" s="360">
        <v>85284</v>
      </c>
      <c r="JZ18" s="360">
        <v>231716</v>
      </c>
      <c r="KA18" s="364">
        <v>735041</v>
      </c>
      <c r="KB18" s="362">
        <v>735041</v>
      </c>
      <c r="KC18" s="367">
        <v>0</v>
      </c>
      <c r="KD18" s="368">
        <v>145413</v>
      </c>
      <c r="KE18" s="364">
        <v>145413</v>
      </c>
      <c r="KF18" s="366">
        <v>0</v>
      </c>
      <c r="KG18" s="360">
        <v>3024088</v>
      </c>
      <c r="KH18" s="360">
        <v>7442278</v>
      </c>
      <c r="KI18" s="360">
        <v>12265425</v>
      </c>
      <c r="KJ18" s="360">
        <v>10129525</v>
      </c>
      <c r="KK18" s="360">
        <v>9186841</v>
      </c>
      <c r="KL18" s="364">
        <v>42048157</v>
      </c>
      <c r="KM18" s="369">
        <v>42193570</v>
      </c>
      <c r="KN18" s="357">
        <v>0</v>
      </c>
      <c r="KO18" s="358">
        <v>0</v>
      </c>
      <c r="KP18" s="359">
        <v>0</v>
      </c>
      <c r="KQ18" s="439">
        <v>0</v>
      </c>
      <c r="KR18" s="360">
        <v>7754065</v>
      </c>
      <c r="KS18" s="360">
        <v>12302670</v>
      </c>
      <c r="KT18" s="360">
        <v>12841900</v>
      </c>
      <c r="KU18" s="360">
        <v>9363214</v>
      </c>
      <c r="KV18" s="360">
        <v>10289798</v>
      </c>
      <c r="KW18" s="364">
        <v>52551647</v>
      </c>
      <c r="KX18" s="362">
        <v>52551647</v>
      </c>
      <c r="KY18" s="363">
        <v>0</v>
      </c>
      <c r="KZ18" s="360">
        <v>0</v>
      </c>
      <c r="LA18" s="364">
        <v>0</v>
      </c>
      <c r="LB18" s="439">
        <v>0</v>
      </c>
      <c r="LC18" s="360">
        <v>0</v>
      </c>
      <c r="LD18" s="360">
        <v>1079139</v>
      </c>
      <c r="LE18" s="360">
        <v>1332663</v>
      </c>
      <c r="LF18" s="360">
        <v>2703440</v>
      </c>
      <c r="LG18" s="360">
        <v>780732</v>
      </c>
      <c r="LH18" s="364">
        <v>5895974</v>
      </c>
      <c r="LI18" s="365">
        <v>5895974</v>
      </c>
      <c r="LJ18" s="363">
        <v>0</v>
      </c>
      <c r="LK18" s="360">
        <v>0</v>
      </c>
      <c r="LL18" s="364">
        <v>0</v>
      </c>
      <c r="LM18" s="439">
        <v>0</v>
      </c>
      <c r="LN18" s="360">
        <v>0</v>
      </c>
      <c r="LO18" s="360">
        <v>0</v>
      </c>
      <c r="LP18" s="360">
        <v>2711685</v>
      </c>
      <c r="LQ18" s="360">
        <v>3637737</v>
      </c>
      <c r="LR18" s="360">
        <v>1636261</v>
      </c>
      <c r="LS18" s="364">
        <v>7985683</v>
      </c>
      <c r="LT18" s="362">
        <v>7985683</v>
      </c>
      <c r="LU18" s="363">
        <v>0</v>
      </c>
      <c r="LV18" s="360">
        <v>0</v>
      </c>
      <c r="LW18" s="364">
        <v>0</v>
      </c>
      <c r="LX18" s="439">
        <v>0</v>
      </c>
      <c r="LY18" s="360">
        <v>1366953</v>
      </c>
      <c r="LZ18" s="360">
        <v>3519888</v>
      </c>
      <c r="MA18" s="360">
        <v>6394436</v>
      </c>
      <c r="MB18" s="360">
        <v>5601252</v>
      </c>
      <c r="MC18" s="360">
        <v>4061094</v>
      </c>
      <c r="MD18" s="364">
        <v>20943623</v>
      </c>
      <c r="ME18" s="365">
        <v>20943623</v>
      </c>
      <c r="MF18" s="363">
        <v>0</v>
      </c>
      <c r="MG18" s="360">
        <v>0</v>
      </c>
      <c r="MH18" s="364">
        <v>0</v>
      </c>
      <c r="MI18" s="439">
        <v>0</v>
      </c>
      <c r="MJ18" s="360">
        <v>10924702</v>
      </c>
      <c r="MK18" s="360">
        <v>25411660</v>
      </c>
      <c r="ML18" s="360">
        <v>90978736</v>
      </c>
      <c r="MM18" s="360">
        <v>142765941</v>
      </c>
      <c r="MN18" s="360">
        <v>85674940</v>
      </c>
      <c r="MO18" s="364">
        <v>355755979</v>
      </c>
      <c r="MP18" s="369">
        <v>355755979</v>
      </c>
      <c r="MQ18" s="363">
        <v>0</v>
      </c>
      <c r="MR18" s="360">
        <v>0</v>
      </c>
      <c r="MS18" s="364">
        <v>0</v>
      </c>
      <c r="MT18" s="439">
        <v>0</v>
      </c>
      <c r="MU18" s="360">
        <v>874628</v>
      </c>
      <c r="MV18" s="360">
        <v>4794442</v>
      </c>
      <c r="MW18" s="360">
        <v>47046224</v>
      </c>
      <c r="MX18" s="360">
        <v>86740421</v>
      </c>
      <c r="MY18" s="360">
        <v>56155666</v>
      </c>
      <c r="MZ18" s="364">
        <v>195611381</v>
      </c>
      <c r="NA18" s="369">
        <v>195611381</v>
      </c>
      <c r="NB18" s="363">
        <v>0</v>
      </c>
      <c r="NC18" s="360">
        <v>0</v>
      </c>
      <c r="ND18" s="364">
        <v>0</v>
      </c>
      <c r="NE18" s="439">
        <v>0</v>
      </c>
      <c r="NF18" s="360">
        <v>10050074</v>
      </c>
      <c r="NG18" s="360">
        <v>20343222</v>
      </c>
      <c r="NH18" s="360">
        <v>42919020</v>
      </c>
      <c r="NI18" s="360">
        <v>51329890</v>
      </c>
      <c r="NJ18" s="360">
        <v>24238971</v>
      </c>
      <c r="NK18" s="364">
        <v>148881177</v>
      </c>
      <c r="NL18" s="362">
        <v>148881177</v>
      </c>
      <c r="NM18" s="363">
        <v>0</v>
      </c>
      <c r="NN18" s="360">
        <v>0</v>
      </c>
      <c r="NO18" s="364">
        <v>0</v>
      </c>
      <c r="NP18" s="439">
        <v>0</v>
      </c>
      <c r="NQ18" s="360">
        <v>0</v>
      </c>
      <c r="NR18" s="360">
        <v>0</v>
      </c>
      <c r="NS18" s="360">
        <v>0</v>
      </c>
      <c r="NT18" s="360">
        <v>0</v>
      </c>
      <c r="NU18" s="360">
        <v>0</v>
      </c>
      <c r="NV18" s="364">
        <v>0</v>
      </c>
      <c r="NW18" s="365">
        <v>0</v>
      </c>
      <c r="NX18" s="363">
        <v>0</v>
      </c>
      <c r="NY18" s="360">
        <v>0</v>
      </c>
      <c r="NZ18" s="364">
        <v>0</v>
      </c>
      <c r="OA18" s="439">
        <v>0</v>
      </c>
      <c r="OB18" s="360">
        <v>0</v>
      </c>
      <c r="OC18" s="360">
        <v>273996</v>
      </c>
      <c r="OD18" s="360">
        <v>1013492</v>
      </c>
      <c r="OE18" s="360">
        <v>4695630</v>
      </c>
      <c r="OF18" s="360">
        <v>5280303</v>
      </c>
      <c r="OG18" s="364">
        <v>11263421</v>
      </c>
      <c r="OH18" s="365">
        <v>11263421</v>
      </c>
      <c r="OI18" s="363">
        <v>15965115</v>
      </c>
      <c r="OJ18" s="360">
        <v>34172330</v>
      </c>
      <c r="OK18" s="361">
        <v>50137445</v>
      </c>
      <c r="OL18" s="366">
        <v>0</v>
      </c>
      <c r="OM18" s="360">
        <v>176094987</v>
      </c>
      <c r="ON18" s="360">
        <v>218241273</v>
      </c>
      <c r="OO18" s="360">
        <v>277559322</v>
      </c>
      <c r="OP18" s="360">
        <v>331096539</v>
      </c>
      <c r="OQ18" s="360">
        <v>228233935</v>
      </c>
      <c r="OR18" s="364">
        <v>1231226056</v>
      </c>
      <c r="OS18" s="369">
        <v>1281363501</v>
      </c>
    </row>
    <row r="19" spans="2:409" s="137" customFormat="1" ht="21" customHeight="1" x14ac:dyDescent="0.2">
      <c r="B19" s="421" t="s">
        <v>13</v>
      </c>
      <c r="C19" s="341">
        <v>2945467</v>
      </c>
      <c r="D19" s="342">
        <v>6174642</v>
      </c>
      <c r="E19" s="343">
        <v>9120109</v>
      </c>
      <c r="F19" s="341">
        <v>0</v>
      </c>
      <c r="G19" s="381">
        <v>48666885</v>
      </c>
      <c r="H19" s="342">
        <v>66397423</v>
      </c>
      <c r="I19" s="342">
        <v>58883105</v>
      </c>
      <c r="J19" s="342">
        <v>53280387</v>
      </c>
      <c r="K19" s="342">
        <v>53629752</v>
      </c>
      <c r="L19" s="346">
        <v>280857552</v>
      </c>
      <c r="M19" s="345">
        <v>289977661</v>
      </c>
      <c r="N19" s="341">
        <v>566972</v>
      </c>
      <c r="O19" s="342">
        <v>1192489</v>
      </c>
      <c r="P19" s="343">
        <v>1759461</v>
      </c>
      <c r="Q19" s="341">
        <v>0</v>
      </c>
      <c r="R19" s="342">
        <v>14450702</v>
      </c>
      <c r="S19" s="342">
        <v>21980909</v>
      </c>
      <c r="T19" s="342">
        <v>18943317</v>
      </c>
      <c r="U19" s="342">
        <v>18490615</v>
      </c>
      <c r="V19" s="342">
        <v>28498517</v>
      </c>
      <c r="W19" s="343">
        <v>102364060</v>
      </c>
      <c r="X19" s="345">
        <v>104123521</v>
      </c>
      <c r="Y19" s="341">
        <v>0</v>
      </c>
      <c r="Z19" s="342">
        <v>0</v>
      </c>
      <c r="AA19" s="343">
        <v>0</v>
      </c>
      <c r="AB19" s="341">
        <v>0</v>
      </c>
      <c r="AC19" s="342">
        <v>6748422</v>
      </c>
      <c r="AD19" s="342">
        <v>10588411</v>
      </c>
      <c r="AE19" s="342">
        <v>10484370</v>
      </c>
      <c r="AF19" s="342">
        <v>11091013</v>
      </c>
      <c r="AG19" s="342">
        <v>20068732</v>
      </c>
      <c r="AH19" s="343">
        <v>58980948</v>
      </c>
      <c r="AI19" s="345">
        <v>58980948</v>
      </c>
      <c r="AJ19" s="341">
        <v>0</v>
      </c>
      <c r="AK19" s="342">
        <v>0</v>
      </c>
      <c r="AL19" s="343">
        <v>0</v>
      </c>
      <c r="AM19" s="341">
        <v>0</v>
      </c>
      <c r="AN19" s="342">
        <v>27169</v>
      </c>
      <c r="AO19" s="342">
        <v>79724</v>
      </c>
      <c r="AP19" s="342">
        <v>80176</v>
      </c>
      <c r="AQ19" s="342">
        <v>1019557</v>
      </c>
      <c r="AR19" s="342">
        <v>2211976</v>
      </c>
      <c r="AS19" s="343">
        <v>3418602</v>
      </c>
      <c r="AT19" s="345">
        <v>3418602</v>
      </c>
      <c r="AU19" s="341">
        <v>253045</v>
      </c>
      <c r="AV19" s="342">
        <v>756727</v>
      </c>
      <c r="AW19" s="343">
        <v>1009772</v>
      </c>
      <c r="AX19" s="341">
        <v>0</v>
      </c>
      <c r="AY19" s="342">
        <v>4183521</v>
      </c>
      <c r="AZ19" s="342">
        <v>7589136</v>
      </c>
      <c r="BA19" s="342">
        <v>4923658</v>
      </c>
      <c r="BB19" s="342">
        <v>3424033</v>
      </c>
      <c r="BC19" s="342">
        <v>3228977</v>
      </c>
      <c r="BD19" s="343">
        <v>23349325</v>
      </c>
      <c r="BE19" s="345">
        <v>24359097</v>
      </c>
      <c r="BF19" s="341">
        <v>10723</v>
      </c>
      <c r="BG19" s="342">
        <v>119583</v>
      </c>
      <c r="BH19" s="346">
        <v>130306</v>
      </c>
      <c r="BI19" s="347">
        <v>0</v>
      </c>
      <c r="BJ19" s="342">
        <v>591095</v>
      </c>
      <c r="BK19" s="342">
        <v>736779</v>
      </c>
      <c r="BL19" s="342">
        <v>373831</v>
      </c>
      <c r="BM19" s="342">
        <v>148044</v>
      </c>
      <c r="BN19" s="342">
        <v>302372</v>
      </c>
      <c r="BO19" s="343">
        <v>2152121</v>
      </c>
      <c r="BP19" s="345">
        <v>2282427</v>
      </c>
      <c r="BQ19" s="341">
        <v>303204</v>
      </c>
      <c r="BR19" s="342">
        <v>316179</v>
      </c>
      <c r="BS19" s="343">
        <v>619383</v>
      </c>
      <c r="BT19" s="341">
        <v>0</v>
      </c>
      <c r="BU19" s="342">
        <v>2900495</v>
      </c>
      <c r="BV19" s="342">
        <v>2986859</v>
      </c>
      <c r="BW19" s="342">
        <v>3081282</v>
      </c>
      <c r="BX19" s="342">
        <v>2807968</v>
      </c>
      <c r="BY19" s="342">
        <v>2686460</v>
      </c>
      <c r="BZ19" s="343">
        <v>14463064</v>
      </c>
      <c r="CA19" s="345">
        <v>15082447</v>
      </c>
      <c r="CB19" s="341">
        <v>205969</v>
      </c>
      <c r="CC19" s="342">
        <v>1118100</v>
      </c>
      <c r="CD19" s="343">
        <v>1324069</v>
      </c>
      <c r="CE19" s="341">
        <v>0</v>
      </c>
      <c r="CF19" s="342">
        <v>9227361</v>
      </c>
      <c r="CG19" s="342">
        <v>14604413</v>
      </c>
      <c r="CH19" s="342">
        <v>10312270</v>
      </c>
      <c r="CI19" s="342">
        <v>7793107</v>
      </c>
      <c r="CJ19" s="342">
        <v>4966005</v>
      </c>
      <c r="CK19" s="343">
        <v>46903156</v>
      </c>
      <c r="CL19" s="345">
        <v>48227225</v>
      </c>
      <c r="CM19" s="341">
        <v>0</v>
      </c>
      <c r="CN19" s="342">
        <v>0</v>
      </c>
      <c r="CO19" s="343">
        <v>0</v>
      </c>
      <c r="CP19" s="347">
        <v>0</v>
      </c>
      <c r="CQ19" s="342">
        <v>7964795</v>
      </c>
      <c r="CR19" s="342">
        <v>12702066</v>
      </c>
      <c r="CS19" s="342">
        <v>8609361</v>
      </c>
      <c r="CT19" s="342">
        <v>5666050</v>
      </c>
      <c r="CU19" s="342">
        <v>3357757</v>
      </c>
      <c r="CV19" s="343">
        <v>38300029</v>
      </c>
      <c r="CW19" s="345">
        <v>38300029</v>
      </c>
      <c r="CX19" s="341">
        <v>205969</v>
      </c>
      <c r="CY19" s="342">
        <v>1118100</v>
      </c>
      <c r="CZ19" s="343">
        <v>1324069</v>
      </c>
      <c r="DA19" s="341">
        <v>0</v>
      </c>
      <c r="DB19" s="342">
        <v>1262566</v>
      </c>
      <c r="DC19" s="342">
        <v>1902347</v>
      </c>
      <c r="DD19" s="342">
        <v>1702909</v>
      </c>
      <c r="DE19" s="342">
        <v>2127057</v>
      </c>
      <c r="DF19" s="342">
        <v>1608248</v>
      </c>
      <c r="DG19" s="343">
        <v>8603127</v>
      </c>
      <c r="DH19" s="345">
        <v>9927196</v>
      </c>
      <c r="DI19" s="341">
        <v>0</v>
      </c>
      <c r="DJ19" s="342">
        <v>0</v>
      </c>
      <c r="DK19" s="346">
        <v>0</v>
      </c>
      <c r="DL19" s="347">
        <v>0</v>
      </c>
      <c r="DM19" s="342">
        <v>636711</v>
      </c>
      <c r="DN19" s="342">
        <v>1936342</v>
      </c>
      <c r="DO19" s="342">
        <v>4291404</v>
      </c>
      <c r="DP19" s="342">
        <v>4537598</v>
      </c>
      <c r="DQ19" s="342">
        <v>3917927</v>
      </c>
      <c r="DR19" s="343">
        <v>15319982</v>
      </c>
      <c r="DS19" s="345">
        <v>15319982</v>
      </c>
      <c r="DT19" s="341">
        <v>0</v>
      </c>
      <c r="DU19" s="342">
        <v>0</v>
      </c>
      <c r="DV19" s="343">
        <v>0</v>
      </c>
      <c r="DW19" s="341">
        <v>0</v>
      </c>
      <c r="DX19" s="342">
        <v>570975</v>
      </c>
      <c r="DY19" s="342">
        <v>1600978</v>
      </c>
      <c r="DZ19" s="342">
        <v>4031795</v>
      </c>
      <c r="EA19" s="342">
        <v>4061491</v>
      </c>
      <c r="EB19" s="342">
        <v>3771920</v>
      </c>
      <c r="EC19" s="343">
        <v>14037159</v>
      </c>
      <c r="ED19" s="345">
        <v>14037159</v>
      </c>
      <c r="EE19" s="341">
        <v>0</v>
      </c>
      <c r="EF19" s="346">
        <v>0</v>
      </c>
      <c r="EG19" s="343">
        <v>0</v>
      </c>
      <c r="EH19" s="341">
        <v>0</v>
      </c>
      <c r="EI19" s="342">
        <v>65736</v>
      </c>
      <c r="EJ19" s="342">
        <v>335364</v>
      </c>
      <c r="EK19" s="342">
        <v>259609</v>
      </c>
      <c r="EL19" s="342">
        <v>476107</v>
      </c>
      <c r="EM19" s="342">
        <v>146007</v>
      </c>
      <c r="EN19" s="346">
        <v>1282823</v>
      </c>
      <c r="EO19" s="345">
        <v>1282823</v>
      </c>
      <c r="EP19" s="341">
        <v>0</v>
      </c>
      <c r="EQ19" s="342">
        <v>0</v>
      </c>
      <c r="ER19" s="346">
        <v>0</v>
      </c>
      <c r="ES19" s="347">
        <v>0</v>
      </c>
      <c r="ET19" s="342">
        <v>0</v>
      </c>
      <c r="EU19" s="342">
        <v>0</v>
      </c>
      <c r="EV19" s="342">
        <v>0</v>
      </c>
      <c r="EW19" s="342">
        <v>0</v>
      </c>
      <c r="EX19" s="342">
        <v>0</v>
      </c>
      <c r="EY19" s="343">
        <v>0</v>
      </c>
      <c r="EZ19" s="345">
        <v>0</v>
      </c>
      <c r="FA19" s="341">
        <v>0</v>
      </c>
      <c r="FB19" s="342">
        <v>0</v>
      </c>
      <c r="FC19" s="346">
        <v>0</v>
      </c>
      <c r="FD19" s="347">
        <v>0</v>
      </c>
      <c r="FE19" s="342">
        <v>0</v>
      </c>
      <c r="FF19" s="342">
        <v>0</v>
      </c>
      <c r="FG19" s="342">
        <v>0</v>
      </c>
      <c r="FH19" s="342">
        <v>0</v>
      </c>
      <c r="FI19" s="342">
        <v>0</v>
      </c>
      <c r="FJ19" s="343">
        <v>0</v>
      </c>
      <c r="FK19" s="345">
        <v>0</v>
      </c>
      <c r="FL19" s="341">
        <v>797440</v>
      </c>
      <c r="FM19" s="342">
        <v>1842540</v>
      </c>
      <c r="FN19" s="343">
        <v>2639980</v>
      </c>
      <c r="FO19" s="341">
        <v>0</v>
      </c>
      <c r="FP19" s="342">
        <v>2879876</v>
      </c>
      <c r="FQ19" s="342">
        <v>6920894</v>
      </c>
      <c r="FR19" s="342">
        <v>5409693</v>
      </c>
      <c r="FS19" s="342">
        <v>4082249</v>
      </c>
      <c r="FT19" s="342">
        <v>3476242</v>
      </c>
      <c r="FU19" s="343">
        <v>22768954</v>
      </c>
      <c r="FV19" s="345">
        <v>25408934</v>
      </c>
      <c r="FW19" s="348">
        <v>503086</v>
      </c>
      <c r="FX19" s="342">
        <v>1160084</v>
      </c>
      <c r="FY19" s="346">
        <v>1663170</v>
      </c>
      <c r="FZ19" s="347">
        <v>0</v>
      </c>
      <c r="GA19" s="342">
        <v>2111654</v>
      </c>
      <c r="GB19" s="342">
        <v>6236468</v>
      </c>
      <c r="GC19" s="342">
        <v>5056875</v>
      </c>
      <c r="GD19" s="342">
        <v>3793394</v>
      </c>
      <c r="GE19" s="342">
        <v>3270862</v>
      </c>
      <c r="GF19" s="343">
        <v>20469253</v>
      </c>
      <c r="GG19" s="349">
        <v>22132423</v>
      </c>
      <c r="GH19" s="348">
        <v>28080</v>
      </c>
      <c r="GI19" s="342">
        <v>38800</v>
      </c>
      <c r="GJ19" s="346">
        <v>66880</v>
      </c>
      <c r="GK19" s="347">
        <v>0</v>
      </c>
      <c r="GL19" s="342">
        <v>99396</v>
      </c>
      <c r="GM19" s="342">
        <v>124136</v>
      </c>
      <c r="GN19" s="342">
        <v>144018</v>
      </c>
      <c r="GO19" s="342">
        <v>190755</v>
      </c>
      <c r="GP19" s="342">
        <v>100980</v>
      </c>
      <c r="GQ19" s="343">
        <v>659285</v>
      </c>
      <c r="GR19" s="345">
        <v>726165</v>
      </c>
      <c r="GS19" s="341">
        <v>266274</v>
      </c>
      <c r="GT19" s="342">
        <v>643656</v>
      </c>
      <c r="GU19" s="343">
        <v>909930</v>
      </c>
      <c r="GV19" s="341">
        <v>0</v>
      </c>
      <c r="GW19" s="342">
        <v>668826</v>
      </c>
      <c r="GX19" s="342">
        <v>560290</v>
      </c>
      <c r="GY19" s="342">
        <v>208800</v>
      </c>
      <c r="GZ19" s="342">
        <v>98100</v>
      </c>
      <c r="HA19" s="342">
        <v>104400</v>
      </c>
      <c r="HB19" s="346">
        <v>1640416</v>
      </c>
      <c r="HC19" s="345">
        <v>2550346</v>
      </c>
      <c r="HD19" s="341">
        <v>874356</v>
      </c>
      <c r="HE19" s="342">
        <v>999150</v>
      </c>
      <c r="HF19" s="346">
        <v>1873506</v>
      </c>
      <c r="HG19" s="347">
        <v>0</v>
      </c>
      <c r="HH19" s="342">
        <v>13101350</v>
      </c>
      <c r="HI19" s="342">
        <v>12425482</v>
      </c>
      <c r="HJ19" s="342">
        <v>14181574</v>
      </c>
      <c r="HK19" s="342">
        <v>14998279</v>
      </c>
      <c r="HL19" s="342">
        <v>10029955</v>
      </c>
      <c r="HM19" s="343">
        <v>64736640</v>
      </c>
      <c r="HN19" s="344">
        <v>66610146</v>
      </c>
      <c r="HO19" s="348">
        <v>500730</v>
      </c>
      <c r="HP19" s="342">
        <v>1022363</v>
      </c>
      <c r="HQ19" s="343">
        <v>1523093</v>
      </c>
      <c r="HR19" s="341">
        <v>0</v>
      </c>
      <c r="HS19" s="342">
        <v>8370885</v>
      </c>
      <c r="HT19" s="342">
        <v>8529383</v>
      </c>
      <c r="HU19" s="342">
        <v>5744847</v>
      </c>
      <c r="HV19" s="342">
        <v>3378539</v>
      </c>
      <c r="HW19" s="342">
        <v>2741106</v>
      </c>
      <c r="HX19" s="346">
        <v>28764760</v>
      </c>
      <c r="HY19" s="345">
        <v>30287853</v>
      </c>
      <c r="HZ19" s="350">
        <v>32984</v>
      </c>
      <c r="IA19" s="351">
        <v>277954</v>
      </c>
      <c r="IB19" s="352">
        <v>310938</v>
      </c>
      <c r="IC19" s="353">
        <v>0</v>
      </c>
      <c r="ID19" s="351">
        <v>11553158</v>
      </c>
      <c r="IE19" s="354">
        <v>14708784</v>
      </c>
      <c r="IF19" s="352">
        <v>13925679</v>
      </c>
      <c r="IG19" s="351">
        <v>8910144</v>
      </c>
      <c r="IH19" s="352">
        <v>6081185</v>
      </c>
      <c r="II19" s="355">
        <v>55178950</v>
      </c>
      <c r="IJ19" s="356">
        <v>55489888</v>
      </c>
      <c r="IK19" s="357">
        <v>0</v>
      </c>
      <c r="IL19" s="358">
        <v>0</v>
      </c>
      <c r="IM19" s="359">
        <v>0</v>
      </c>
      <c r="IN19" s="436">
        <v>0</v>
      </c>
      <c r="IO19" s="360">
        <v>185727</v>
      </c>
      <c r="IP19" s="360">
        <v>129378</v>
      </c>
      <c r="IQ19" s="360">
        <v>170075</v>
      </c>
      <c r="IR19" s="360">
        <v>0</v>
      </c>
      <c r="IS19" s="360">
        <v>646314</v>
      </c>
      <c r="IT19" s="361">
        <v>1131494</v>
      </c>
      <c r="IU19" s="362">
        <v>1131494</v>
      </c>
      <c r="IV19" s="363">
        <v>0</v>
      </c>
      <c r="IW19" s="360">
        <v>0</v>
      </c>
      <c r="IX19" s="364">
        <v>0</v>
      </c>
      <c r="IY19" s="439">
        <v>0</v>
      </c>
      <c r="IZ19" s="360">
        <v>0</v>
      </c>
      <c r="JA19" s="360">
        <v>0</v>
      </c>
      <c r="JB19" s="360">
        <v>0</v>
      </c>
      <c r="JC19" s="360">
        <v>0</v>
      </c>
      <c r="JD19" s="360">
        <v>0</v>
      </c>
      <c r="JE19" s="364">
        <v>0</v>
      </c>
      <c r="JF19" s="365">
        <v>0</v>
      </c>
      <c r="JG19" s="363">
        <v>0</v>
      </c>
      <c r="JH19" s="360">
        <v>0</v>
      </c>
      <c r="JI19" s="361">
        <v>0</v>
      </c>
      <c r="JJ19" s="366">
        <v>0</v>
      </c>
      <c r="JK19" s="360">
        <v>6025996</v>
      </c>
      <c r="JL19" s="360">
        <v>8879979</v>
      </c>
      <c r="JM19" s="360">
        <v>6226565</v>
      </c>
      <c r="JN19" s="360">
        <v>2523077</v>
      </c>
      <c r="JO19" s="360">
        <v>1200834</v>
      </c>
      <c r="JP19" s="364">
        <v>24856451</v>
      </c>
      <c r="JQ19" s="362">
        <v>24856451</v>
      </c>
      <c r="JR19" s="363">
        <v>0</v>
      </c>
      <c r="JS19" s="360">
        <v>0</v>
      </c>
      <c r="JT19" s="361">
        <v>0</v>
      </c>
      <c r="JU19" s="366">
        <v>0</v>
      </c>
      <c r="JV19" s="360">
        <v>123926</v>
      </c>
      <c r="JW19" s="360">
        <v>725994</v>
      </c>
      <c r="JX19" s="360">
        <v>1828385</v>
      </c>
      <c r="JY19" s="360">
        <v>482632</v>
      </c>
      <c r="JZ19" s="360">
        <v>1023216</v>
      </c>
      <c r="KA19" s="364">
        <v>4184153</v>
      </c>
      <c r="KB19" s="362">
        <v>4184153</v>
      </c>
      <c r="KC19" s="367">
        <v>32984</v>
      </c>
      <c r="KD19" s="368">
        <v>277954</v>
      </c>
      <c r="KE19" s="364">
        <v>310938</v>
      </c>
      <c r="KF19" s="366">
        <v>0</v>
      </c>
      <c r="KG19" s="360">
        <v>1503870</v>
      </c>
      <c r="KH19" s="360">
        <v>1937307</v>
      </c>
      <c r="KI19" s="360">
        <v>1171697</v>
      </c>
      <c r="KJ19" s="360">
        <v>265773</v>
      </c>
      <c r="KK19" s="360">
        <v>0</v>
      </c>
      <c r="KL19" s="364">
        <v>4878647</v>
      </c>
      <c r="KM19" s="369">
        <v>5189585</v>
      </c>
      <c r="KN19" s="357">
        <v>0</v>
      </c>
      <c r="KO19" s="358">
        <v>0</v>
      </c>
      <c r="KP19" s="359">
        <v>0</v>
      </c>
      <c r="KQ19" s="439">
        <v>0</v>
      </c>
      <c r="KR19" s="360">
        <v>3215057</v>
      </c>
      <c r="KS19" s="360">
        <v>2662854</v>
      </c>
      <c r="KT19" s="360">
        <v>4320967</v>
      </c>
      <c r="KU19" s="360">
        <v>4727362</v>
      </c>
      <c r="KV19" s="360">
        <v>2961947</v>
      </c>
      <c r="KW19" s="364">
        <v>17888187</v>
      </c>
      <c r="KX19" s="362">
        <v>17888187</v>
      </c>
      <c r="KY19" s="363">
        <v>0</v>
      </c>
      <c r="KZ19" s="360">
        <v>0</v>
      </c>
      <c r="LA19" s="364">
        <v>0</v>
      </c>
      <c r="LB19" s="439">
        <v>0</v>
      </c>
      <c r="LC19" s="360">
        <v>498582</v>
      </c>
      <c r="LD19" s="360">
        <v>373272</v>
      </c>
      <c r="LE19" s="360">
        <v>207990</v>
      </c>
      <c r="LF19" s="360">
        <v>911300</v>
      </c>
      <c r="LG19" s="360">
        <v>248874</v>
      </c>
      <c r="LH19" s="364">
        <v>2240018</v>
      </c>
      <c r="LI19" s="365">
        <v>2240018</v>
      </c>
      <c r="LJ19" s="363">
        <v>0</v>
      </c>
      <c r="LK19" s="360">
        <v>0</v>
      </c>
      <c r="LL19" s="364">
        <v>0</v>
      </c>
      <c r="LM19" s="439">
        <v>0</v>
      </c>
      <c r="LN19" s="360">
        <v>0</v>
      </c>
      <c r="LO19" s="360">
        <v>0</v>
      </c>
      <c r="LP19" s="360">
        <v>0</v>
      </c>
      <c r="LQ19" s="360">
        <v>0</v>
      </c>
      <c r="LR19" s="360">
        <v>0</v>
      </c>
      <c r="LS19" s="364">
        <v>0</v>
      </c>
      <c r="LT19" s="362">
        <v>0</v>
      </c>
      <c r="LU19" s="363">
        <v>0</v>
      </c>
      <c r="LV19" s="360">
        <v>0</v>
      </c>
      <c r="LW19" s="364">
        <v>0</v>
      </c>
      <c r="LX19" s="439">
        <v>0</v>
      </c>
      <c r="LY19" s="360">
        <v>0</v>
      </c>
      <c r="LZ19" s="360">
        <v>0</v>
      </c>
      <c r="MA19" s="360">
        <v>0</v>
      </c>
      <c r="MB19" s="360">
        <v>0</v>
      </c>
      <c r="MC19" s="360">
        <v>0</v>
      </c>
      <c r="MD19" s="364">
        <v>0</v>
      </c>
      <c r="ME19" s="365">
        <v>0</v>
      </c>
      <c r="MF19" s="363">
        <v>0</v>
      </c>
      <c r="MG19" s="360">
        <v>0</v>
      </c>
      <c r="MH19" s="364">
        <v>0</v>
      </c>
      <c r="MI19" s="439">
        <v>0</v>
      </c>
      <c r="MJ19" s="360">
        <v>2649098</v>
      </c>
      <c r="MK19" s="360">
        <v>7206241</v>
      </c>
      <c r="ML19" s="360">
        <v>24348158</v>
      </c>
      <c r="MM19" s="360">
        <v>41163100</v>
      </c>
      <c r="MN19" s="360">
        <v>45932939</v>
      </c>
      <c r="MO19" s="364">
        <v>121299536</v>
      </c>
      <c r="MP19" s="369">
        <v>121299536</v>
      </c>
      <c r="MQ19" s="363">
        <v>0</v>
      </c>
      <c r="MR19" s="360">
        <v>0</v>
      </c>
      <c r="MS19" s="364">
        <v>0</v>
      </c>
      <c r="MT19" s="439">
        <v>0</v>
      </c>
      <c r="MU19" s="360">
        <v>222474</v>
      </c>
      <c r="MV19" s="360">
        <v>1414112</v>
      </c>
      <c r="MW19" s="360">
        <v>14100135</v>
      </c>
      <c r="MX19" s="360">
        <v>32951976</v>
      </c>
      <c r="MY19" s="360">
        <v>37022876</v>
      </c>
      <c r="MZ19" s="364">
        <v>85711573</v>
      </c>
      <c r="NA19" s="369">
        <v>85711573</v>
      </c>
      <c r="NB19" s="363">
        <v>0</v>
      </c>
      <c r="NC19" s="360">
        <v>0</v>
      </c>
      <c r="ND19" s="364">
        <v>0</v>
      </c>
      <c r="NE19" s="439">
        <v>0</v>
      </c>
      <c r="NF19" s="360">
        <v>2426624</v>
      </c>
      <c r="NG19" s="360">
        <v>5792129</v>
      </c>
      <c r="NH19" s="360">
        <v>9907371</v>
      </c>
      <c r="NI19" s="360">
        <v>8211124</v>
      </c>
      <c r="NJ19" s="360">
        <v>8910063</v>
      </c>
      <c r="NK19" s="364">
        <v>35247311</v>
      </c>
      <c r="NL19" s="362">
        <v>35247311</v>
      </c>
      <c r="NM19" s="363">
        <v>0</v>
      </c>
      <c r="NN19" s="360">
        <v>0</v>
      </c>
      <c r="NO19" s="364">
        <v>0</v>
      </c>
      <c r="NP19" s="439">
        <v>0</v>
      </c>
      <c r="NQ19" s="360">
        <v>0</v>
      </c>
      <c r="NR19" s="360">
        <v>0</v>
      </c>
      <c r="NS19" s="360">
        <v>0</v>
      </c>
      <c r="NT19" s="360">
        <v>0</v>
      </c>
      <c r="NU19" s="360">
        <v>0</v>
      </c>
      <c r="NV19" s="364">
        <v>0</v>
      </c>
      <c r="NW19" s="365">
        <v>0</v>
      </c>
      <c r="NX19" s="363">
        <v>0</v>
      </c>
      <c r="NY19" s="360">
        <v>0</v>
      </c>
      <c r="NZ19" s="364">
        <v>0</v>
      </c>
      <c r="OA19" s="439">
        <v>0</v>
      </c>
      <c r="OB19" s="360">
        <v>0</v>
      </c>
      <c r="OC19" s="360">
        <v>0</v>
      </c>
      <c r="OD19" s="360">
        <v>340652</v>
      </c>
      <c r="OE19" s="360">
        <v>0</v>
      </c>
      <c r="OF19" s="360">
        <v>0</v>
      </c>
      <c r="OG19" s="364">
        <v>340652</v>
      </c>
      <c r="OH19" s="365">
        <v>340652</v>
      </c>
      <c r="OI19" s="363">
        <v>2978451</v>
      </c>
      <c r="OJ19" s="360">
        <v>6452596</v>
      </c>
      <c r="OK19" s="361">
        <v>9431047</v>
      </c>
      <c r="OL19" s="366">
        <v>0</v>
      </c>
      <c r="OM19" s="360">
        <v>62869141</v>
      </c>
      <c r="ON19" s="360">
        <v>88312448</v>
      </c>
      <c r="OO19" s="360">
        <v>97156942</v>
      </c>
      <c r="OP19" s="360">
        <v>103353631</v>
      </c>
      <c r="OQ19" s="360">
        <v>105643876</v>
      </c>
      <c r="OR19" s="364">
        <v>457336038</v>
      </c>
      <c r="OS19" s="369">
        <v>466767085</v>
      </c>
    </row>
    <row r="20" spans="2:409" s="137" customFormat="1" ht="21" customHeight="1" x14ac:dyDescent="0.2">
      <c r="B20" s="421" t="s">
        <v>15</v>
      </c>
      <c r="C20" s="341">
        <v>2607102</v>
      </c>
      <c r="D20" s="342">
        <v>4043419</v>
      </c>
      <c r="E20" s="343">
        <v>6650521</v>
      </c>
      <c r="F20" s="344">
        <v>0</v>
      </c>
      <c r="G20" s="342">
        <v>34576578</v>
      </c>
      <c r="H20" s="342">
        <v>41778093</v>
      </c>
      <c r="I20" s="342">
        <v>38136890</v>
      </c>
      <c r="J20" s="342">
        <v>34616778</v>
      </c>
      <c r="K20" s="342">
        <v>20361197</v>
      </c>
      <c r="L20" s="344">
        <v>169469536</v>
      </c>
      <c r="M20" s="345">
        <v>176120057</v>
      </c>
      <c r="N20" s="341">
        <v>357348</v>
      </c>
      <c r="O20" s="342">
        <v>835665</v>
      </c>
      <c r="P20" s="343">
        <v>1193013</v>
      </c>
      <c r="Q20" s="341">
        <v>0</v>
      </c>
      <c r="R20" s="342">
        <v>7216131</v>
      </c>
      <c r="S20" s="342">
        <v>12994863</v>
      </c>
      <c r="T20" s="342">
        <v>10251623</v>
      </c>
      <c r="U20" s="342">
        <v>11530062</v>
      </c>
      <c r="V20" s="342">
        <v>10817856</v>
      </c>
      <c r="W20" s="343">
        <v>52810535</v>
      </c>
      <c r="X20" s="345">
        <v>54003548</v>
      </c>
      <c r="Y20" s="341">
        <v>0</v>
      </c>
      <c r="Z20" s="342">
        <v>0</v>
      </c>
      <c r="AA20" s="343">
        <v>0</v>
      </c>
      <c r="AB20" s="341">
        <v>0</v>
      </c>
      <c r="AC20" s="342">
        <v>3180051</v>
      </c>
      <c r="AD20" s="342">
        <v>7070207</v>
      </c>
      <c r="AE20" s="342">
        <v>6167221</v>
      </c>
      <c r="AF20" s="342">
        <v>6884916</v>
      </c>
      <c r="AG20" s="342">
        <v>6026678</v>
      </c>
      <c r="AH20" s="343">
        <v>29329073</v>
      </c>
      <c r="AI20" s="345">
        <v>29329073</v>
      </c>
      <c r="AJ20" s="341">
        <v>0</v>
      </c>
      <c r="AK20" s="342">
        <v>0</v>
      </c>
      <c r="AL20" s="343">
        <v>0</v>
      </c>
      <c r="AM20" s="341">
        <v>0</v>
      </c>
      <c r="AN20" s="342">
        <v>0</v>
      </c>
      <c r="AO20" s="342">
        <v>258659</v>
      </c>
      <c r="AP20" s="342">
        <v>409830</v>
      </c>
      <c r="AQ20" s="342">
        <v>959605</v>
      </c>
      <c r="AR20" s="342">
        <v>1423516</v>
      </c>
      <c r="AS20" s="343">
        <v>3051610</v>
      </c>
      <c r="AT20" s="345">
        <v>3051610</v>
      </c>
      <c r="AU20" s="341">
        <v>156477</v>
      </c>
      <c r="AV20" s="342">
        <v>586413</v>
      </c>
      <c r="AW20" s="343">
        <v>742890</v>
      </c>
      <c r="AX20" s="341">
        <v>0</v>
      </c>
      <c r="AY20" s="342">
        <v>1870751</v>
      </c>
      <c r="AZ20" s="342">
        <v>3205202</v>
      </c>
      <c r="BA20" s="342">
        <v>1777494</v>
      </c>
      <c r="BB20" s="342">
        <v>1788401</v>
      </c>
      <c r="BC20" s="342">
        <v>2175651</v>
      </c>
      <c r="BD20" s="343">
        <v>10817499</v>
      </c>
      <c r="BE20" s="345">
        <v>11560389</v>
      </c>
      <c r="BF20" s="341">
        <v>0</v>
      </c>
      <c r="BG20" s="342">
        <v>118131</v>
      </c>
      <c r="BH20" s="346">
        <v>118131</v>
      </c>
      <c r="BI20" s="347">
        <v>0</v>
      </c>
      <c r="BJ20" s="342">
        <v>324573</v>
      </c>
      <c r="BK20" s="342">
        <v>487593</v>
      </c>
      <c r="BL20" s="342">
        <v>170173</v>
      </c>
      <c r="BM20" s="342">
        <v>136766</v>
      </c>
      <c r="BN20" s="342">
        <v>122258</v>
      </c>
      <c r="BO20" s="343">
        <v>1241363</v>
      </c>
      <c r="BP20" s="345">
        <v>1359494</v>
      </c>
      <c r="BQ20" s="341">
        <v>200871</v>
      </c>
      <c r="BR20" s="342">
        <v>131121</v>
      </c>
      <c r="BS20" s="343">
        <v>331992</v>
      </c>
      <c r="BT20" s="341">
        <v>0</v>
      </c>
      <c r="BU20" s="342">
        <v>1840756</v>
      </c>
      <c r="BV20" s="342">
        <v>1973202</v>
      </c>
      <c r="BW20" s="342">
        <v>1726905</v>
      </c>
      <c r="BX20" s="342">
        <v>1760374</v>
      </c>
      <c r="BY20" s="342">
        <v>1069753</v>
      </c>
      <c r="BZ20" s="343">
        <v>8370990</v>
      </c>
      <c r="CA20" s="345">
        <v>8702982</v>
      </c>
      <c r="CB20" s="341">
        <v>67605</v>
      </c>
      <c r="CC20" s="342">
        <v>220285</v>
      </c>
      <c r="CD20" s="343">
        <v>287890</v>
      </c>
      <c r="CE20" s="341">
        <v>0</v>
      </c>
      <c r="CF20" s="342">
        <v>8379316</v>
      </c>
      <c r="CG20" s="342">
        <v>9989703</v>
      </c>
      <c r="CH20" s="342">
        <v>7698550</v>
      </c>
      <c r="CI20" s="342">
        <v>4081349</v>
      </c>
      <c r="CJ20" s="342">
        <v>1608930</v>
      </c>
      <c r="CK20" s="343">
        <v>31757848</v>
      </c>
      <c r="CL20" s="345">
        <v>32045738</v>
      </c>
      <c r="CM20" s="341">
        <v>0</v>
      </c>
      <c r="CN20" s="342">
        <v>0</v>
      </c>
      <c r="CO20" s="343">
        <v>0</v>
      </c>
      <c r="CP20" s="347">
        <v>0</v>
      </c>
      <c r="CQ20" s="342">
        <v>6389849</v>
      </c>
      <c r="CR20" s="342">
        <v>7608984</v>
      </c>
      <c r="CS20" s="342">
        <v>6149643</v>
      </c>
      <c r="CT20" s="342">
        <v>2880152</v>
      </c>
      <c r="CU20" s="342">
        <v>992660</v>
      </c>
      <c r="CV20" s="343">
        <v>24021288</v>
      </c>
      <c r="CW20" s="345">
        <v>24021288</v>
      </c>
      <c r="CX20" s="341">
        <v>67605</v>
      </c>
      <c r="CY20" s="342">
        <v>220285</v>
      </c>
      <c r="CZ20" s="343">
        <v>287890</v>
      </c>
      <c r="DA20" s="341">
        <v>0</v>
      </c>
      <c r="DB20" s="342">
        <v>1989467</v>
      </c>
      <c r="DC20" s="342">
        <v>2380719</v>
      </c>
      <c r="DD20" s="342">
        <v>1548907</v>
      </c>
      <c r="DE20" s="342">
        <v>1201197</v>
      </c>
      <c r="DF20" s="342">
        <v>616270</v>
      </c>
      <c r="DG20" s="343">
        <v>7736560</v>
      </c>
      <c r="DH20" s="345">
        <v>8024450</v>
      </c>
      <c r="DI20" s="341">
        <v>0</v>
      </c>
      <c r="DJ20" s="342">
        <v>32278</v>
      </c>
      <c r="DK20" s="346">
        <v>32278</v>
      </c>
      <c r="DL20" s="347">
        <v>0</v>
      </c>
      <c r="DM20" s="342">
        <v>1261814</v>
      </c>
      <c r="DN20" s="342">
        <v>2003720</v>
      </c>
      <c r="DO20" s="342">
        <v>7187949</v>
      </c>
      <c r="DP20" s="342">
        <v>4990334</v>
      </c>
      <c r="DQ20" s="342">
        <v>1097582</v>
      </c>
      <c r="DR20" s="343">
        <v>16541399</v>
      </c>
      <c r="DS20" s="345">
        <v>16573677</v>
      </c>
      <c r="DT20" s="341">
        <v>0</v>
      </c>
      <c r="DU20" s="342">
        <v>32278</v>
      </c>
      <c r="DV20" s="343">
        <v>32278</v>
      </c>
      <c r="DW20" s="341">
        <v>0</v>
      </c>
      <c r="DX20" s="342">
        <v>1204150</v>
      </c>
      <c r="DY20" s="342">
        <v>1863226</v>
      </c>
      <c r="DZ20" s="342">
        <v>7135708</v>
      </c>
      <c r="EA20" s="342">
        <v>4912989</v>
      </c>
      <c r="EB20" s="342">
        <v>1097582</v>
      </c>
      <c r="EC20" s="343">
        <v>16213655</v>
      </c>
      <c r="ED20" s="345">
        <v>16245933</v>
      </c>
      <c r="EE20" s="341">
        <v>0</v>
      </c>
      <c r="EF20" s="346">
        <v>0</v>
      </c>
      <c r="EG20" s="343">
        <v>0</v>
      </c>
      <c r="EH20" s="341">
        <v>0</v>
      </c>
      <c r="EI20" s="342">
        <v>57664</v>
      </c>
      <c r="EJ20" s="342">
        <v>140494</v>
      </c>
      <c r="EK20" s="342">
        <v>52241</v>
      </c>
      <c r="EL20" s="342">
        <v>77345</v>
      </c>
      <c r="EM20" s="342">
        <v>0</v>
      </c>
      <c r="EN20" s="346">
        <v>327744</v>
      </c>
      <c r="EO20" s="345">
        <v>327744</v>
      </c>
      <c r="EP20" s="341">
        <v>0</v>
      </c>
      <c r="EQ20" s="342">
        <v>0</v>
      </c>
      <c r="ER20" s="346">
        <v>0</v>
      </c>
      <c r="ES20" s="347">
        <v>0</v>
      </c>
      <c r="ET20" s="342">
        <v>0</v>
      </c>
      <c r="EU20" s="342">
        <v>0</v>
      </c>
      <c r="EV20" s="342">
        <v>0</v>
      </c>
      <c r="EW20" s="342">
        <v>0</v>
      </c>
      <c r="EX20" s="342">
        <v>0</v>
      </c>
      <c r="EY20" s="343">
        <v>0</v>
      </c>
      <c r="EZ20" s="345">
        <v>0</v>
      </c>
      <c r="FA20" s="341">
        <v>0</v>
      </c>
      <c r="FB20" s="342">
        <v>0</v>
      </c>
      <c r="FC20" s="346">
        <v>0</v>
      </c>
      <c r="FD20" s="347">
        <v>0</v>
      </c>
      <c r="FE20" s="342">
        <v>0</v>
      </c>
      <c r="FF20" s="342">
        <v>0</v>
      </c>
      <c r="FG20" s="342">
        <v>0</v>
      </c>
      <c r="FH20" s="342">
        <v>0</v>
      </c>
      <c r="FI20" s="342">
        <v>0</v>
      </c>
      <c r="FJ20" s="343">
        <v>0</v>
      </c>
      <c r="FK20" s="345">
        <v>0</v>
      </c>
      <c r="FL20" s="341">
        <v>593008</v>
      </c>
      <c r="FM20" s="342">
        <v>1163470</v>
      </c>
      <c r="FN20" s="343">
        <v>1756478</v>
      </c>
      <c r="FO20" s="341">
        <v>0</v>
      </c>
      <c r="FP20" s="342">
        <v>1875033</v>
      </c>
      <c r="FQ20" s="342">
        <v>4503196</v>
      </c>
      <c r="FR20" s="342">
        <v>3155650</v>
      </c>
      <c r="FS20" s="342">
        <v>2440733</v>
      </c>
      <c r="FT20" s="342">
        <v>1576249</v>
      </c>
      <c r="FU20" s="343">
        <v>13550861</v>
      </c>
      <c r="FV20" s="345">
        <v>15307339</v>
      </c>
      <c r="FW20" s="348">
        <v>402208</v>
      </c>
      <c r="FX20" s="342">
        <v>853060</v>
      </c>
      <c r="FY20" s="346">
        <v>1255268</v>
      </c>
      <c r="FZ20" s="347">
        <v>0</v>
      </c>
      <c r="GA20" s="342">
        <v>1543802</v>
      </c>
      <c r="GB20" s="342">
        <v>4361181</v>
      </c>
      <c r="GC20" s="342">
        <v>2941898</v>
      </c>
      <c r="GD20" s="342">
        <v>2276213</v>
      </c>
      <c r="GE20" s="342">
        <v>1576249</v>
      </c>
      <c r="GF20" s="343">
        <v>12699343</v>
      </c>
      <c r="GG20" s="349">
        <v>13954611</v>
      </c>
      <c r="GH20" s="348">
        <v>0</v>
      </c>
      <c r="GI20" s="342">
        <v>62460</v>
      </c>
      <c r="GJ20" s="346">
        <v>62460</v>
      </c>
      <c r="GK20" s="347">
        <v>0</v>
      </c>
      <c r="GL20" s="342">
        <v>103081</v>
      </c>
      <c r="GM20" s="342">
        <v>77526</v>
      </c>
      <c r="GN20" s="342">
        <v>118712</v>
      </c>
      <c r="GO20" s="342">
        <v>27720</v>
      </c>
      <c r="GP20" s="342">
        <v>0</v>
      </c>
      <c r="GQ20" s="343">
        <v>327039</v>
      </c>
      <c r="GR20" s="345">
        <v>389499</v>
      </c>
      <c r="GS20" s="341">
        <v>190800</v>
      </c>
      <c r="GT20" s="342">
        <v>247950</v>
      </c>
      <c r="GU20" s="343">
        <v>438750</v>
      </c>
      <c r="GV20" s="341">
        <v>0</v>
      </c>
      <c r="GW20" s="342">
        <v>228150</v>
      </c>
      <c r="GX20" s="342">
        <v>64489</v>
      </c>
      <c r="GY20" s="342">
        <v>95040</v>
      </c>
      <c r="GZ20" s="342">
        <v>136800</v>
      </c>
      <c r="HA20" s="342">
        <v>0</v>
      </c>
      <c r="HB20" s="346">
        <v>524479</v>
      </c>
      <c r="HC20" s="345">
        <v>963229</v>
      </c>
      <c r="HD20" s="341">
        <v>1210160</v>
      </c>
      <c r="HE20" s="342">
        <v>965314</v>
      </c>
      <c r="HF20" s="346">
        <v>2175474</v>
      </c>
      <c r="HG20" s="347">
        <v>0</v>
      </c>
      <c r="HH20" s="342">
        <v>8884623</v>
      </c>
      <c r="HI20" s="342">
        <v>5355103</v>
      </c>
      <c r="HJ20" s="342">
        <v>5514701</v>
      </c>
      <c r="HK20" s="342">
        <v>9103930</v>
      </c>
      <c r="HL20" s="342">
        <v>3787559</v>
      </c>
      <c r="HM20" s="343">
        <v>32645916</v>
      </c>
      <c r="HN20" s="344">
        <v>34821390</v>
      </c>
      <c r="HO20" s="348">
        <v>378981</v>
      </c>
      <c r="HP20" s="342">
        <v>826407</v>
      </c>
      <c r="HQ20" s="343">
        <v>1205388</v>
      </c>
      <c r="HR20" s="341">
        <v>0</v>
      </c>
      <c r="HS20" s="342">
        <v>6959661</v>
      </c>
      <c r="HT20" s="342">
        <v>6931508</v>
      </c>
      <c r="HU20" s="342">
        <v>4328417</v>
      </c>
      <c r="HV20" s="342">
        <v>2470370</v>
      </c>
      <c r="HW20" s="342">
        <v>1473021</v>
      </c>
      <c r="HX20" s="346">
        <v>22162977</v>
      </c>
      <c r="HY20" s="345">
        <v>23368365</v>
      </c>
      <c r="HZ20" s="373">
        <v>82732</v>
      </c>
      <c r="IA20" s="371">
        <v>1802297</v>
      </c>
      <c r="IB20" s="373">
        <v>1885029</v>
      </c>
      <c r="IC20" s="370">
        <v>0</v>
      </c>
      <c r="ID20" s="371">
        <v>17947275</v>
      </c>
      <c r="IE20" s="372">
        <v>25287986</v>
      </c>
      <c r="IF20" s="373">
        <v>23666169</v>
      </c>
      <c r="IG20" s="371">
        <v>15921783</v>
      </c>
      <c r="IH20" s="373">
        <v>12441269</v>
      </c>
      <c r="II20" s="374">
        <v>95264482</v>
      </c>
      <c r="IJ20" s="373">
        <v>97149511</v>
      </c>
      <c r="IK20" s="357">
        <v>0</v>
      </c>
      <c r="IL20" s="358">
        <v>0</v>
      </c>
      <c r="IM20" s="359">
        <v>0</v>
      </c>
      <c r="IN20" s="436">
        <v>0</v>
      </c>
      <c r="IO20" s="360">
        <v>333972</v>
      </c>
      <c r="IP20" s="360">
        <v>259075</v>
      </c>
      <c r="IQ20" s="360">
        <v>232649</v>
      </c>
      <c r="IR20" s="360">
        <v>1868780</v>
      </c>
      <c r="IS20" s="360">
        <v>2135176</v>
      </c>
      <c r="IT20" s="361">
        <v>4829652</v>
      </c>
      <c r="IU20" s="362">
        <v>4829652</v>
      </c>
      <c r="IV20" s="363">
        <v>0</v>
      </c>
      <c r="IW20" s="360">
        <v>0</v>
      </c>
      <c r="IX20" s="364">
        <v>0</v>
      </c>
      <c r="IY20" s="439">
        <v>0</v>
      </c>
      <c r="IZ20" s="360">
        <v>0</v>
      </c>
      <c r="JA20" s="360">
        <v>0</v>
      </c>
      <c r="JB20" s="360">
        <v>0</v>
      </c>
      <c r="JC20" s="360">
        <v>0</v>
      </c>
      <c r="JD20" s="360">
        <v>0</v>
      </c>
      <c r="JE20" s="364">
        <v>0</v>
      </c>
      <c r="JF20" s="365">
        <v>0</v>
      </c>
      <c r="JG20" s="363">
        <v>0</v>
      </c>
      <c r="JH20" s="360">
        <v>0</v>
      </c>
      <c r="JI20" s="361">
        <v>0</v>
      </c>
      <c r="JJ20" s="366">
        <v>0</v>
      </c>
      <c r="JK20" s="360">
        <v>7481452</v>
      </c>
      <c r="JL20" s="360">
        <v>9261025</v>
      </c>
      <c r="JM20" s="360">
        <v>6854074</v>
      </c>
      <c r="JN20" s="360">
        <v>2479804</v>
      </c>
      <c r="JO20" s="360">
        <v>1138624</v>
      </c>
      <c r="JP20" s="364">
        <v>27214979</v>
      </c>
      <c r="JQ20" s="362">
        <v>27214979</v>
      </c>
      <c r="JR20" s="363">
        <v>0</v>
      </c>
      <c r="JS20" s="360">
        <v>74301</v>
      </c>
      <c r="JT20" s="361">
        <v>74301</v>
      </c>
      <c r="JU20" s="366">
        <v>0</v>
      </c>
      <c r="JV20" s="360">
        <v>118800</v>
      </c>
      <c r="JW20" s="360">
        <v>116582</v>
      </c>
      <c r="JX20" s="360">
        <v>455091</v>
      </c>
      <c r="JY20" s="360">
        <v>92228</v>
      </c>
      <c r="JZ20" s="360">
        <v>272717</v>
      </c>
      <c r="KA20" s="364">
        <v>1055418</v>
      </c>
      <c r="KB20" s="362">
        <v>1129719</v>
      </c>
      <c r="KC20" s="367">
        <v>82732</v>
      </c>
      <c r="KD20" s="368">
        <v>1030115</v>
      </c>
      <c r="KE20" s="364">
        <v>1112847</v>
      </c>
      <c r="KF20" s="366">
        <v>0</v>
      </c>
      <c r="KG20" s="360">
        <v>1526952</v>
      </c>
      <c r="KH20" s="360">
        <v>2178664</v>
      </c>
      <c r="KI20" s="360">
        <v>1689044</v>
      </c>
      <c r="KJ20" s="360">
        <v>2097088</v>
      </c>
      <c r="KK20" s="360">
        <v>868009</v>
      </c>
      <c r="KL20" s="364">
        <v>8359757</v>
      </c>
      <c r="KM20" s="369">
        <v>9472604</v>
      </c>
      <c r="KN20" s="357">
        <v>0</v>
      </c>
      <c r="KO20" s="358">
        <v>697881</v>
      </c>
      <c r="KP20" s="359">
        <v>697881</v>
      </c>
      <c r="KQ20" s="439">
        <v>0</v>
      </c>
      <c r="KR20" s="360">
        <v>7755174</v>
      </c>
      <c r="KS20" s="360">
        <v>11516232</v>
      </c>
      <c r="KT20" s="360">
        <v>10339496</v>
      </c>
      <c r="KU20" s="360">
        <v>5939884</v>
      </c>
      <c r="KV20" s="360">
        <v>4553879</v>
      </c>
      <c r="KW20" s="364">
        <v>40104665</v>
      </c>
      <c r="KX20" s="362">
        <v>40802546</v>
      </c>
      <c r="KY20" s="363">
        <v>0</v>
      </c>
      <c r="KZ20" s="360">
        <v>0</v>
      </c>
      <c r="LA20" s="364">
        <v>0</v>
      </c>
      <c r="LB20" s="439">
        <v>0</v>
      </c>
      <c r="LC20" s="360">
        <v>0</v>
      </c>
      <c r="LD20" s="360">
        <v>0</v>
      </c>
      <c r="LE20" s="360">
        <v>0</v>
      </c>
      <c r="LF20" s="360">
        <v>0</v>
      </c>
      <c r="LG20" s="360">
        <v>0</v>
      </c>
      <c r="LH20" s="364">
        <v>0</v>
      </c>
      <c r="LI20" s="365">
        <v>0</v>
      </c>
      <c r="LJ20" s="363">
        <v>0</v>
      </c>
      <c r="LK20" s="360">
        <v>0</v>
      </c>
      <c r="LL20" s="364">
        <v>0</v>
      </c>
      <c r="LM20" s="439">
        <v>0</v>
      </c>
      <c r="LN20" s="360">
        <v>0</v>
      </c>
      <c r="LO20" s="360">
        <v>0</v>
      </c>
      <c r="LP20" s="360">
        <v>2369507</v>
      </c>
      <c r="LQ20" s="360">
        <v>3443999</v>
      </c>
      <c r="LR20" s="360">
        <v>2779384</v>
      </c>
      <c r="LS20" s="364">
        <v>8592890</v>
      </c>
      <c r="LT20" s="362">
        <v>8592890</v>
      </c>
      <c r="LU20" s="363">
        <v>0</v>
      </c>
      <c r="LV20" s="360">
        <v>0</v>
      </c>
      <c r="LW20" s="364">
        <v>0</v>
      </c>
      <c r="LX20" s="439">
        <v>0</v>
      </c>
      <c r="LY20" s="360">
        <v>730925</v>
      </c>
      <c r="LZ20" s="360">
        <v>1956408</v>
      </c>
      <c r="MA20" s="360">
        <v>1726308</v>
      </c>
      <c r="MB20" s="360">
        <v>0</v>
      </c>
      <c r="MC20" s="360">
        <v>693480</v>
      </c>
      <c r="MD20" s="364">
        <v>5107121</v>
      </c>
      <c r="ME20" s="365">
        <v>5107121</v>
      </c>
      <c r="MF20" s="363">
        <v>0</v>
      </c>
      <c r="MG20" s="360">
        <v>0</v>
      </c>
      <c r="MH20" s="364">
        <v>0</v>
      </c>
      <c r="MI20" s="439">
        <v>0</v>
      </c>
      <c r="MJ20" s="360">
        <v>3837490</v>
      </c>
      <c r="MK20" s="360">
        <v>9876982</v>
      </c>
      <c r="ML20" s="360">
        <v>32216091</v>
      </c>
      <c r="MM20" s="360">
        <v>58189597</v>
      </c>
      <c r="MN20" s="360">
        <v>28839395</v>
      </c>
      <c r="MO20" s="364">
        <v>132959555</v>
      </c>
      <c r="MP20" s="369">
        <v>132959555</v>
      </c>
      <c r="MQ20" s="363">
        <v>0</v>
      </c>
      <c r="MR20" s="360">
        <v>0</v>
      </c>
      <c r="MS20" s="364">
        <v>0</v>
      </c>
      <c r="MT20" s="439">
        <v>0</v>
      </c>
      <c r="MU20" s="360">
        <v>197081</v>
      </c>
      <c r="MV20" s="360">
        <v>0</v>
      </c>
      <c r="MW20" s="360">
        <v>20571980</v>
      </c>
      <c r="MX20" s="360">
        <v>39876673</v>
      </c>
      <c r="MY20" s="360">
        <v>21785629</v>
      </c>
      <c r="MZ20" s="364">
        <v>82431363</v>
      </c>
      <c r="NA20" s="369">
        <v>82431363</v>
      </c>
      <c r="NB20" s="363">
        <v>0</v>
      </c>
      <c r="NC20" s="360">
        <v>0</v>
      </c>
      <c r="ND20" s="364">
        <v>0</v>
      </c>
      <c r="NE20" s="439">
        <v>0</v>
      </c>
      <c r="NF20" s="360">
        <v>3640409</v>
      </c>
      <c r="NG20" s="360">
        <v>9876982</v>
      </c>
      <c r="NH20" s="360">
        <v>11644111</v>
      </c>
      <c r="NI20" s="360">
        <v>18312924</v>
      </c>
      <c r="NJ20" s="360">
        <v>7053766</v>
      </c>
      <c r="NK20" s="364">
        <v>50528192</v>
      </c>
      <c r="NL20" s="362">
        <v>50528192</v>
      </c>
      <c r="NM20" s="363">
        <v>0</v>
      </c>
      <c r="NN20" s="360">
        <v>0</v>
      </c>
      <c r="NO20" s="364">
        <v>0</v>
      </c>
      <c r="NP20" s="439">
        <v>0</v>
      </c>
      <c r="NQ20" s="360">
        <v>0</v>
      </c>
      <c r="NR20" s="360">
        <v>0</v>
      </c>
      <c r="NS20" s="360">
        <v>0</v>
      </c>
      <c r="NT20" s="360">
        <v>0</v>
      </c>
      <c r="NU20" s="360">
        <v>0</v>
      </c>
      <c r="NV20" s="364">
        <v>0</v>
      </c>
      <c r="NW20" s="365">
        <v>0</v>
      </c>
      <c r="NX20" s="363">
        <v>0</v>
      </c>
      <c r="NY20" s="360">
        <v>0</v>
      </c>
      <c r="NZ20" s="364">
        <v>0</v>
      </c>
      <c r="OA20" s="439">
        <v>0</v>
      </c>
      <c r="OB20" s="360">
        <v>0</v>
      </c>
      <c r="OC20" s="360">
        <v>0</v>
      </c>
      <c r="OD20" s="360">
        <v>0</v>
      </c>
      <c r="OE20" s="360">
        <v>0</v>
      </c>
      <c r="OF20" s="360">
        <v>0</v>
      </c>
      <c r="OG20" s="364">
        <v>0</v>
      </c>
      <c r="OH20" s="365">
        <v>0</v>
      </c>
      <c r="OI20" s="363">
        <v>2689834</v>
      </c>
      <c r="OJ20" s="360">
        <v>5845716</v>
      </c>
      <c r="OK20" s="361">
        <v>8535550</v>
      </c>
      <c r="OL20" s="366">
        <v>0</v>
      </c>
      <c r="OM20" s="360">
        <v>56361343</v>
      </c>
      <c r="ON20" s="360">
        <v>76943061</v>
      </c>
      <c r="OO20" s="360">
        <v>94019150</v>
      </c>
      <c r="OP20" s="360">
        <v>108728158</v>
      </c>
      <c r="OQ20" s="360">
        <v>61641861</v>
      </c>
      <c r="OR20" s="364">
        <v>397693573</v>
      </c>
      <c r="OS20" s="369">
        <v>406229123</v>
      </c>
    </row>
    <row r="21" spans="2:409" s="137" customFormat="1" ht="21" customHeight="1" x14ac:dyDescent="0.2">
      <c r="B21" s="421" t="s">
        <v>16</v>
      </c>
      <c r="C21" s="341">
        <v>6196647</v>
      </c>
      <c r="D21" s="342">
        <v>14383764</v>
      </c>
      <c r="E21" s="343">
        <v>20580411</v>
      </c>
      <c r="F21" s="344">
        <v>0</v>
      </c>
      <c r="G21" s="342">
        <v>75768193</v>
      </c>
      <c r="H21" s="342">
        <v>136297912</v>
      </c>
      <c r="I21" s="342">
        <v>102212072</v>
      </c>
      <c r="J21" s="342">
        <v>97284097</v>
      </c>
      <c r="K21" s="342">
        <v>67709385</v>
      </c>
      <c r="L21" s="344">
        <v>479271659</v>
      </c>
      <c r="M21" s="345">
        <v>499852070</v>
      </c>
      <c r="N21" s="341">
        <v>1063709</v>
      </c>
      <c r="O21" s="342">
        <v>2453181</v>
      </c>
      <c r="P21" s="343">
        <v>3516890</v>
      </c>
      <c r="Q21" s="341">
        <v>0</v>
      </c>
      <c r="R21" s="342">
        <v>15953018</v>
      </c>
      <c r="S21" s="342">
        <v>32587700</v>
      </c>
      <c r="T21" s="342">
        <v>24979037</v>
      </c>
      <c r="U21" s="342">
        <v>30031200</v>
      </c>
      <c r="V21" s="342">
        <v>24942882</v>
      </c>
      <c r="W21" s="343">
        <v>128493837</v>
      </c>
      <c r="X21" s="345">
        <v>132010727</v>
      </c>
      <c r="Y21" s="341">
        <v>0</v>
      </c>
      <c r="Z21" s="342">
        <v>0</v>
      </c>
      <c r="AA21" s="343">
        <v>0</v>
      </c>
      <c r="AB21" s="341">
        <v>0</v>
      </c>
      <c r="AC21" s="342">
        <v>6415040</v>
      </c>
      <c r="AD21" s="342">
        <v>12753963</v>
      </c>
      <c r="AE21" s="342">
        <v>11850504</v>
      </c>
      <c r="AF21" s="342">
        <v>15807947</v>
      </c>
      <c r="AG21" s="342">
        <v>13000527</v>
      </c>
      <c r="AH21" s="343">
        <v>59827981</v>
      </c>
      <c r="AI21" s="345">
        <v>59827981</v>
      </c>
      <c r="AJ21" s="341">
        <v>0</v>
      </c>
      <c r="AK21" s="342">
        <v>0</v>
      </c>
      <c r="AL21" s="343">
        <v>0</v>
      </c>
      <c r="AM21" s="341">
        <v>0</v>
      </c>
      <c r="AN21" s="342">
        <v>49252</v>
      </c>
      <c r="AO21" s="342">
        <v>420986</v>
      </c>
      <c r="AP21" s="342">
        <v>772721</v>
      </c>
      <c r="AQ21" s="342">
        <v>1608629</v>
      </c>
      <c r="AR21" s="342">
        <v>2703086</v>
      </c>
      <c r="AS21" s="343">
        <v>5554674</v>
      </c>
      <c r="AT21" s="345">
        <v>5554674</v>
      </c>
      <c r="AU21" s="341">
        <v>488459</v>
      </c>
      <c r="AV21" s="342">
        <v>1554607</v>
      </c>
      <c r="AW21" s="343">
        <v>2043066</v>
      </c>
      <c r="AX21" s="341">
        <v>0</v>
      </c>
      <c r="AY21" s="342">
        <v>6386837</v>
      </c>
      <c r="AZ21" s="342">
        <v>13451870</v>
      </c>
      <c r="BA21" s="342">
        <v>7971519</v>
      </c>
      <c r="BB21" s="342">
        <v>8334414</v>
      </c>
      <c r="BC21" s="342">
        <v>5717638</v>
      </c>
      <c r="BD21" s="343">
        <v>41862278</v>
      </c>
      <c r="BE21" s="345">
        <v>43905344</v>
      </c>
      <c r="BF21" s="341">
        <v>120380</v>
      </c>
      <c r="BG21" s="342">
        <v>318174</v>
      </c>
      <c r="BH21" s="346">
        <v>438554</v>
      </c>
      <c r="BI21" s="347">
        <v>0</v>
      </c>
      <c r="BJ21" s="342">
        <v>227584</v>
      </c>
      <c r="BK21" s="342">
        <v>1389964</v>
      </c>
      <c r="BL21" s="342">
        <v>424212</v>
      </c>
      <c r="BM21" s="342">
        <v>147945</v>
      </c>
      <c r="BN21" s="342">
        <v>404395</v>
      </c>
      <c r="BO21" s="343">
        <v>2594100</v>
      </c>
      <c r="BP21" s="345">
        <v>3032654</v>
      </c>
      <c r="BQ21" s="341">
        <v>454870</v>
      </c>
      <c r="BR21" s="342">
        <v>580400</v>
      </c>
      <c r="BS21" s="343">
        <v>1035270</v>
      </c>
      <c r="BT21" s="341">
        <v>0</v>
      </c>
      <c r="BU21" s="342">
        <v>2874305</v>
      </c>
      <c r="BV21" s="342">
        <v>4570917</v>
      </c>
      <c r="BW21" s="342">
        <v>3960081</v>
      </c>
      <c r="BX21" s="342">
        <v>4132265</v>
      </c>
      <c r="BY21" s="342">
        <v>3117236</v>
      </c>
      <c r="BZ21" s="343">
        <v>18654804</v>
      </c>
      <c r="CA21" s="345">
        <v>19690074</v>
      </c>
      <c r="CB21" s="341">
        <v>1076398</v>
      </c>
      <c r="CC21" s="342">
        <v>4542938</v>
      </c>
      <c r="CD21" s="343">
        <v>5619336</v>
      </c>
      <c r="CE21" s="341">
        <v>0</v>
      </c>
      <c r="CF21" s="342">
        <v>27751297</v>
      </c>
      <c r="CG21" s="342">
        <v>49963291</v>
      </c>
      <c r="CH21" s="342">
        <v>33188973</v>
      </c>
      <c r="CI21" s="342">
        <v>22730663</v>
      </c>
      <c r="CJ21" s="342">
        <v>14139002</v>
      </c>
      <c r="CK21" s="343">
        <v>147773226</v>
      </c>
      <c r="CL21" s="345">
        <v>153392562</v>
      </c>
      <c r="CM21" s="341">
        <v>0</v>
      </c>
      <c r="CN21" s="342">
        <v>0</v>
      </c>
      <c r="CO21" s="343">
        <v>0</v>
      </c>
      <c r="CP21" s="347">
        <v>0</v>
      </c>
      <c r="CQ21" s="342">
        <v>18749353</v>
      </c>
      <c r="CR21" s="342">
        <v>32138591</v>
      </c>
      <c r="CS21" s="342">
        <v>24889726</v>
      </c>
      <c r="CT21" s="342">
        <v>17765133</v>
      </c>
      <c r="CU21" s="342">
        <v>12152894</v>
      </c>
      <c r="CV21" s="343">
        <v>105695697</v>
      </c>
      <c r="CW21" s="345">
        <v>105695697</v>
      </c>
      <c r="CX21" s="341">
        <v>1076398</v>
      </c>
      <c r="CY21" s="342">
        <v>4542938</v>
      </c>
      <c r="CZ21" s="343">
        <v>5619336</v>
      </c>
      <c r="DA21" s="341">
        <v>0</v>
      </c>
      <c r="DB21" s="342">
        <v>9001944</v>
      </c>
      <c r="DC21" s="342">
        <v>17824700</v>
      </c>
      <c r="DD21" s="342">
        <v>8299247</v>
      </c>
      <c r="DE21" s="342">
        <v>4965530</v>
      </c>
      <c r="DF21" s="342">
        <v>1986108</v>
      </c>
      <c r="DG21" s="343">
        <v>42077529</v>
      </c>
      <c r="DH21" s="345">
        <v>47696865</v>
      </c>
      <c r="DI21" s="341">
        <v>30436</v>
      </c>
      <c r="DJ21" s="342">
        <v>156975</v>
      </c>
      <c r="DK21" s="346">
        <v>187411</v>
      </c>
      <c r="DL21" s="347">
        <v>0</v>
      </c>
      <c r="DM21" s="342">
        <v>1623947</v>
      </c>
      <c r="DN21" s="342">
        <v>4706115</v>
      </c>
      <c r="DO21" s="342">
        <v>6136210</v>
      </c>
      <c r="DP21" s="342">
        <v>5559440</v>
      </c>
      <c r="DQ21" s="342">
        <v>2412948</v>
      </c>
      <c r="DR21" s="343">
        <v>20438660</v>
      </c>
      <c r="DS21" s="345">
        <v>20626071</v>
      </c>
      <c r="DT21" s="341">
        <v>30436</v>
      </c>
      <c r="DU21" s="342">
        <v>156975</v>
      </c>
      <c r="DV21" s="343">
        <v>187411</v>
      </c>
      <c r="DW21" s="341">
        <v>0</v>
      </c>
      <c r="DX21" s="342">
        <v>1536445</v>
      </c>
      <c r="DY21" s="342">
        <v>4330192</v>
      </c>
      <c r="DZ21" s="342">
        <v>5355989</v>
      </c>
      <c r="EA21" s="342">
        <v>5098674</v>
      </c>
      <c r="EB21" s="342">
        <v>2368767</v>
      </c>
      <c r="EC21" s="343">
        <v>18690067</v>
      </c>
      <c r="ED21" s="345">
        <v>18877478</v>
      </c>
      <c r="EE21" s="341">
        <v>0</v>
      </c>
      <c r="EF21" s="346">
        <v>0</v>
      </c>
      <c r="EG21" s="343">
        <v>0</v>
      </c>
      <c r="EH21" s="341">
        <v>0</v>
      </c>
      <c r="EI21" s="342">
        <v>87502</v>
      </c>
      <c r="EJ21" s="342">
        <v>375923</v>
      </c>
      <c r="EK21" s="342">
        <v>780221</v>
      </c>
      <c r="EL21" s="342">
        <v>460766</v>
      </c>
      <c r="EM21" s="342">
        <v>44181</v>
      </c>
      <c r="EN21" s="346">
        <v>1748593</v>
      </c>
      <c r="EO21" s="345">
        <v>1748593</v>
      </c>
      <c r="EP21" s="341">
        <v>0</v>
      </c>
      <c r="EQ21" s="342">
        <v>0</v>
      </c>
      <c r="ER21" s="346">
        <v>0</v>
      </c>
      <c r="ES21" s="347">
        <v>0</v>
      </c>
      <c r="ET21" s="342">
        <v>0</v>
      </c>
      <c r="EU21" s="342">
        <v>0</v>
      </c>
      <c r="EV21" s="342">
        <v>0</v>
      </c>
      <c r="EW21" s="342">
        <v>0</v>
      </c>
      <c r="EX21" s="342">
        <v>0</v>
      </c>
      <c r="EY21" s="343">
        <v>0</v>
      </c>
      <c r="EZ21" s="345">
        <v>0</v>
      </c>
      <c r="FA21" s="341">
        <v>0</v>
      </c>
      <c r="FB21" s="342">
        <v>0</v>
      </c>
      <c r="FC21" s="346">
        <v>0</v>
      </c>
      <c r="FD21" s="347">
        <v>0</v>
      </c>
      <c r="FE21" s="342">
        <v>0</v>
      </c>
      <c r="FF21" s="342">
        <v>0</v>
      </c>
      <c r="FG21" s="342">
        <v>0</v>
      </c>
      <c r="FH21" s="342">
        <v>0</v>
      </c>
      <c r="FI21" s="342">
        <v>0</v>
      </c>
      <c r="FJ21" s="343">
        <v>0</v>
      </c>
      <c r="FK21" s="345">
        <v>0</v>
      </c>
      <c r="FL21" s="341">
        <v>1460105</v>
      </c>
      <c r="FM21" s="342">
        <v>3257599</v>
      </c>
      <c r="FN21" s="343">
        <v>4717704</v>
      </c>
      <c r="FO21" s="341">
        <v>0</v>
      </c>
      <c r="FP21" s="342">
        <v>3415657</v>
      </c>
      <c r="FQ21" s="342">
        <v>12638163</v>
      </c>
      <c r="FR21" s="342">
        <v>7596492</v>
      </c>
      <c r="FS21" s="342">
        <v>7097974</v>
      </c>
      <c r="FT21" s="342">
        <v>5334615</v>
      </c>
      <c r="FU21" s="343">
        <v>36082901</v>
      </c>
      <c r="FV21" s="345">
        <v>40800605</v>
      </c>
      <c r="FW21" s="348">
        <v>825241</v>
      </c>
      <c r="FX21" s="342">
        <v>2445196</v>
      </c>
      <c r="FY21" s="346">
        <v>3270437</v>
      </c>
      <c r="FZ21" s="347">
        <v>0</v>
      </c>
      <c r="GA21" s="342">
        <v>2849233</v>
      </c>
      <c r="GB21" s="342">
        <v>11920424</v>
      </c>
      <c r="GC21" s="342">
        <v>6968409</v>
      </c>
      <c r="GD21" s="342">
        <v>6600049</v>
      </c>
      <c r="GE21" s="342">
        <v>5302935</v>
      </c>
      <c r="GF21" s="343">
        <v>33641050</v>
      </c>
      <c r="GG21" s="349">
        <v>36911487</v>
      </c>
      <c r="GH21" s="348">
        <v>101920</v>
      </c>
      <c r="GI21" s="342">
        <v>228838</v>
      </c>
      <c r="GJ21" s="346">
        <v>330758</v>
      </c>
      <c r="GK21" s="347">
        <v>0</v>
      </c>
      <c r="GL21" s="342">
        <v>377721</v>
      </c>
      <c r="GM21" s="342">
        <v>408091</v>
      </c>
      <c r="GN21" s="342">
        <v>165087</v>
      </c>
      <c r="GO21" s="342">
        <v>120150</v>
      </c>
      <c r="GP21" s="342">
        <v>31680</v>
      </c>
      <c r="GQ21" s="343">
        <v>1102729</v>
      </c>
      <c r="GR21" s="345">
        <v>1433487</v>
      </c>
      <c r="GS21" s="341">
        <v>532944</v>
      </c>
      <c r="GT21" s="342">
        <v>583565</v>
      </c>
      <c r="GU21" s="343">
        <v>1116509</v>
      </c>
      <c r="GV21" s="341">
        <v>0</v>
      </c>
      <c r="GW21" s="342">
        <v>188703</v>
      </c>
      <c r="GX21" s="342">
        <v>309648</v>
      </c>
      <c r="GY21" s="342">
        <v>462996</v>
      </c>
      <c r="GZ21" s="342">
        <v>377775</v>
      </c>
      <c r="HA21" s="342">
        <v>0</v>
      </c>
      <c r="HB21" s="346">
        <v>1339122</v>
      </c>
      <c r="HC21" s="345">
        <v>2455631</v>
      </c>
      <c r="HD21" s="341">
        <v>1553946</v>
      </c>
      <c r="HE21" s="342">
        <v>1710277</v>
      </c>
      <c r="HF21" s="346">
        <v>3264223</v>
      </c>
      <c r="HG21" s="347">
        <v>0</v>
      </c>
      <c r="HH21" s="342">
        <v>14918971</v>
      </c>
      <c r="HI21" s="342">
        <v>19598358</v>
      </c>
      <c r="HJ21" s="342">
        <v>20775571</v>
      </c>
      <c r="HK21" s="342">
        <v>25227953</v>
      </c>
      <c r="HL21" s="342">
        <v>16603836</v>
      </c>
      <c r="HM21" s="343">
        <v>97124689</v>
      </c>
      <c r="HN21" s="344">
        <v>100388912</v>
      </c>
      <c r="HO21" s="348">
        <v>1012053</v>
      </c>
      <c r="HP21" s="342">
        <v>2262794</v>
      </c>
      <c r="HQ21" s="343">
        <v>3274847</v>
      </c>
      <c r="HR21" s="341">
        <v>0</v>
      </c>
      <c r="HS21" s="342">
        <v>12105303</v>
      </c>
      <c r="HT21" s="342">
        <v>16804285</v>
      </c>
      <c r="HU21" s="342">
        <v>9535789</v>
      </c>
      <c r="HV21" s="342">
        <v>6636867</v>
      </c>
      <c r="HW21" s="342">
        <v>4276102</v>
      </c>
      <c r="HX21" s="346">
        <v>49358346</v>
      </c>
      <c r="HY21" s="345">
        <v>52633193</v>
      </c>
      <c r="HZ21" s="350">
        <v>139983</v>
      </c>
      <c r="IA21" s="351">
        <v>564618</v>
      </c>
      <c r="IB21" s="352">
        <v>704601</v>
      </c>
      <c r="IC21" s="353">
        <v>0</v>
      </c>
      <c r="ID21" s="351">
        <v>14665582</v>
      </c>
      <c r="IE21" s="354">
        <v>30824081</v>
      </c>
      <c r="IF21" s="352">
        <v>32517119</v>
      </c>
      <c r="IG21" s="351">
        <v>24666447</v>
      </c>
      <c r="IH21" s="352">
        <v>19610401</v>
      </c>
      <c r="II21" s="355">
        <v>122283630</v>
      </c>
      <c r="IJ21" s="356">
        <v>122988231</v>
      </c>
      <c r="IK21" s="357">
        <v>0</v>
      </c>
      <c r="IL21" s="358">
        <v>0</v>
      </c>
      <c r="IM21" s="359">
        <v>0</v>
      </c>
      <c r="IN21" s="436">
        <v>0</v>
      </c>
      <c r="IO21" s="360">
        <v>486333</v>
      </c>
      <c r="IP21" s="360">
        <v>1783301</v>
      </c>
      <c r="IQ21" s="360">
        <v>2910376</v>
      </c>
      <c r="IR21" s="360">
        <v>2282034</v>
      </c>
      <c r="IS21" s="360">
        <v>2108052</v>
      </c>
      <c r="IT21" s="361">
        <v>9570096</v>
      </c>
      <c r="IU21" s="362">
        <v>9570096</v>
      </c>
      <c r="IV21" s="363">
        <v>0</v>
      </c>
      <c r="IW21" s="360">
        <v>0</v>
      </c>
      <c r="IX21" s="364">
        <v>0</v>
      </c>
      <c r="IY21" s="439">
        <v>0</v>
      </c>
      <c r="IZ21" s="360">
        <v>0</v>
      </c>
      <c r="JA21" s="360">
        <v>18446</v>
      </c>
      <c r="JB21" s="360">
        <v>37211</v>
      </c>
      <c r="JC21" s="360">
        <v>81632</v>
      </c>
      <c r="JD21" s="360">
        <v>18765</v>
      </c>
      <c r="JE21" s="364">
        <v>156054</v>
      </c>
      <c r="JF21" s="365">
        <v>156054</v>
      </c>
      <c r="JG21" s="363">
        <v>0</v>
      </c>
      <c r="JH21" s="360">
        <v>0</v>
      </c>
      <c r="JI21" s="361">
        <v>0</v>
      </c>
      <c r="JJ21" s="366">
        <v>0</v>
      </c>
      <c r="JK21" s="360">
        <v>6846985</v>
      </c>
      <c r="JL21" s="360">
        <v>10283358</v>
      </c>
      <c r="JM21" s="360">
        <v>7747928</v>
      </c>
      <c r="JN21" s="360">
        <v>3897428</v>
      </c>
      <c r="JO21" s="360">
        <v>2032872</v>
      </c>
      <c r="JP21" s="364">
        <v>30808571</v>
      </c>
      <c r="JQ21" s="362">
        <v>30808571</v>
      </c>
      <c r="JR21" s="363">
        <v>0</v>
      </c>
      <c r="JS21" s="360">
        <v>0</v>
      </c>
      <c r="JT21" s="361">
        <v>0</v>
      </c>
      <c r="JU21" s="366">
        <v>0</v>
      </c>
      <c r="JV21" s="360">
        <v>642591</v>
      </c>
      <c r="JW21" s="360">
        <v>1105203</v>
      </c>
      <c r="JX21" s="360">
        <v>646740</v>
      </c>
      <c r="JY21" s="360">
        <v>432159</v>
      </c>
      <c r="JZ21" s="360">
        <v>1003374</v>
      </c>
      <c r="KA21" s="364">
        <v>3830067</v>
      </c>
      <c r="KB21" s="362">
        <v>3830067</v>
      </c>
      <c r="KC21" s="367">
        <v>139983</v>
      </c>
      <c r="KD21" s="368">
        <v>327573</v>
      </c>
      <c r="KE21" s="364">
        <v>467556</v>
      </c>
      <c r="KF21" s="366">
        <v>0</v>
      </c>
      <c r="KG21" s="360">
        <v>1884726</v>
      </c>
      <c r="KH21" s="360">
        <v>4576457</v>
      </c>
      <c r="KI21" s="360">
        <v>4585245</v>
      </c>
      <c r="KJ21" s="360">
        <v>5187687</v>
      </c>
      <c r="KK21" s="360">
        <v>2390725</v>
      </c>
      <c r="KL21" s="364">
        <v>18624840</v>
      </c>
      <c r="KM21" s="369">
        <v>19092396</v>
      </c>
      <c r="KN21" s="357">
        <v>0</v>
      </c>
      <c r="KO21" s="358">
        <v>237045</v>
      </c>
      <c r="KP21" s="359">
        <v>237045</v>
      </c>
      <c r="KQ21" s="439">
        <v>0</v>
      </c>
      <c r="KR21" s="360">
        <v>4663141</v>
      </c>
      <c r="KS21" s="360">
        <v>11440666</v>
      </c>
      <c r="KT21" s="360">
        <v>13151384</v>
      </c>
      <c r="KU21" s="360">
        <v>9047178</v>
      </c>
      <c r="KV21" s="360">
        <v>7394492</v>
      </c>
      <c r="KW21" s="364">
        <v>45696861</v>
      </c>
      <c r="KX21" s="362">
        <v>45933906</v>
      </c>
      <c r="KY21" s="363">
        <v>0</v>
      </c>
      <c r="KZ21" s="360">
        <v>0</v>
      </c>
      <c r="LA21" s="364">
        <v>0</v>
      </c>
      <c r="LB21" s="439">
        <v>0</v>
      </c>
      <c r="LC21" s="360">
        <v>0</v>
      </c>
      <c r="LD21" s="360">
        <v>0</v>
      </c>
      <c r="LE21" s="360">
        <v>0</v>
      </c>
      <c r="LF21" s="360">
        <v>0</v>
      </c>
      <c r="LG21" s="360">
        <v>0</v>
      </c>
      <c r="LH21" s="364">
        <v>0</v>
      </c>
      <c r="LI21" s="365">
        <v>0</v>
      </c>
      <c r="LJ21" s="363">
        <v>0</v>
      </c>
      <c r="LK21" s="360">
        <v>0</v>
      </c>
      <c r="LL21" s="364">
        <v>0</v>
      </c>
      <c r="LM21" s="439">
        <v>0</v>
      </c>
      <c r="LN21" s="360">
        <v>0</v>
      </c>
      <c r="LO21" s="360">
        <v>491356</v>
      </c>
      <c r="LP21" s="360">
        <v>1870302</v>
      </c>
      <c r="LQ21" s="360">
        <v>2994265</v>
      </c>
      <c r="LR21" s="360">
        <v>2855475</v>
      </c>
      <c r="LS21" s="364">
        <v>8211398</v>
      </c>
      <c r="LT21" s="362">
        <v>8211398</v>
      </c>
      <c r="LU21" s="363">
        <v>0</v>
      </c>
      <c r="LV21" s="360">
        <v>0</v>
      </c>
      <c r="LW21" s="364">
        <v>0</v>
      </c>
      <c r="LX21" s="439">
        <v>0</v>
      </c>
      <c r="LY21" s="360">
        <v>141806</v>
      </c>
      <c r="LZ21" s="360">
        <v>1125294</v>
      </c>
      <c r="MA21" s="360">
        <v>1567933</v>
      </c>
      <c r="MB21" s="360">
        <v>744064</v>
      </c>
      <c r="MC21" s="360">
        <v>1806646</v>
      </c>
      <c r="MD21" s="364">
        <v>5385743</v>
      </c>
      <c r="ME21" s="365">
        <v>5385743</v>
      </c>
      <c r="MF21" s="363">
        <v>0</v>
      </c>
      <c r="MG21" s="360">
        <v>0</v>
      </c>
      <c r="MH21" s="364">
        <v>0</v>
      </c>
      <c r="MI21" s="439">
        <v>0</v>
      </c>
      <c r="MJ21" s="360">
        <v>12189139</v>
      </c>
      <c r="MK21" s="360">
        <v>27561827</v>
      </c>
      <c r="ML21" s="360">
        <v>88614655</v>
      </c>
      <c r="MM21" s="360">
        <v>128330670</v>
      </c>
      <c r="MN21" s="360">
        <v>73780010</v>
      </c>
      <c r="MO21" s="364">
        <v>330476301</v>
      </c>
      <c r="MP21" s="369">
        <v>330476301</v>
      </c>
      <c r="MQ21" s="363">
        <v>0</v>
      </c>
      <c r="MR21" s="360">
        <v>0</v>
      </c>
      <c r="MS21" s="364">
        <v>0</v>
      </c>
      <c r="MT21" s="439">
        <v>0</v>
      </c>
      <c r="MU21" s="360">
        <v>1008327</v>
      </c>
      <c r="MV21" s="360">
        <v>3447583</v>
      </c>
      <c r="MW21" s="360">
        <v>51811443</v>
      </c>
      <c r="MX21" s="360">
        <v>80935752</v>
      </c>
      <c r="MY21" s="360">
        <v>52690119</v>
      </c>
      <c r="MZ21" s="364">
        <v>189893224</v>
      </c>
      <c r="NA21" s="369">
        <v>189893224</v>
      </c>
      <c r="NB21" s="363">
        <v>0</v>
      </c>
      <c r="NC21" s="360">
        <v>0</v>
      </c>
      <c r="ND21" s="364">
        <v>0</v>
      </c>
      <c r="NE21" s="439">
        <v>0</v>
      </c>
      <c r="NF21" s="360">
        <v>11180812</v>
      </c>
      <c r="NG21" s="360">
        <v>24114244</v>
      </c>
      <c r="NH21" s="360">
        <v>36139451</v>
      </c>
      <c r="NI21" s="360">
        <v>43355731</v>
      </c>
      <c r="NJ21" s="360">
        <v>16437733</v>
      </c>
      <c r="NK21" s="364">
        <v>131227971</v>
      </c>
      <c r="NL21" s="362">
        <v>131227971</v>
      </c>
      <c r="NM21" s="363">
        <v>0</v>
      </c>
      <c r="NN21" s="360">
        <v>0</v>
      </c>
      <c r="NO21" s="364">
        <v>0</v>
      </c>
      <c r="NP21" s="439">
        <v>0</v>
      </c>
      <c r="NQ21" s="360">
        <v>0</v>
      </c>
      <c r="NR21" s="360">
        <v>0</v>
      </c>
      <c r="NS21" s="360">
        <v>0</v>
      </c>
      <c r="NT21" s="360">
        <v>0</v>
      </c>
      <c r="NU21" s="360">
        <v>0</v>
      </c>
      <c r="NV21" s="364">
        <v>0</v>
      </c>
      <c r="NW21" s="365">
        <v>0</v>
      </c>
      <c r="NX21" s="363">
        <v>0</v>
      </c>
      <c r="NY21" s="360">
        <v>0</v>
      </c>
      <c r="NZ21" s="364">
        <v>0</v>
      </c>
      <c r="OA21" s="439">
        <v>0</v>
      </c>
      <c r="OB21" s="360">
        <v>0</v>
      </c>
      <c r="OC21" s="360">
        <v>0</v>
      </c>
      <c r="OD21" s="360">
        <v>663761</v>
      </c>
      <c r="OE21" s="360">
        <v>4039187</v>
      </c>
      <c r="OF21" s="360">
        <v>4652158</v>
      </c>
      <c r="OG21" s="364">
        <v>9355106</v>
      </c>
      <c r="OH21" s="365">
        <v>9355106</v>
      </c>
      <c r="OI21" s="363">
        <v>6336630</v>
      </c>
      <c r="OJ21" s="360">
        <v>14948382</v>
      </c>
      <c r="OK21" s="361">
        <v>21285012</v>
      </c>
      <c r="OL21" s="366">
        <v>0</v>
      </c>
      <c r="OM21" s="360">
        <v>102622914</v>
      </c>
      <c r="ON21" s="360">
        <v>194683820</v>
      </c>
      <c r="OO21" s="360">
        <v>223343846</v>
      </c>
      <c r="OP21" s="360">
        <v>250281214</v>
      </c>
      <c r="OQ21" s="360">
        <v>161099796</v>
      </c>
      <c r="OR21" s="364">
        <v>932031590</v>
      </c>
      <c r="OS21" s="369">
        <v>953316602</v>
      </c>
    </row>
    <row r="22" spans="2:409" s="137" customFormat="1" ht="21" customHeight="1" x14ac:dyDescent="0.2">
      <c r="B22" s="421" t="s">
        <v>17</v>
      </c>
      <c r="C22" s="341">
        <v>6842587</v>
      </c>
      <c r="D22" s="342">
        <v>17211227</v>
      </c>
      <c r="E22" s="343">
        <v>24053814</v>
      </c>
      <c r="F22" s="344">
        <v>0</v>
      </c>
      <c r="G22" s="342">
        <v>78751047</v>
      </c>
      <c r="H22" s="342">
        <v>171140519</v>
      </c>
      <c r="I22" s="342">
        <v>145096272</v>
      </c>
      <c r="J22" s="342">
        <v>129460062</v>
      </c>
      <c r="K22" s="342">
        <v>95045914</v>
      </c>
      <c r="L22" s="344">
        <v>619493814</v>
      </c>
      <c r="M22" s="345">
        <v>643547628</v>
      </c>
      <c r="N22" s="341">
        <v>1519546</v>
      </c>
      <c r="O22" s="342">
        <v>3777902</v>
      </c>
      <c r="P22" s="343">
        <v>5297448</v>
      </c>
      <c r="Q22" s="341">
        <v>0</v>
      </c>
      <c r="R22" s="342">
        <v>19072683</v>
      </c>
      <c r="S22" s="342">
        <v>45352862</v>
      </c>
      <c r="T22" s="342">
        <v>47999884</v>
      </c>
      <c r="U22" s="342">
        <v>50556622</v>
      </c>
      <c r="V22" s="342">
        <v>46402289</v>
      </c>
      <c r="W22" s="343">
        <v>209384340</v>
      </c>
      <c r="X22" s="345">
        <v>214681788</v>
      </c>
      <c r="Y22" s="341">
        <v>0</v>
      </c>
      <c r="Z22" s="342">
        <v>0</v>
      </c>
      <c r="AA22" s="343">
        <v>0</v>
      </c>
      <c r="AB22" s="341">
        <v>0</v>
      </c>
      <c r="AC22" s="342">
        <v>8120671</v>
      </c>
      <c r="AD22" s="342">
        <v>22488947</v>
      </c>
      <c r="AE22" s="342">
        <v>29840497</v>
      </c>
      <c r="AF22" s="342">
        <v>30612850</v>
      </c>
      <c r="AG22" s="342">
        <v>28138570</v>
      </c>
      <c r="AH22" s="343">
        <v>119201535</v>
      </c>
      <c r="AI22" s="345">
        <v>119201535</v>
      </c>
      <c r="AJ22" s="341">
        <v>0</v>
      </c>
      <c r="AK22" s="342">
        <v>47169</v>
      </c>
      <c r="AL22" s="343">
        <v>47169</v>
      </c>
      <c r="AM22" s="341">
        <v>0</v>
      </c>
      <c r="AN22" s="342">
        <v>77798</v>
      </c>
      <c r="AO22" s="342">
        <v>130241</v>
      </c>
      <c r="AP22" s="342">
        <v>803786</v>
      </c>
      <c r="AQ22" s="342">
        <v>3115170</v>
      </c>
      <c r="AR22" s="342">
        <v>4618927</v>
      </c>
      <c r="AS22" s="343">
        <v>8745922</v>
      </c>
      <c r="AT22" s="345">
        <v>8793091</v>
      </c>
      <c r="AU22" s="341">
        <v>811817</v>
      </c>
      <c r="AV22" s="342">
        <v>2800215</v>
      </c>
      <c r="AW22" s="343">
        <v>3612032</v>
      </c>
      <c r="AX22" s="341">
        <v>0</v>
      </c>
      <c r="AY22" s="342">
        <v>7055024</v>
      </c>
      <c r="AZ22" s="342">
        <v>14436629</v>
      </c>
      <c r="BA22" s="342">
        <v>9756960</v>
      </c>
      <c r="BB22" s="342">
        <v>9715501</v>
      </c>
      <c r="BC22" s="342">
        <v>8206440</v>
      </c>
      <c r="BD22" s="343">
        <v>49170554</v>
      </c>
      <c r="BE22" s="345">
        <v>52782586</v>
      </c>
      <c r="BF22" s="341">
        <v>82331</v>
      </c>
      <c r="BG22" s="342">
        <v>309247</v>
      </c>
      <c r="BH22" s="346">
        <v>391578</v>
      </c>
      <c r="BI22" s="347">
        <v>0</v>
      </c>
      <c r="BJ22" s="342">
        <v>328221</v>
      </c>
      <c r="BK22" s="342">
        <v>1614228</v>
      </c>
      <c r="BL22" s="342">
        <v>921895</v>
      </c>
      <c r="BM22" s="342">
        <v>676950</v>
      </c>
      <c r="BN22" s="342">
        <v>774354</v>
      </c>
      <c r="BO22" s="343">
        <v>4315648</v>
      </c>
      <c r="BP22" s="345">
        <v>4707226</v>
      </c>
      <c r="BQ22" s="341">
        <v>625398</v>
      </c>
      <c r="BR22" s="342">
        <v>621271</v>
      </c>
      <c r="BS22" s="343">
        <v>1246669</v>
      </c>
      <c r="BT22" s="341">
        <v>0</v>
      </c>
      <c r="BU22" s="342">
        <v>3490969</v>
      </c>
      <c r="BV22" s="342">
        <v>6682817</v>
      </c>
      <c r="BW22" s="342">
        <v>6676746</v>
      </c>
      <c r="BX22" s="342">
        <v>6436151</v>
      </c>
      <c r="BY22" s="342">
        <v>4663998</v>
      </c>
      <c r="BZ22" s="343">
        <v>27950681</v>
      </c>
      <c r="CA22" s="345">
        <v>29197350</v>
      </c>
      <c r="CB22" s="341">
        <v>944218</v>
      </c>
      <c r="CC22" s="342">
        <v>3051199</v>
      </c>
      <c r="CD22" s="343">
        <v>3995417</v>
      </c>
      <c r="CE22" s="341">
        <v>0</v>
      </c>
      <c r="CF22" s="342">
        <v>22434964</v>
      </c>
      <c r="CG22" s="342">
        <v>54210898</v>
      </c>
      <c r="CH22" s="342">
        <v>39816231</v>
      </c>
      <c r="CI22" s="342">
        <v>24212038</v>
      </c>
      <c r="CJ22" s="342">
        <v>15486782</v>
      </c>
      <c r="CK22" s="343">
        <v>156160913</v>
      </c>
      <c r="CL22" s="345">
        <v>160156330</v>
      </c>
      <c r="CM22" s="341">
        <v>0</v>
      </c>
      <c r="CN22" s="342">
        <v>0</v>
      </c>
      <c r="CO22" s="343">
        <v>0</v>
      </c>
      <c r="CP22" s="347">
        <v>0</v>
      </c>
      <c r="CQ22" s="342">
        <v>19533480</v>
      </c>
      <c r="CR22" s="342">
        <v>41382284</v>
      </c>
      <c r="CS22" s="342">
        <v>31824063</v>
      </c>
      <c r="CT22" s="342">
        <v>19728832</v>
      </c>
      <c r="CU22" s="342">
        <v>13232113</v>
      </c>
      <c r="CV22" s="343">
        <v>125700772</v>
      </c>
      <c r="CW22" s="345">
        <v>125700772</v>
      </c>
      <c r="CX22" s="341">
        <v>944218</v>
      </c>
      <c r="CY22" s="342">
        <v>3051199</v>
      </c>
      <c r="CZ22" s="343">
        <v>3995417</v>
      </c>
      <c r="DA22" s="341">
        <v>0</v>
      </c>
      <c r="DB22" s="342">
        <v>2901484</v>
      </c>
      <c r="DC22" s="342">
        <v>12828614</v>
      </c>
      <c r="DD22" s="342">
        <v>7992168</v>
      </c>
      <c r="DE22" s="342">
        <v>4483206</v>
      </c>
      <c r="DF22" s="342">
        <v>2254669</v>
      </c>
      <c r="DG22" s="343">
        <v>30460141</v>
      </c>
      <c r="DH22" s="345">
        <v>34455558</v>
      </c>
      <c r="DI22" s="341">
        <v>30614</v>
      </c>
      <c r="DJ22" s="342">
        <v>78668</v>
      </c>
      <c r="DK22" s="346">
        <v>109282</v>
      </c>
      <c r="DL22" s="347">
        <v>0</v>
      </c>
      <c r="DM22" s="342">
        <v>2813310</v>
      </c>
      <c r="DN22" s="342">
        <v>7603843</v>
      </c>
      <c r="DO22" s="342">
        <v>10166329</v>
      </c>
      <c r="DP22" s="342">
        <v>11696489</v>
      </c>
      <c r="DQ22" s="342">
        <v>4964411</v>
      </c>
      <c r="DR22" s="343">
        <v>37244382</v>
      </c>
      <c r="DS22" s="345">
        <v>37353664</v>
      </c>
      <c r="DT22" s="341">
        <v>30614</v>
      </c>
      <c r="DU22" s="342">
        <v>78668</v>
      </c>
      <c r="DV22" s="343">
        <v>109282</v>
      </c>
      <c r="DW22" s="341">
        <v>0</v>
      </c>
      <c r="DX22" s="342">
        <v>2462493</v>
      </c>
      <c r="DY22" s="342">
        <v>6350243</v>
      </c>
      <c r="DZ22" s="342">
        <v>9119875</v>
      </c>
      <c r="EA22" s="342">
        <v>10531857</v>
      </c>
      <c r="EB22" s="342">
        <v>4307029</v>
      </c>
      <c r="EC22" s="343">
        <v>32771497</v>
      </c>
      <c r="ED22" s="345">
        <v>32880779</v>
      </c>
      <c r="EE22" s="341">
        <v>0</v>
      </c>
      <c r="EF22" s="346">
        <v>0</v>
      </c>
      <c r="EG22" s="343">
        <v>0</v>
      </c>
      <c r="EH22" s="341">
        <v>0</v>
      </c>
      <c r="EI22" s="342">
        <v>350817</v>
      </c>
      <c r="EJ22" s="342">
        <v>1253600</v>
      </c>
      <c r="EK22" s="342">
        <v>1046454</v>
      </c>
      <c r="EL22" s="342">
        <v>1164632</v>
      </c>
      <c r="EM22" s="342">
        <v>657382</v>
      </c>
      <c r="EN22" s="346">
        <v>4472885</v>
      </c>
      <c r="EO22" s="345">
        <v>4472885</v>
      </c>
      <c r="EP22" s="341">
        <v>0</v>
      </c>
      <c r="EQ22" s="342">
        <v>0</v>
      </c>
      <c r="ER22" s="346">
        <v>0</v>
      </c>
      <c r="ES22" s="347">
        <v>0</v>
      </c>
      <c r="ET22" s="342">
        <v>0</v>
      </c>
      <c r="EU22" s="342">
        <v>0</v>
      </c>
      <c r="EV22" s="342">
        <v>0</v>
      </c>
      <c r="EW22" s="342">
        <v>0</v>
      </c>
      <c r="EX22" s="342">
        <v>0</v>
      </c>
      <c r="EY22" s="343">
        <v>0</v>
      </c>
      <c r="EZ22" s="345">
        <v>0</v>
      </c>
      <c r="FA22" s="341">
        <v>0</v>
      </c>
      <c r="FB22" s="342">
        <v>0</v>
      </c>
      <c r="FC22" s="346">
        <v>0</v>
      </c>
      <c r="FD22" s="347">
        <v>0</v>
      </c>
      <c r="FE22" s="342">
        <v>0</v>
      </c>
      <c r="FF22" s="342">
        <v>0</v>
      </c>
      <c r="FG22" s="342">
        <v>0</v>
      </c>
      <c r="FH22" s="342">
        <v>0</v>
      </c>
      <c r="FI22" s="342">
        <v>0</v>
      </c>
      <c r="FJ22" s="343">
        <v>0</v>
      </c>
      <c r="FK22" s="345">
        <v>0</v>
      </c>
      <c r="FL22" s="341">
        <v>1421015</v>
      </c>
      <c r="FM22" s="342">
        <v>4016814</v>
      </c>
      <c r="FN22" s="343">
        <v>5437829</v>
      </c>
      <c r="FO22" s="341">
        <v>0</v>
      </c>
      <c r="FP22" s="342">
        <v>4930535</v>
      </c>
      <c r="FQ22" s="342">
        <v>17595985</v>
      </c>
      <c r="FR22" s="342">
        <v>11898757</v>
      </c>
      <c r="FS22" s="342">
        <v>10446005</v>
      </c>
      <c r="FT22" s="342">
        <v>7451329</v>
      </c>
      <c r="FU22" s="343">
        <v>52322611</v>
      </c>
      <c r="FV22" s="345">
        <v>57760440</v>
      </c>
      <c r="FW22" s="348">
        <v>973198</v>
      </c>
      <c r="FX22" s="342">
        <v>3437610</v>
      </c>
      <c r="FY22" s="346">
        <v>4410808</v>
      </c>
      <c r="FZ22" s="347">
        <v>0</v>
      </c>
      <c r="GA22" s="342">
        <v>3119557</v>
      </c>
      <c r="GB22" s="342">
        <v>16091779</v>
      </c>
      <c r="GC22" s="342">
        <v>11349834</v>
      </c>
      <c r="GD22" s="342">
        <v>9828533</v>
      </c>
      <c r="GE22" s="342">
        <v>7348513</v>
      </c>
      <c r="GF22" s="343">
        <v>47738216</v>
      </c>
      <c r="GG22" s="349">
        <v>52149024</v>
      </c>
      <c r="GH22" s="348">
        <v>41886</v>
      </c>
      <c r="GI22" s="342">
        <v>226404</v>
      </c>
      <c r="GJ22" s="346">
        <v>268290</v>
      </c>
      <c r="GK22" s="347">
        <v>0</v>
      </c>
      <c r="GL22" s="342">
        <v>377427</v>
      </c>
      <c r="GM22" s="342">
        <v>541406</v>
      </c>
      <c r="GN22" s="342">
        <v>352578</v>
      </c>
      <c r="GO22" s="342">
        <v>244956</v>
      </c>
      <c r="GP22" s="342">
        <v>102816</v>
      </c>
      <c r="GQ22" s="343">
        <v>1619183</v>
      </c>
      <c r="GR22" s="345">
        <v>1887473</v>
      </c>
      <c r="GS22" s="341">
        <v>405931</v>
      </c>
      <c r="GT22" s="342">
        <v>352800</v>
      </c>
      <c r="GU22" s="343">
        <v>758731</v>
      </c>
      <c r="GV22" s="341">
        <v>0</v>
      </c>
      <c r="GW22" s="342">
        <v>1433551</v>
      </c>
      <c r="GX22" s="342">
        <v>962800</v>
      </c>
      <c r="GY22" s="342">
        <v>196345</v>
      </c>
      <c r="GZ22" s="342">
        <v>372516</v>
      </c>
      <c r="HA22" s="342">
        <v>0</v>
      </c>
      <c r="HB22" s="346">
        <v>2965212</v>
      </c>
      <c r="HC22" s="345">
        <v>3723943</v>
      </c>
      <c r="HD22" s="341">
        <v>1617015</v>
      </c>
      <c r="HE22" s="342">
        <v>3222776</v>
      </c>
      <c r="HF22" s="346">
        <v>4839791</v>
      </c>
      <c r="HG22" s="347">
        <v>0</v>
      </c>
      <c r="HH22" s="342">
        <v>15535980</v>
      </c>
      <c r="HI22" s="342">
        <v>23528264</v>
      </c>
      <c r="HJ22" s="342">
        <v>19648147</v>
      </c>
      <c r="HK22" s="342">
        <v>21846048</v>
      </c>
      <c r="HL22" s="342">
        <v>14764471</v>
      </c>
      <c r="HM22" s="343">
        <v>95322910</v>
      </c>
      <c r="HN22" s="344">
        <v>100162701</v>
      </c>
      <c r="HO22" s="348">
        <v>1310179</v>
      </c>
      <c r="HP22" s="342">
        <v>3063868</v>
      </c>
      <c r="HQ22" s="343">
        <v>4374047</v>
      </c>
      <c r="HR22" s="341">
        <v>0</v>
      </c>
      <c r="HS22" s="342">
        <v>13963575</v>
      </c>
      <c r="HT22" s="342">
        <v>22848667</v>
      </c>
      <c r="HU22" s="342">
        <v>15566924</v>
      </c>
      <c r="HV22" s="342">
        <v>10702860</v>
      </c>
      <c r="HW22" s="342">
        <v>5976632</v>
      </c>
      <c r="HX22" s="346">
        <v>69058658</v>
      </c>
      <c r="HY22" s="345">
        <v>73432705</v>
      </c>
      <c r="HZ22" s="373">
        <v>63334</v>
      </c>
      <c r="IA22" s="371">
        <v>433635</v>
      </c>
      <c r="IB22" s="373">
        <v>496969</v>
      </c>
      <c r="IC22" s="370">
        <v>0</v>
      </c>
      <c r="ID22" s="371">
        <v>23872428</v>
      </c>
      <c r="IE22" s="372">
        <v>42183393</v>
      </c>
      <c r="IF22" s="373">
        <v>52487137</v>
      </c>
      <c r="IG22" s="371">
        <v>46729708</v>
      </c>
      <c r="IH22" s="373">
        <v>29304234</v>
      </c>
      <c r="II22" s="374">
        <v>194576900</v>
      </c>
      <c r="IJ22" s="373">
        <v>195073869</v>
      </c>
      <c r="IK22" s="357">
        <v>0</v>
      </c>
      <c r="IL22" s="358">
        <v>0</v>
      </c>
      <c r="IM22" s="359">
        <v>0</v>
      </c>
      <c r="IN22" s="436">
        <v>0</v>
      </c>
      <c r="IO22" s="360">
        <v>60254</v>
      </c>
      <c r="IP22" s="360">
        <v>247511</v>
      </c>
      <c r="IQ22" s="360">
        <v>367720</v>
      </c>
      <c r="IR22" s="360">
        <v>268266</v>
      </c>
      <c r="IS22" s="360">
        <v>242829</v>
      </c>
      <c r="IT22" s="361">
        <v>1186580</v>
      </c>
      <c r="IU22" s="362">
        <v>1186580</v>
      </c>
      <c r="IV22" s="363">
        <v>0</v>
      </c>
      <c r="IW22" s="360">
        <v>0</v>
      </c>
      <c r="IX22" s="364">
        <v>0</v>
      </c>
      <c r="IY22" s="439">
        <v>0</v>
      </c>
      <c r="IZ22" s="360">
        <v>0</v>
      </c>
      <c r="JA22" s="360">
        <v>0</v>
      </c>
      <c r="JB22" s="360">
        <v>0</v>
      </c>
      <c r="JC22" s="360">
        <v>0</v>
      </c>
      <c r="JD22" s="360">
        <v>0</v>
      </c>
      <c r="JE22" s="364">
        <v>0</v>
      </c>
      <c r="JF22" s="365">
        <v>0</v>
      </c>
      <c r="JG22" s="363">
        <v>0</v>
      </c>
      <c r="JH22" s="360">
        <v>0</v>
      </c>
      <c r="JI22" s="361">
        <v>0</v>
      </c>
      <c r="JJ22" s="366">
        <v>0</v>
      </c>
      <c r="JK22" s="360">
        <v>12068007</v>
      </c>
      <c r="JL22" s="360">
        <v>17910463</v>
      </c>
      <c r="JM22" s="360">
        <v>13015497</v>
      </c>
      <c r="JN22" s="360">
        <v>12023579</v>
      </c>
      <c r="JO22" s="360">
        <v>5817281</v>
      </c>
      <c r="JP22" s="364">
        <v>60834827</v>
      </c>
      <c r="JQ22" s="362">
        <v>60834827</v>
      </c>
      <c r="JR22" s="363">
        <v>63334</v>
      </c>
      <c r="JS22" s="360">
        <v>178130</v>
      </c>
      <c r="JT22" s="361">
        <v>241464</v>
      </c>
      <c r="JU22" s="366">
        <v>0</v>
      </c>
      <c r="JV22" s="360">
        <v>1580419</v>
      </c>
      <c r="JW22" s="360">
        <v>2117734</v>
      </c>
      <c r="JX22" s="360">
        <v>1648579</v>
      </c>
      <c r="JY22" s="360">
        <v>1722051</v>
      </c>
      <c r="JZ22" s="360">
        <v>632201</v>
      </c>
      <c r="KA22" s="364">
        <v>7700984</v>
      </c>
      <c r="KB22" s="362">
        <v>7942448</v>
      </c>
      <c r="KC22" s="367">
        <v>0</v>
      </c>
      <c r="KD22" s="368">
        <v>255505</v>
      </c>
      <c r="KE22" s="364">
        <v>255505</v>
      </c>
      <c r="KF22" s="366">
        <v>0</v>
      </c>
      <c r="KG22" s="360">
        <v>1261935</v>
      </c>
      <c r="KH22" s="360">
        <v>5744266</v>
      </c>
      <c r="KI22" s="360">
        <v>8243691</v>
      </c>
      <c r="KJ22" s="360">
        <v>5701865</v>
      </c>
      <c r="KK22" s="360">
        <v>4427215</v>
      </c>
      <c r="KL22" s="364">
        <v>25378972</v>
      </c>
      <c r="KM22" s="369">
        <v>25634477</v>
      </c>
      <c r="KN22" s="357">
        <v>0</v>
      </c>
      <c r="KO22" s="358">
        <v>0</v>
      </c>
      <c r="KP22" s="359">
        <v>0</v>
      </c>
      <c r="KQ22" s="439">
        <v>0</v>
      </c>
      <c r="KR22" s="360">
        <v>8901813</v>
      </c>
      <c r="KS22" s="360">
        <v>15171355</v>
      </c>
      <c r="KT22" s="360">
        <v>21728699</v>
      </c>
      <c r="KU22" s="360">
        <v>12932225</v>
      </c>
      <c r="KV22" s="360">
        <v>6582818</v>
      </c>
      <c r="KW22" s="364">
        <v>65316910</v>
      </c>
      <c r="KX22" s="362">
        <v>65316910</v>
      </c>
      <c r="KY22" s="363">
        <v>0</v>
      </c>
      <c r="KZ22" s="360">
        <v>0</v>
      </c>
      <c r="LA22" s="364">
        <v>0</v>
      </c>
      <c r="LB22" s="439">
        <v>0</v>
      </c>
      <c r="LC22" s="360">
        <v>0</v>
      </c>
      <c r="LD22" s="360">
        <v>0</v>
      </c>
      <c r="LE22" s="360">
        <v>0</v>
      </c>
      <c r="LF22" s="360">
        <v>0</v>
      </c>
      <c r="LG22" s="360">
        <v>0</v>
      </c>
      <c r="LH22" s="364">
        <v>0</v>
      </c>
      <c r="LI22" s="365">
        <v>0</v>
      </c>
      <c r="LJ22" s="363">
        <v>0</v>
      </c>
      <c r="LK22" s="360">
        <v>0</v>
      </c>
      <c r="LL22" s="364">
        <v>0</v>
      </c>
      <c r="LM22" s="439">
        <v>0</v>
      </c>
      <c r="LN22" s="360">
        <v>0</v>
      </c>
      <c r="LO22" s="360">
        <v>256083</v>
      </c>
      <c r="LP22" s="360">
        <v>6557898</v>
      </c>
      <c r="LQ22" s="360">
        <v>12612319</v>
      </c>
      <c r="LR22" s="360">
        <v>9424939</v>
      </c>
      <c r="LS22" s="364">
        <v>28851239</v>
      </c>
      <c r="LT22" s="362">
        <v>28851239</v>
      </c>
      <c r="LU22" s="363">
        <v>0</v>
      </c>
      <c r="LV22" s="360">
        <v>0</v>
      </c>
      <c r="LW22" s="364">
        <v>0</v>
      </c>
      <c r="LX22" s="439">
        <v>0</v>
      </c>
      <c r="LY22" s="360">
        <v>0</v>
      </c>
      <c r="LZ22" s="360">
        <v>735981</v>
      </c>
      <c r="MA22" s="360">
        <v>925053</v>
      </c>
      <c r="MB22" s="360">
        <v>1469403</v>
      </c>
      <c r="MC22" s="360">
        <v>2176951</v>
      </c>
      <c r="MD22" s="364">
        <v>5307388</v>
      </c>
      <c r="ME22" s="365">
        <v>5307388</v>
      </c>
      <c r="MF22" s="363">
        <v>0</v>
      </c>
      <c r="MG22" s="360">
        <v>0</v>
      </c>
      <c r="MH22" s="364">
        <v>0</v>
      </c>
      <c r="MI22" s="439">
        <v>0</v>
      </c>
      <c r="MJ22" s="360">
        <v>7651664</v>
      </c>
      <c r="MK22" s="360">
        <v>29243248</v>
      </c>
      <c r="ML22" s="360">
        <v>89843478</v>
      </c>
      <c r="MM22" s="360">
        <v>122164465</v>
      </c>
      <c r="MN22" s="360">
        <v>91350864</v>
      </c>
      <c r="MO22" s="364">
        <v>340253719</v>
      </c>
      <c r="MP22" s="369">
        <v>340253719</v>
      </c>
      <c r="MQ22" s="363">
        <v>0</v>
      </c>
      <c r="MR22" s="360">
        <v>0</v>
      </c>
      <c r="MS22" s="364">
        <v>0</v>
      </c>
      <c r="MT22" s="439">
        <v>0</v>
      </c>
      <c r="MU22" s="360">
        <v>819376</v>
      </c>
      <c r="MV22" s="360">
        <v>3001210</v>
      </c>
      <c r="MW22" s="360">
        <v>50254911</v>
      </c>
      <c r="MX22" s="360">
        <v>76969951</v>
      </c>
      <c r="MY22" s="360">
        <v>61709562</v>
      </c>
      <c r="MZ22" s="364">
        <v>192755010</v>
      </c>
      <c r="NA22" s="369">
        <v>192755010</v>
      </c>
      <c r="NB22" s="363">
        <v>0</v>
      </c>
      <c r="NC22" s="360">
        <v>0</v>
      </c>
      <c r="ND22" s="364">
        <v>0</v>
      </c>
      <c r="NE22" s="439">
        <v>0</v>
      </c>
      <c r="NF22" s="360">
        <v>6832288</v>
      </c>
      <c r="NG22" s="360">
        <v>26242038</v>
      </c>
      <c r="NH22" s="360">
        <v>39588567</v>
      </c>
      <c r="NI22" s="360">
        <v>43504092</v>
      </c>
      <c r="NJ22" s="360">
        <v>23248055</v>
      </c>
      <c r="NK22" s="364">
        <v>139415040</v>
      </c>
      <c r="NL22" s="362">
        <v>139415040</v>
      </c>
      <c r="NM22" s="363">
        <v>0</v>
      </c>
      <c r="NN22" s="360">
        <v>0</v>
      </c>
      <c r="NO22" s="364">
        <v>0</v>
      </c>
      <c r="NP22" s="439">
        <v>0</v>
      </c>
      <c r="NQ22" s="360">
        <v>0</v>
      </c>
      <c r="NR22" s="360">
        <v>0</v>
      </c>
      <c r="NS22" s="360">
        <v>0</v>
      </c>
      <c r="NT22" s="360">
        <v>308280</v>
      </c>
      <c r="NU22" s="360">
        <v>982401</v>
      </c>
      <c r="NV22" s="364">
        <v>1290681</v>
      </c>
      <c r="NW22" s="365">
        <v>1290681</v>
      </c>
      <c r="NX22" s="363">
        <v>0</v>
      </c>
      <c r="NY22" s="360">
        <v>0</v>
      </c>
      <c r="NZ22" s="364">
        <v>0</v>
      </c>
      <c r="OA22" s="439">
        <v>0</v>
      </c>
      <c r="OB22" s="360">
        <v>0</v>
      </c>
      <c r="OC22" s="360">
        <v>0</v>
      </c>
      <c r="OD22" s="360">
        <v>0</v>
      </c>
      <c r="OE22" s="360">
        <v>1382142</v>
      </c>
      <c r="OF22" s="360">
        <v>5410846</v>
      </c>
      <c r="OG22" s="364">
        <v>6792988</v>
      </c>
      <c r="OH22" s="365">
        <v>6792988</v>
      </c>
      <c r="OI22" s="363">
        <v>6905921</v>
      </c>
      <c r="OJ22" s="360">
        <v>17644862</v>
      </c>
      <c r="OK22" s="361">
        <v>24550783</v>
      </c>
      <c r="OL22" s="366">
        <v>0</v>
      </c>
      <c r="OM22" s="360">
        <v>110275139</v>
      </c>
      <c r="ON22" s="360">
        <v>242567160</v>
      </c>
      <c r="OO22" s="360">
        <v>287426887</v>
      </c>
      <c r="OP22" s="360">
        <v>298354235</v>
      </c>
      <c r="OQ22" s="360">
        <v>215701012</v>
      </c>
      <c r="OR22" s="364">
        <v>1154324433</v>
      </c>
      <c r="OS22" s="369">
        <v>1178875216</v>
      </c>
    </row>
    <row r="23" spans="2:409" s="137" customFormat="1" ht="21" customHeight="1" x14ac:dyDescent="0.2">
      <c r="B23" s="421" t="s">
        <v>18</v>
      </c>
      <c r="C23" s="341">
        <v>9436312</v>
      </c>
      <c r="D23" s="342">
        <v>19265199</v>
      </c>
      <c r="E23" s="343">
        <v>28701511</v>
      </c>
      <c r="F23" s="344">
        <v>0</v>
      </c>
      <c r="G23" s="342">
        <v>145600453</v>
      </c>
      <c r="H23" s="342">
        <v>177321648</v>
      </c>
      <c r="I23" s="342">
        <v>164187377</v>
      </c>
      <c r="J23" s="342">
        <v>147551474</v>
      </c>
      <c r="K23" s="342">
        <v>108738027</v>
      </c>
      <c r="L23" s="344">
        <v>743398979</v>
      </c>
      <c r="M23" s="345">
        <v>772100490</v>
      </c>
      <c r="N23" s="341">
        <v>2180570</v>
      </c>
      <c r="O23" s="342">
        <v>4958695</v>
      </c>
      <c r="P23" s="343">
        <v>7139265</v>
      </c>
      <c r="Q23" s="341">
        <v>0</v>
      </c>
      <c r="R23" s="342">
        <v>39950353</v>
      </c>
      <c r="S23" s="342">
        <v>54381631</v>
      </c>
      <c r="T23" s="342">
        <v>49607818</v>
      </c>
      <c r="U23" s="342">
        <v>57461877</v>
      </c>
      <c r="V23" s="342">
        <v>58963906</v>
      </c>
      <c r="W23" s="343">
        <v>260365585</v>
      </c>
      <c r="X23" s="345">
        <v>267504850</v>
      </c>
      <c r="Y23" s="341">
        <v>0</v>
      </c>
      <c r="Z23" s="342">
        <v>0</v>
      </c>
      <c r="AA23" s="343">
        <v>0</v>
      </c>
      <c r="AB23" s="341">
        <v>0</v>
      </c>
      <c r="AC23" s="342">
        <v>18439231</v>
      </c>
      <c r="AD23" s="342">
        <v>26379329</v>
      </c>
      <c r="AE23" s="342">
        <v>28686740</v>
      </c>
      <c r="AF23" s="342">
        <v>38174137</v>
      </c>
      <c r="AG23" s="342">
        <v>38507061</v>
      </c>
      <c r="AH23" s="343">
        <v>150186498</v>
      </c>
      <c r="AI23" s="345">
        <v>150186498</v>
      </c>
      <c r="AJ23" s="341">
        <v>0</v>
      </c>
      <c r="AK23" s="342">
        <v>0</v>
      </c>
      <c r="AL23" s="343">
        <v>0</v>
      </c>
      <c r="AM23" s="341">
        <v>0</v>
      </c>
      <c r="AN23" s="342">
        <v>232708</v>
      </c>
      <c r="AO23" s="342">
        <v>488918</v>
      </c>
      <c r="AP23" s="342">
        <v>783012</v>
      </c>
      <c r="AQ23" s="342">
        <v>2878215</v>
      </c>
      <c r="AR23" s="342">
        <v>5612790</v>
      </c>
      <c r="AS23" s="343">
        <v>9995643</v>
      </c>
      <c r="AT23" s="345">
        <v>9995643</v>
      </c>
      <c r="AU23" s="341">
        <v>1086379</v>
      </c>
      <c r="AV23" s="342">
        <v>3588918</v>
      </c>
      <c r="AW23" s="343">
        <v>4675297</v>
      </c>
      <c r="AX23" s="341">
        <v>0</v>
      </c>
      <c r="AY23" s="342">
        <v>12546209</v>
      </c>
      <c r="AZ23" s="342">
        <v>16173342</v>
      </c>
      <c r="BA23" s="342">
        <v>10797926</v>
      </c>
      <c r="BB23" s="342">
        <v>8189691</v>
      </c>
      <c r="BC23" s="342">
        <v>8630377</v>
      </c>
      <c r="BD23" s="343">
        <v>56337545</v>
      </c>
      <c r="BE23" s="345">
        <v>61012842</v>
      </c>
      <c r="BF23" s="341">
        <v>242931</v>
      </c>
      <c r="BG23" s="342">
        <v>578475</v>
      </c>
      <c r="BH23" s="346">
        <v>821406</v>
      </c>
      <c r="BI23" s="347">
        <v>0</v>
      </c>
      <c r="BJ23" s="342">
        <v>2002931</v>
      </c>
      <c r="BK23" s="342">
        <v>3099216</v>
      </c>
      <c r="BL23" s="342">
        <v>1909751</v>
      </c>
      <c r="BM23" s="342">
        <v>935333</v>
      </c>
      <c r="BN23" s="342">
        <v>616414</v>
      </c>
      <c r="BO23" s="343">
        <v>8563645</v>
      </c>
      <c r="BP23" s="345">
        <v>9385051</v>
      </c>
      <c r="BQ23" s="341">
        <v>851260</v>
      </c>
      <c r="BR23" s="342">
        <v>791302</v>
      </c>
      <c r="BS23" s="343">
        <v>1642562</v>
      </c>
      <c r="BT23" s="341">
        <v>0</v>
      </c>
      <c r="BU23" s="342">
        <v>6729274</v>
      </c>
      <c r="BV23" s="342">
        <v>8240826</v>
      </c>
      <c r="BW23" s="342">
        <v>7430389</v>
      </c>
      <c r="BX23" s="342">
        <v>7284501</v>
      </c>
      <c r="BY23" s="342">
        <v>5597264</v>
      </c>
      <c r="BZ23" s="343">
        <v>35282254</v>
      </c>
      <c r="CA23" s="345">
        <v>36924816</v>
      </c>
      <c r="CB23" s="341">
        <v>1634924</v>
      </c>
      <c r="CC23" s="342">
        <v>4950974</v>
      </c>
      <c r="CD23" s="343">
        <v>6585898</v>
      </c>
      <c r="CE23" s="341">
        <v>0</v>
      </c>
      <c r="CF23" s="342">
        <v>47775944</v>
      </c>
      <c r="CG23" s="342">
        <v>54705056</v>
      </c>
      <c r="CH23" s="342">
        <v>47452966</v>
      </c>
      <c r="CI23" s="342">
        <v>28595654</v>
      </c>
      <c r="CJ23" s="342">
        <v>14202002</v>
      </c>
      <c r="CK23" s="343">
        <v>192731622</v>
      </c>
      <c r="CL23" s="345">
        <v>199317520</v>
      </c>
      <c r="CM23" s="341">
        <v>0</v>
      </c>
      <c r="CN23" s="342">
        <v>0</v>
      </c>
      <c r="CO23" s="343">
        <v>0</v>
      </c>
      <c r="CP23" s="347">
        <v>0</v>
      </c>
      <c r="CQ23" s="342">
        <v>39061990</v>
      </c>
      <c r="CR23" s="342">
        <v>43388501</v>
      </c>
      <c r="CS23" s="342">
        <v>37537359</v>
      </c>
      <c r="CT23" s="342">
        <v>23369245</v>
      </c>
      <c r="CU23" s="342">
        <v>11982334</v>
      </c>
      <c r="CV23" s="343">
        <v>155339429</v>
      </c>
      <c r="CW23" s="345">
        <v>155339429</v>
      </c>
      <c r="CX23" s="341">
        <v>1634924</v>
      </c>
      <c r="CY23" s="342">
        <v>4950974</v>
      </c>
      <c r="CZ23" s="343">
        <v>6585898</v>
      </c>
      <c r="DA23" s="341">
        <v>0</v>
      </c>
      <c r="DB23" s="342">
        <v>8713954</v>
      </c>
      <c r="DC23" s="342">
        <v>11316555</v>
      </c>
      <c r="DD23" s="342">
        <v>9915607</v>
      </c>
      <c r="DE23" s="342">
        <v>5226409</v>
      </c>
      <c r="DF23" s="342">
        <v>2219668</v>
      </c>
      <c r="DG23" s="343">
        <v>37392193</v>
      </c>
      <c r="DH23" s="345">
        <v>43978091</v>
      </c>
      <c r="DI23" s="341">
        <v>11972</v>
      </c>
      <c r="DJ23" s="342">
        <v>263414</v>
      </c>
      <c r="DK23" s="346">
        <v>275386</v>
      </c>
      <c r="DL23" s="347">
        <v>0</v>
      </c>
      <c r="DM23" s="342">
        <v>3472983</v>
      </c>
      <c r="DN23" s="342">
        <v>8330822</v>
      </c>
      <c r="DO23" s="342">
        <v>16025151</v>
      </c>
      <c r="DP23" s="342">
        <v>14521144</v>
      </c>
      <c r="DQ23" s="342">
        <v>5635217</v>
      </c>
      <c r="DR23" s="343">
        <v>47985317</v>
      </c>
      <c r="DS23" s="345">
        <v>48260703</v>
      </c>
      <c r="DT23" s="341">
        <v>11972</v>
      </c>
      <c r="DU23" s="342">
        <v>263414</v>
      </c>
      <c r="DV23" s="343">
        <v>275386</v>
      </c>
      <c r="DW23" s="341">
        <v>0</v>
      </c>
      <c r="DX23" s="342">
        <v>3447826</v>
      </c>
      <c r="DY23" s="342">
        <v>8098233</v>
      </c>
      <c r="DZ23" s="342">
        <v>15645457</v>
      </c>
      <c r="EA23" s="342">
        <v>14243187</v>
      </c>
      <c r="EB23" s="342">
        <v>5512044</v>
      </c>
      <c r="EC23" s="343">
        <v>46946747</v>
      </c>
      <c r="ED23" s="345">
        <v>47222133</v>
      </c>
      <c r="EE23" s="341">
        <v>0</v>
      </c>
      <c r="EF23" s="346">
        <v>0</v>
      </c>
      <c r="EG23" s="343">
        <v>0</v>
      </c>
      <c r="EH23" s="341">
        <v>0</v>
      </c>
      <c r="EI23" s="342">
        <v>25157</v>
      </c>
      <c r="EJ23" s="342">
        <v>232589</v>
      </c>
      <c r="EK23" s="342">
        <v>379694</v>
      </c>
      <c r="EL23" s="342">
        <v>277957</v>
      </c>
      <c r="EM23" s="342">
        <v>123173</v>
      </c>
      <c r="EN23" s="346">
        <v>1038570</v>
      </c>
      <c r="EO23" s="345">
        <v>1038570</v>
      </c>
      <c r="EP23" s="341">
        <v>0</v>
      </c>
      <c r="EQ23" s="342">
        <v>0</v>
      </c>
      <c r="ER23" s="346">
        <v>0</v>
      </c>
      <c r="ES23" s="347">
        <v>0</v>
      </c>
      <c r="ET23" s="342">
        <v>0</v>
      </c>
      <c r="EU23" s="342">
        <v>0</v>
      </c>
      <c r="EV23" s="342">
        <v>0</v>
      </c>
      <c r="EW23" s="342">
        <v>0</v>
      </c>
      <c r="EX23" s="342">
        <v>0</v>
      </c>
      <c r="EY23" s="343">
        <v>0</v>
      </c>
      <c r="EZ23" s="345">
        <v>0</v>
      </c>
      <c r="FA23" s="341">
        <v>0</v>
      </c>
      <c r="FB23" s="342">
        <v>0</v>
      </c>
      <c r="FC23" s="346">
        <v>0</v>
      </c>
      <c r="FD23" s="347">
        <v>0</v>
      </c>
      <c r="FE23" s="342">
        <v>0</v>
      </c>
      <c r="FF23" s="342">
        <v>0</v>
      </c>
      <c r="FG23" s="342">
        <v>0</v>
      </c>
      <c r="FH23" s="342">
        <v>0</v>
      </c>
      <c r="FI23" s="342">
        <v>0</v>
      </c>
      <c r="FJ23" s="343">
        <v>0</v>
      </c>
      <c r="FK23" s="345">
        <v>0</v>
      </c>
      <c r="FL23" s="341">
        <v>1943653</v>
      </c>
      <c r="FM23" s="342">
        <v>4800870</v>
      </c>
      <c r="FN23" s="343">
        <v>6744523</v>
      </c>
      <c r="FO23" s="341">
        <v>0</v>
      </c>
      <c r="FP23" s="342">
        <v>7711412</v>
      </c>
      <c r="FQ23" s="342">
        <v>17367875</v>
      </c>
      <c r="FR23" s="342">
        <v>13085936</v>
      </c>
      <c r="FS23" s="342">
        <v>11538742</v>
      </c>
      <c r="FT23" s="342">
        <v>7961373</v>
      </c>
      <c r="FU23" s="343">
        <v>57665338</v>
      </c>
      <c r="FV23" s="345">
        <v>64409861</v>
      </c>
      <c r="FW23" s="348">
        <v>1363266</v>
      </c>
      <c r="FX23" s="342">
        <v>3487719</v>
      </c>
      <c r="FY23" s="346">
        <v>4850985</v>
      </c>
      <c r="FZ23" s="347">
        <v>0</v>
      </c>
      <c r="GA23" s="342">
        <v>6827555</v>
      </c>
      <c r="GB23" s="342">
        <v>16010851</v>
      </c>
      <c r="GC23" s="342">
        <v>12414273</v>
      </c>
      <c r="GD23" s="342">
        <v>11272620</v>
      </c>
      <c r="GE23" s="342">
        <v>7857709</v>
      </c>
      <c r="GF23" s="343">
        <v>54383008</v>
      </c>
      <c r="GG23" s="349">
        <v>59233993</v>
      </c>
      <c r="GH23" s="348">
        <v>68770</v>
      </c>
      <c r="GI23" s="342">
        <v>97946</v>
      </c>
      <c r="GJ23" s="346">
        <v>166716</v>
      </c>
      <c r="GK23" s="347">
        <v>0</v>
      </c>
      <c r="GL23" s="342">
        <v>278691</v>
      </c>
      <c r="GM23" s="342">
        <v>396184</v>
      </c>
      <c r="GN23" s="342">
        <v>217363</v>
      </c>
      <c r="GO23" s="342">
        <v>217522</v>
      </c>
      <c r="GP23" s="342">
        <v>103664</v>
      </c>
      <c r="GQ23" s="343">
        <v>1213424</v>
      </c>
      <c r="GR23" s="345">
        <v>1380140</v>
      </c>
      <c r="GS23" s="341">
        <v>511617</v>
      </c>
      <c r="GT23" s="342">
        <v>1215205</v>
      </c>
      <c r="GU23" s="343">
        <v>1726822</v>
      </c>
      <c r="GV23" s="341">
        <v>0</v>
      </c>
      <c r="GW23" s="342">
        <v>605166</v>
      </c>
      <c r="GX23" s="342">
        <v>960840</v>
      </c>
      <c r="GY23" s="342">
        <v>454300</v>
      </c>
      <c r="GZ23" s="342">
        <v>48600</v>
      </c>
      <c r="HA23" s="342">
        <v>0</v>
      </c>
      <c r="HB23" s="346">
        <v>2068906</v>
      </c>
      <c r="HC23" s="345">
        <v>3795728</v>
      </c>
      <c r="HD23" s="341">
        <v>1979834</v>
      </c>
      <c r="HE23" s="342">
        <v>1038326</v>
      </c>
      <c r="HF23" s="346">
        <v>3018160</v>
      </c>
      <c r="HG23" s="347">
        <v>0</v>
      </c>
      <c r="HH23" s="342">
        <v>21738068</v>
      </c>
      <c r="HI23" s="342">
        <v>19817087</v>
      </c>
      <c r="HJ23" s="342">
        <v>22056433</v>
      </c>
      <c r="HK23" s="342">
        <v>24844058</v>
      </c>
      <c r="HL23" s="342">
        <v>15504699</v>
      </c>
      <c r="HM23" s="343">
        <v>103960345</v>
      </c>
      <c r="HN23" s="344">
        <v>106978505</v>
      </c>
      <c r="HO23" s="348">
        <v>1685359</v>
      </c>
      <c r="HP23" s="342">
        <v>3252920</v>
      </c>
      <c r="HQ23" s="343">
        <v>4938279</v>
      </c>
      <c r="HR23" s="341">
        <v>0</v>
      </c>
      <c r="HS23" s="342">
        <v>24951693</v>
      </c>
      <c r="HT23" s="342">
        <v>22719177</v>
      </c>
      <c r="HU23" s="342">
        <v>15959073</v>
      </c>
      <c r="HV23" s="342">
        <v>10589999</v>
      </c>
      <c r="HW23" s="342">
        <v>6470830</v>
      </c>
      <c r="HX23" s="346">
        <v>80690772</v>
      </c>
      <c r="HY23" s="345">
        <v>85629051</v>
      </c>
      <c r="HZ23" s="350">
        <v>297382</v>
      </c>
      <c r="IA23" s="351">
        <v>2125349</v>
      </c>
      <c r="IB23" s="352">
        <v>2422731</v>
      </c>
      <c r="IC23" s="353">
        <v>0</v>
      </c>
      <c r="ID23" s="351">
        <v>33450694</v>
      </c>
      <c r="IE23" s="354">
        <v>45427262</v>
      </c>
      <c r="IF23" s="352">
        <v>55939233</v>
      </c>
      <c r="IG23" s="351">
        <v>38539137</v>
      </c>
      <c r="IH23" s="352">
        <v>23127347</v>
      </c>
      <c r="II23" s="355">
        <v>196483673</v>
      </c>
      <c r="IJ23" s="356">
        <v>198906404</v>
      </c>
      <c r="IK23" s="357">
        <v>0</v>
      </c>
      <c r="IL23" s="358">
        <v>0</v>
      </c>
      <c r="IM23" s="359">
        <v>0</v>
      </c>
      <c r="IN23" s="436">
        <v>0</v>
      </c>
      <c r="IO23" s="360">
        <v>407425</v>
      </c>
      <c r="IP23" s="360">
        <v>1103540</v>
      </c>
      <c r="IQ23" s="360">
        <v>365612</v>
      </c>
      <c r="IR23" s="360">
        <v>0</v>
      </c>
      <c r="IS23" s="360">
        <v>1351893</v>
      </c>
      <c r="IT23" s="361">
        <v>3228470</v>
      </c>
      <c r="IU23" s="362">
        <v>3228470</v>
      </c>
      <c r="IV23" s="363">
        <v>0</v>
      </c>
      <c r="IW23" s="360">
        <v>0</v>
      </c>
      <c r="IX23" s="364">
        <v>0</v>
      </c>
      <c r="IY23" s="439">
        <v>0</v>
      </c>
      <c r="IZ23" s="360">
        <v>0</v>
      </c>
      <c r="JA23" s="360">
        <v>0</v>
      </c>
      <c r="JB23" s="360">
        <v>0</v>
      </c>
      <c r="JC23" s="360">
        <v>0</v>
      </c>
      <c r="JD23" s="360">
        <v>137121</v>
      </c>
      <c r="JE23" s="364">
        <v>137121</v>
      </c>
      <c r="JF23" s="365">
        <v>137121</v>
      </c>
      <c r="JG23" s="363">
        <v>0</v>
      </c>
      <c r="JH23" s="360">
        <v>0</v>
      </c>
      <c r="JI23" s="361">
        <v>0</v>
      </c>
      <c r="JJ23" s="366">
        <v>0</v>
      </c>
      <c r="JK23" s="360">
        <v>13087230</v>
      </c>
      <c r="JL23" s="360">
        <v>11484957</v>
      </c>
      <c r="JM23" s="360">
        <v>8921254</v>
      </c>
      <c r="JN23" s="360">
        <v>3717007</v>
      </c>
      <c r="JO23" s="360">
        <v>2507904</v>
      </c>
      <c r="JP23" s="364">
        <v>39718352</v>
      </c>
      <c r="JQ23" s="362">
        <v>39718352</v>
      </c>
      <c r="JR23" s="363">
        <v>0</v>
      </c>
      <c r="JS23" s="360">
        <v>0</v>
      </c>
      <c r="JT23" s="361">
        <v>0</v>
      </c>
      <c r="JU23" s="366">
        <v>0</v>
      </c>
      <c r="JV23" s="360">
        <v>1165565</v>
      </c>
      <c r="JW23" s="360">
        <v>852341</v>
      </c>
      <c r="JX23" s="360">
        <v>3616130</v>
      </c>
      <c r="JY23" s="360">
        <v>1707607</v>
      </c>
      <c r="JZ23" s="360">
        <v>819802</v>
      </c>
      <c r="KA23" s="364">
        <v>8161445</v>
      </c>
      <c r="KB23" s="362">
        <v>8161445</v>
      </c>
      <c r="KC23" s="367">
        <v>297382</v>
      </c>
      <c r="KD23" s="368">
        <v>1652054</v>
      </c>
      <c r="KE23" s="364">
        <v>1949436</v>
      </c>
      <c r="KF23" s="366">
        <v>0</v>
      </c>
      <c r="KG23" s="360">
        <v>5451079</v>
      </c>
      <c r="KH23" s="360">
        <v>9271817</v>
      </c>
      <c r="KI23" s="360">
        <v>12889812</v>
      </c>
      <c r="KJ23" s="360">
        <v>4079395</v>
      </c>
      <c r="KK23" s="360">
        <v>2280485</v>
      </c>
      <c r="KL23" s="364">
        <v>33972588</v>
      </c>
      <c r="KM23" s="369">
        <v>35922024</v>
      </c>
      <c r="KN23" s="357">
        <v>0</v>
      </c>
      <c r="KO23" s="358">
        <v>473295</v>
      </c>
      <c r="KP23" s="359">
        <v>473295</v>
      </c>
      <c r="KQ23" s="439">
        <v>0</v>
      </c>
      <c r="KR23" s="360">
        <v>12426720</v>
      </c>
      <c r="KS23" s="360">
        <v>19880809</v>
      </c>
      <c r="KT23" s="360">
        <v>24954967</v>
      </c>
      <c r="KU23" s="360">
        <v>15730893</v>
      </c>
      <c r="KV23" s="360">
        <v>5406800</v>
      </c>
      <c r="KW23" s="364">
        <v>78400189</v>
      </c>
      <c r="KX23" s="362">
        <v>78873484</v>
      </c>
      <c r="KY23" s="363">
        <v>0</v>
      </c>
      <c r="KZ23" s="360">
        <v>0</v>
      </c>
      <c r="LA23" s="364">
        <v>0</v>
      </c>
      <c r="LB23" s="439">
        <v>0</v>
      </c>
      <c r="LC23" s="360">
        <v>0</v>
      </c>
      <c r="LD23" s="360">
        <v>0</v>
      </c>
      <c r="LE23" s="360">
        <v>0</v>
      </c>
      <c r="LF23" s="360">
        <v>0</v>
      </c>
      <c r="LG23" s="360">
        <v>0</v>
      </c>
      <c r="LH23" s="364">
        <v>0</v>
      </c>
      <c r="LI23" s="365">
        <v>0</v>
      </c>
      <c r="LJ23" s="363">
        <v>0</v>
      </c>
      <c r="LK23" s="360">
        <v>0</v>
      </c>
      <c r="LL23" s="364">
        <v>0</v>
      </c>
      <c r="LM23" s="439">
        <v>0</v>
      </c>
      <c r="LN23" s="360">
        <v>0</v>
      </c>
      <c r="LO23" s="360">
        <v>512984</v>
      </c>
      <c r="LP23" s="360">
        <v>1921339</v>
      </c>
      <c r="LQ23" s="360">
        <v>4289846</v>
      </c>
      <c r="LR23" s="360">
        <v>1536547</v>
      </c>
      <c r="LS23" s="364">
        <v>8260716</v>
      </c>
      <c r="LT23" s="362">
        <v>8260716</v>
      </c>
      <c r="LU23" s="363">
        <v>0</v>
      </c>
      <c r="LV23" s="360">
        <v>0</v>
      </c>
      <c r="LW23" s="364">
        <v>0</v>
      </c>
      <c r="LX23" s="439">
        <v>0</v>
      </c>
      <c r="LY23" s="360">
        <v>912675</v>
      </c>
      <c r="LZ23" s="360">
        <v>2320814</v>
      </c>
      <c r="MA23" s="360">
        <v>3270119</v>
      </c>
      <c r="MB23" s="360">
        <v>9014389</v>
      </c>
      <c r="MC23" s="360">
        <v>9086795</v>
      </c>
      <c r="MD23" s="364">
        <v>24604792</v>
      </c>
      <c r="ME23" s="365">
        <v>24604792</v>
      </c>
      <c r="MF23" s="363">
        <v>0</v>
      </c>
      <c r="MG23" s="360">
        <v>0</v>
      </c>
      <c r="MH23" s="364">
        <v>0</v>
      </c>
      <c r="MI23" s="439">
        <v>0</v>
      </c>
      <c r="MJ23" s="360">
        <v>7213996</v>
      </c>
      <c r="MK23" s="360">
        <v>21547701</v>
      </c>
      <c r="ML23" s="360">
        <v>81384409</v>
      </c>
      <c r="MM23" s="360">
        <v>150404835</v>
      </c>
      <c r="MN23" s="360">
        <v>100469203</v>
      </c>
      <c r="MO23" s="364">
        <v>361020144</v>
      </c>
      <c r="MP23" s="369">
        <v>361020144</v>
      </c>
      <c r="MQ23" s="363">
        <v>0</v>
      </c>
      <c r="MR23" s="360">
        <v>0</v>
      </c>
      <c r="MS23" s="364">
        <v>0</v>
      </c>
      <c r="MT23" s="439">
        <v>0</v>
      </c>
      <c r="MU23" s="360">
        <v>1097718</v>
      </c>
      <c r="MV23" s="360">
        <v>3335136</v>
      </c>
      <c r="MW23" s="360">
        <v>46633942</v>
      </c>
      <c r="MX23" s="360">
        <v>109746267</v>
      </c>
      <c r="MY23" s="360">
        <v>73510534</v>
      </c>
      <c r="MZ23" s="364">
        <v>234323597</v>
      </c>
      <c r="NA23" s="369">
        <v>234323597</v>
      </c>
      <c r="NB23" s="363">
        <v>0</v>
      </c>
      <c r="NC23" s="360">
        <v>0</v>
      </c>
      <c r="ND23" s="364">
        <v>0</v>
      </c>
      <c r="NE23" s="439">
        <v>0</v>
      </c>
      <c r="NF23" s="360">
        <v>6116278</v>
      </c>
      <c r="NG23" s="360">
        <v>18212565</v>
      </c>
      <c r="NH23" s="360">
        <v>34011570</v>
      </c>
      <c r="NI23" s="360">
        <v>35048356</v>
      </c>
      <c r="NJ23" s="360">
        <v>21486416</v>
      </c>
      <c r="NK23" s="364">
        <v>114875185</v>
      </c>
      <c r="NL23" s="362">
        <v>114875185</v>
      </c>
      <c r="NM23" s="363">
        <v>0</v>
      </c>
      <c r="NN23" s="360">
        <v>0</v>
      </c>
      <c r="NO23" s="364">
        <v>0</v>
      </c>
      <c r="NP23" s="439">
        <v>0</v>
      </c>
      <c r="NQ23" s="360">
        <v>0</v>
      </c>
      <c r="NR23" s="360">
        <v>0</v>
      </c>
      <c r="NS23" s="360">
        <v>0</v>
      </c>
      <c r="NT23" s="360">
        <v>183568</v>
      </c>
      <c r="NU23" s="360">
        <v>0</v>
      </c>
      <c r="NV23" s="364">
        <v>183568</v>
      </c>
      <c r="NW23" s="365">
        <v>183568</v>
      </c>
      <c r="NX23" s="363">
        <v>0</v>
      </c>
      <c r="NY23" s="360">
        <v>0</v>
      </c>
      <c r="NZ23" s="364">
        <v>0</v>
      </c>
      <c r="OA23" s="439">
        <v>0</v>
      </c>
      <c r="OB23" s="360">
        <v>0</v>
      </c>
      <c r="OC23" s="360">
        <v>0</v>
      </c>
      <c r="OD23" s="360">
        <v>738897</v>
      </c>
      <c r="OE23" s="360">
        <v>5426644</v>
      </c>
      <c r="OF23" s="360">
        <v>5472253</v>
      </c>
      <c r="OG23" s="364">
        <v>11637794</v>
      </c>
      <c r="OH23" s="365">
        <v>11637794</v>
      </c>
      <c r="OI23" s="363">
        <v>9733694</v>
      </c>
      <c r="OJ23" s="360">
        <v>21390548</v>
      </c>
      <c r="OK23" s="361">
        <v>31124242</v>
      </c>
      <c r="OL23" s="366">
        <v>0</v>
      </c>
      <c r="OM23" s="360">
        <v>186265143</v>
      </c>
      <c r="ON23" s="360">
        <v>244296611</v>
      </c>
      <c r="OO23" s="360">
        <v>301511019</v>
      </c>
      <c r="OP23" s="360">
        <v>336495446</v>
      </c>
      <c r="OQ23" s="360">
        <v>232334577</v>
      </c>
      <c r="OR23" s="364">
        <v>1300902796</v>
      </c>
      <c r="OS23" s="369">
        <v>1332027038</v>
      </c>
    </row>
    <row r="24" spans="2:409" s="137" customFormat="1" ht="21" customHeight="1" x14ac:dyDescent="0.2">
      <c r="B24" s="421" t="s">
        <v>19</v>
      </c>
      <c r="C24" s="341">
        <v>5015926</v>
      </c>
      <c r="D24" s="342">
        <v>10658572</v>
      </c>
      <c r="E24" s="343">
        <v>15674498</v>
      </c>
      <c r="F24" s="344">
        <v>0</v>
      </c>
      <c r="G24" s="342">
        <v>67400857</v>
      </c>
      <c r="H24" s="342">
        <v>68238673</v>
      </c>
      <c r="I24" s="342">
        <v>60967387</v>
      </c>
      <c r="J24" s="342">
        <v>47160588</v>
      </c>
      <c r="K24" s="342">
        <v>37224652</v>
      </c>
      <c r="L24" s="344">
        <v>280992157</v>
      </c>
      <c r="M24" s="345">
        <v>296666655</v>
      </c>
      <c r="N24" s="341">
        <v>1353691</v>
      </c>
      <c r="O24" s="342">
        <v>2344507</v>
      </c>
      <c r="P24" s="343">
        <v>3698198</v>
      </c>
      <c r="Q24" s="341">
        <v>0</v>
      </c>
      <c r="R24" s="342">
        <v>18706814</v>
      </c>
      <c r="S24" s="342">
        <v>16757046</v>
      </c>
      <c r="T24" s="342">
        <v>17668669</v>
      </c>
      <c r="U24" s="342">
        <v>16114638</v>
      </c>
      <c r="V24" s="342">
        <v>15984084</v>
      </c>
      <c r="W24" s="343">
        <v>85231251</v>
      </c>
      <c r="X24" s="345">
        <v>88929449</v>
      </c>
      <c r="Y24" s="341">
        <v>0</v>
      </c>
      <c r="Z24" s="342">
        <v>0</v>
      </c>
      <c r="AA24" s="343">
        <v>0</v>
      </c>
      <c r="AB24" s="341">
        <v>0</v>
      </c>
      <c r="AC24" s="342">
        <v>7841233</v>
      </c>
      <c r="AD24" s="342">
        <v>6866279</v>
      </c>
      <c r="AE24" s="342">
        <v>9194028</v>
      </c>
      <c r="AF24" s="342">
        <v>8433568</v>
      </c>
      <c r="AG24" s="342">
        <v>8593544</v>
      </c>
      <c r="AH24" s="343">
        <v>40928652</v>
      </c>
      <c r="AI24" s="345">
        <v>40928652</v>
      </c>
      <c r="AJ24" s="341">
        <v>0</v>
      </c>
      <c r="AK24" s="342">
        <v>0</v>
      </c>
      <c r="AL24" s="343">
        <v>0</v>
      </c>
      <c r="AM24" s="341">
        <v>0</v>
      </c>
      <c r="AN24" s="342">
        <v>274114</v>
      </c>
      <c r="AO24" s="342">
        <v>254374</v>
      </c>
      <c r="AP24" s="342">
        <v>545902</v>
      </c>
      <c r="AQ24" s="342">
        <v>911718</v>
      </c>
      <c r="AR24" s="342">
        <v>1565948</v>
      </c>
      <c r="AS24" s="343">
        <v>3552056</v>
      </c>
      <c r="AT24" s="345">
        <v>3552056</v>
      </c>
      <c r="AU24" s="341">
        <v>805546</v>
      </c>
      <c r="AV24" s="342">
        <v>1640517</v>
      </c>
      <c r="AW24" s="343">
        <v>2446063</v>
      </c>
      <c r="AX24" s="341">
        <v>0</v>
      </c>
      <c r="AY24" s="342">
        <v>7099317</v>
      </c>
      <c r="AZ24" s="342">
        <v>6066830</v>
      </c>
      <c r="BA24" s="342">
        <v>4894681</v>
      </c>
      <c r="BB24" s="342">
        <v>3894270</v>
      </c>
      <c r="BC24" s="342">
        <v>3620994</v>
      </c>
      <c r="BD24" s="343">
        <v>25576092</v>
      </c>
      <c r="BE24" s="345">
        <v>28022155</v>
      </c>
      <c r="BF24" s="341">
        <v>54347</v>
      </c>
      <c r="BG24" s="342">
        <v>206731</v>
      </c>
      <c r="BH24" s="346">
        <v>261078</v>
      </c>
      <c r="BI24" s="347">
        <v>0</v>
      </c>
      <c r="BJ24" s="342">
        <v>774546</v>
      </c>
      <c r="BK24" s="342">
        <v>405598</v>
      </c>
      <c r="BL24" s="342">
        <v>259349</v>
      </c>
      <c r="BM24" s="342">
        <v>351213</v>
      </c>
      <c r="BN24" s="342">
        <v>101088</v>
      </c>
      <c r="BO24" s="343">
        <v>1891794</v>
      </c>
      <c r="BP24" s="345">
        <v>2152872</v>
      </c>
      <c r="BQ24" s="341">
        <v>493798</v>
      </c>
      <c r="BR24" s="342">
        <v>497259</v>
      </c>
      <c r="BS24" s="343">
        <v>991057</v>
      </c>
      <c r="BT24" s="341">
        <v>0</v>
      </c>
      <c r="BU24" s="342">
        <v>2717604</v>
      </c>
      <c r="BV24" s="342">
        <v>3163965</v>
      </c>
      <c r="BW24" s="342">
        <v>2774709</v>
      </c>
      <c r="BX24" s="342">
        <v>2523869</v>
      </c>
      <c r="BY24" s="342">
        <v>2102510</v>
      </c>
      <c r="BZ24" s="343">
        <v>13282657</v>
      </c>
      <c r="CA24" s="345">
        <v>14273714</v>
      </c>
      <c r="CB24" s="341">
        <v>847844</v>
      </c>
      <c r="CC24" s="342">
        <v>3125588</v>
      </c>
      <c r="CD24" s="343">
        <v>3973432</v>
      </c>
      <c r="CE24" s="341">
        <v>0</v>
      </c>
      <c r="CF24" s="342">
        <v>20276017</v>
      </c>
      <c r="CG24" s="342">
        <v>23996518</v>
      </c>
      <c r="CH24" s="342">
        <v>17471653</v>
      </c>
      <c r="CI24" s="342">
        <v>9259749</v>
      </c>
      <c r="CJ24" s="342">
        <v>6073058</v>
      </c>
      <c r="CK24" s="343">
        <v>77076995</v>
      </c>
      <c r="CL24" s="345">
        <v>81050427</v>
      </c>
      <c r="CM24" s="341">
        <v>0</v>
      </c>
      <c r="CN24" s="342">
        <v>0</v>
      </c>
      <c r="CO24" s="343">
        <v>0</v>
      </c>
      <c r="CP24" s="347">
        <v>0</v>
      </c>
      <c r="CQ24" s="342">
        <v>14948468</v>
      </c>
      <c r="CR24" s="342">
        <v>18005349</v>
      </c>
      <c r="CS24" s="342">
        <v>12230923</v>
      </c>
      <c r="CT24" s="342">
        <v>6442764</v>
      </c>
      <c r="CU24" s="342">
        <v>4897539</v>
      </c>
      <c r="CV24" s="343">
        <v>56525043</v>
      </c>
      <c r="CW24" s="345">
        <v>56525043</v>
      </c>
      <c r="CX24" s="341">
        <v>847844</v>
      </c>
      <c r="CY24" s="342">
        <v>3125588</v>
      </c>
      <c r="CZ24" s="343">
        <v>3973432</v>
      </c>
      <c r="DA24" s="341">
        <v>0</v>
      </c>
      <c r="DB24" s="342">
        <v>5327549</v>
      </c>
      <c r="DC24" s="342">
        <v>5991169</v>
      </c>
      <c r="DD24" s="342">
        <v>5240730</v>
      </c>
      <c r="DE24" s="342">
        <v>2816985</v>
      </c>
      <c r="DF24" s="342">
        <v>1175519</v>
      </c>
      <c r="DG24" s="343">
        <v>20551952</v>
      </c>
      <c r="DH24" s="345">
        <v>24525384</v>
      </c>
      <c r="DI24" s="341">
        <v>0</v>
      </c>
      <c r="DJ24" s="342">
        <v>96181</v>
      </c>
      <c r="DK24" s="346">
        <v>96181</v>
      </c>
      <c r="DL24" s="347">
        <v>0</v>
      </c>
      <c r="DM24" s="342">
        <v>1211172</v>
      </c>
      <c r="DN24" s="342">
        <v>3448031</v>
      </c>
      <c r="DO24" s="342">
        <v>4620084</v>
      </c>
      <c r="DP24" s="342">
        <v>3585036</v>
      </c>
      <c r="DQ24" s="342">
        <v>1320169</v>
      </c>
      <c r="DR24" s="343">
        <v>14184492</v>
      </c>
      <c r="DS24" s="345">
        <v>14280673</v>
      </c>
      <c r="DT24" s="341">
        <v>0</v>
      </c>
      <c r="DU24" s="342">
        <v>96181</v>
      </c>
      <c r="DV24" s="343">
        <v>96181</v>
      </c>
      <c r="DW24" s="341">
        <v>0</v>
      </c>
      <c r="DX24" s="342">
        <v>972206</v>
      </c>
      <c r="DY24" s="342">
        <v>3030304</v>
      </c>
      <c r="DZ24" s="342">
        <v>3908445</v>
      </c>
      <c r="EA24" s="342">
        <v>2638086</v>
      </c>
      <c r="EB24" s="342">
        <v>1014455</v>
      </c>
      <c r="EC24" s="343">
        <v>11563496</v>
      </c>
      <c r="ED24" s="345">
        <v>11659677</v>
      </c>
      <c r="EE24" s="341">
        <v>0</v>
      </c>
      <c r="EF24" s="346">
        <v>0</v>
      </c>
      <c r="EG24" s="343">
        <v>0</v>
      </c>
      <c r="EH24" s="341">
        <v>0</v>
      </c>
      <c r="EI24" s="342">
        <v>238966</v>
      </c>
      <c r="EJ24" s="342">
        <v>417727</v>
      </c>
      <c r="EK24" s="342">
        <v>711639</v>
      </c>
      <c r="EL24" s="342">
        <v>946950</v>
      </c>
      <c r="EM24" s="342">
        <v>305714</v>
      </c>
      <c r="EN24" s="346">
        <v>2620996</v>
      </c>
      <c r="EO24" s="345">
        <v>2620996</v>
      </c>
      <c r="EP24" s="341">
        <v>0</v>
      </c>
      <c r="EQ24" s="342">
        <v>0</v>
      </c>
      <c r="ER24" s="346">
        <v>0</v>
      </c>
      <c r="ES24" s="347">
        <v>0</v>
      </c>
      <c r="ET24" s="342">
        <v>0</v>
      </c>
      <c r="EU24" s="342">
        <v>0</v>
      </c>
      <c r="EV24" s="342">
        <v>0</v>
      </c>
      <c r="EW24" s="342">
        <v>0</v>
      </c>
      <c r="EX24" s="342">
        <v>0</v>
      </c>
      <c r="EY24" s="343">
        <v>0</v>
      </c>
      <c r="EZ24" s="345">
        <v>0</v>
      </c>
      <c r="FA24" s="341">
        <v>0</v>
      </c>
      <c r="FB24" s="342">
        <v>0</v>
      </c>
      <c r="FC24" s="346">
        <v>0</v>
      </c>
      <c r="FD24" s="347">
        <v>0</v>
      </c>
      <c r="FE24" s="342">
        <v>0</v>
      </c>
      <c r="FF24" s="342">
        <v>0</v>
      </c>
      <c r="FG24" s="342">
        <v>0</v>
      </c>
      <c r="FH24" s="342">
        <v>0</v>
      </c>
      <c r="FI24" s="342">
        <v>0</v>
      </c>
      <c r="FJ24" s="343">
        <v>0</v>
      </c>
      <c r="FK24" s="345">
        <v>0</v>
      </c>
      <c r="FL24" s="341">
        <v>1042068</v>
      </c>
      <c r="FM24" s="342">
        <v>1867892</v>
      </c>
      <c r="FN24" s="343">
        <v>2909960</v>
      </c>
      <c r="FO24" s="341">
        <v>0</v>
      </c>
      <c r="FP24" s="342">
        <v>4656394</v>
      </c>
      <c r="FQ24" s="342">
        <v>5861352</v>
      </c>
      <c r="FR24" s="342">
        <v>4731330</v>
      </c>
      <c r="FS24" s="342">
        <v>3968423</v>
      </c>
      <c r="FT24" s="342">
        <v>3201737</v>
      </c>
      <c r="FU24" s="343">
        <v>22419236</v>
      </c>
      <c r="FV24" s="345">
        <v>25329196</v>
      </c>
      <c r="FW24" s="348">
        <v>935400</v>
      </c>
      <c r="FX24" s="342">
        <v>1458267</v>
      </c>
      <c r="FY24" s="346">
        <v>2393667</v>
      </c>
      <c r="FZ24" s="347">
        <v>0</v>
      </c>
      <c r="GA24" s="342">
        <v>3663172</v>
      </c>
      <c r="GB24" s="342">
        <v>5593072</v>
      </c>
      <c r="GC24" s="342">
        <v>4602825</v>
      </c>
      <c r="GD24" s="342">
        <v>3937060</v>
      </c>
      <c r="GE24" s="342">
        <v>3201737</v>
      </c>
      <c r="GF24" s="343">
        <v>20997866</v>
      </c>
      <c r="GG24" s="349">
        <v>23391533</v>
      </c>
      <c r="GH24" s="348">
        <v>31185</v>
      </c>
      <c r="GI24" s="342">
        <v>50744</v>
      </c>
      <c r="GJ24" s="346">
        <v>81929</v>
      </c>
      <c r="GK24" s="347">
        <v>0</v>
      </c>
      <c r="GL24" s="342">
        <v>323366</v>
      </c>
      <c r="GM24" s="342">
        <v>60120</v>
      </c>
      <c r="GN24" s="342">
        <v>95205</v>
      </c>
      <c r="GO24" s="342">
        <v>0</v>
      </c>
      <c r="GP24" s="342">
        <v>0</v>
      </c>
      <c r="GQ24" s="343">
        <v>478691</v>
      </c>
      <c r="GR24" s="345">
        <v>560620</v>
      </c>
      <c r="GS24" s="341">
        <v>75483</v>
      </c>
      <c r="GT24" s="342">
        <v>358881</v>
      </c>
      <c r="GU24" s="343">
        <v>434364</v>
      </c>
      <c r="GV24" s="341">
        <v>0</v>
      </c>
      <c r="GW24" s="342">
        <v>669856</v>
      </c>
      <c r="GX24" s="342">
        <v>208160</v>
      </c>
      <c r="GY24" s="342">
        <v>33300</v>
      </c>
      <c r="GZ24" s="342">
        <v>31363</v>
      </c>
      <c r="HA24" s="342">
        <v>0</v>
      </c>
      <c r="HB24" s="346">
        <v>942679</v>
      </c>
      <c r="HC24" s="345">
        <v>1377043</v>
      </c>
      <c r="HD24" s="341">
        <v>773444</v>
      </c>
      <c r="HE24" s="342">
        <v>1760626</v>
      </c>
      <c r="HF24" s="346">
        <v>2534070</v>
      </c>
      <c r="HG24" s="347">
        <v>0</v>
      </c>
      <c r="HH24" s="342">
        <v>11354051</v>
      </c>
      <c r="HI24" s="342">
        <v>9836059</v>
      </c>
      <c r="HJ24" s="342">
        <v>10779742</v>
      </c>
      <c r="HK24" s="342">
        <v>10998777</v>
      </c>
      <c r="HL24" s="342">
        <v>8544463</v>
      </c>
      <c r="HM24" s="343">
        <v>51513092</v>
      </c>
      <c r="HN24" s="344">
        <v>54047162</v>
      </c>
      <c r="HO24" s="348">
        <v>998879</v>
      </c>
      <c r="HP24" s="342">
        <v>1463778</v>
      </c>
      <c r="HQ24" s="343">
        <v>2462657</v>
      </c>
      <c r="HR24" s="341">
        <v>0</v>
      </c>
      <c r="HS24" s="342">
        <v>11196409</v>
      </c>
      <c r="HT24" s="342">
        <v>8339667</v>
      </c>
      <c r="HU24" s="342">
        <v>5695909</v>
      </c>
      <c r="HV24" s="342">
        <v>3233965</v>
      </c>
      <c r="HW24" s="342">
        <v>2101141</v>
      </c>
      <c r="HX24" s="346">
        <v>30567091</v>
      </c>
      <c r="HY24" s="345">
        <v>33029748</v>
      </c>
      <c r="HZ24" s="373">
        <v>0</v>
      </c>
      <c r="IA24" s="371">
        <v>94085</v>
      </c>
      <c r="IB24" s="373">
        <v>94085</v>
      </c>
      <c r="IC24" s="370">
        <v>0</v>
      </c>
      <c r="ID24" s="371">
        <v>12443632</v>
      </c>
      <c r="IE24" s="372">
        <v>22700709</v>
      </c>
      <c r="IF24" s="373">
        <v>22020099</v>
      </c>
      <c r="IG24" s="371">
        <v>14244745</v>
      </c>
      <c r="IH24" s="373">
        <v>15720775</v>
      </c>
      <c r="II24" s="374">
        <v>87129960</v>
      </c>
      <c r="IJ24" s="373">
        <v>87224045</v>
      </c>
      <c r="IK24" s="357">
        <v>0</v>
      </c>
      <c r="IL24" s="358">
        <v>0</v>
      </c>
      <c r="IM24" s="359">
        <v>0</v>
      </c>
      <c r="IN24" s="436">
        <v>0</v>
      </c>
      <c r="IO24" s="360">
        <v>859488</v>
      </c>
      <c r="IP24" s="360">
        <v>1527714</v>
      </c>
      <c r="IQ24" s="360">
        <v>1131231</v>
      </c>
      <c r="IR24" s="360">
        <v>1371456</v>
      </c>
      <c r="IS24" s="360">
        <v>1090462</v>
      </c>
      <c r="IT24" s="361">
        <v>5980351</v>
      </c>
      <c r="IU24" s="362">
        <v>5980351</v>
      </c>
      <c r="IV24" s="363">
        <v>0</v>
      </c>
      <c r="IW24" s="360">
        <v>0</v>
      </c>
      <c r="IX24" s="364">
        <v>0</v>
      </c>
      <c r="IY24" s="439">
        <v>0</v>
      </c>
      <c r="IZ24" s="360">
        <v>18036</v>
      </c>
      <c r="JA24" s="360">
        <v>22918</v>
      </c>
      <c r="JB24" s="360">
        <v>45836</v>
      </c>
      <c r="JC24" s="360">
        <v>103343</v>
      </c>
      <c r="JD24" s="360">
        <v>58935</v>
      </c>
      <c r="JE24" s="364">
        <v>249068</v>
      </c>
      <c r="JF24" s="365">
        <v>249068</v>
      </c>
      <c r="JG24" s="363">
        <v>0</v>
      </c>
      <c r="JH24" s="360">
        <v>0</v>
      </c>
      <c r="JI24" s="361">
        <v>0</v>
      </c>
      <c r="JJ24" s="366">
        <v>0</v>
      </c>
      <c r="JK24" s="360">
        <v>5268177</v>
      </c>
      <c r="JL24" s="360">
        <v>6005509</v>
      </c>
      <c r="JM24" s="360">
        <v>4244122</v>
      </c>
      <c r="JN24" s="360">
        <v>1885842</v>
      </c>
      <c r="JO24" s="360">
        <v>1035692</v>
      </c>
      <c r="JP24" s="364">
        <v>18439342</v>
      </c>
      <c r="JQ24" s="362">
        <v>18439342</v>
      </c>
      <c r="JR24" s="363">
        <v>0</v>
      </c>
      <c r="JS24" s="360">
        <v>0</v>
      </c>
      <c r="JT24" s="361">
        <v>0</v>
      </c>
      <c r="JU24" s="366">
        <v>0</v>
      </c>
      <c r="JV24" s="360">
        <v>792420</v>
      </c>
      <c r="JW24" s="360">
        <v>2080704</v>
      </c>
      <c r="JX24" s="360">
        <v>2369475</v>
      </c>
      <c r="JY24" s="360">
        <v>514791</v>
      </c>
      <c r="JZ24" s="360">
        <v>829023</v>
      </c>
      <c r="KA24" s="364">
        <v>6586413</v>
      </c>
      <c r="KB24" s="362">
        <v>6586413</v>
      </c>
      <c r="KC24" s="367">
        <v>0</v>
      </c>
      <c r="KD24" s="368">
        <v>94085</v>
      </c>
      <c r="KE24" s="364">
        <v>94085</v>
      </c>
      <c r="KF24" s="366">
        <v>0</v>
      </c>
      <c r="KG24" s="360">
        <v>2522111</v>
      </c>
      <c r="KH24" s="360">
        <v>6254196</v>
      </c>
      <c r="KI24" s="360">
        <v>7066218</v>
      </c>
      <c r="KJ24" s="360">
        <v>3652088</v>
      </c>
      <c r="KK24" s="360">
        <v>3081332</v>
      </c>
      <c r="KL24" s="364">
        <v>22575945</v>
      </c>
      <c r="KM24" s="369">
        <v>22670030</v>
      </c>
      <c r="KN24" s="357">
        <v>0</v>
      </c>
      <c r="KO24" s="358">
        <v>0</v>
      </c>
      <c r="KP24" s="359">
        <v>0</v>
      </c>
      <c r="KQ24" s="439">
        <v>0</v>
      </c>
      <c r="KR24" s="360">
        <v>2786200</v>
      </c>
      <c r="KS24" s="360">
        <v>6553618</v>
      </c>
      <c r="KT24" s="360">
        <v>6836524</v>
      </c>
      <c r="KU24" s="360">
        <v>5600539</v>
      </c>
      <c r="KV24" s="360">
        <v>4241872</v>
      </c>
      <c r="KW24" s="364">
        <v>26018753</v>
      </c>
      <c r="KX24" s="362">
        <v>26018753</v>
      </c>
      <c r="KY24" s="363">
        <v>0</v>
      </c>
      <c r="KZ24" s="360">
        <v>0</v>
      </c>
      <c r="LA24" s="364">
        <v>0</v>
      </c>
      <c r="LB24" s="439">
        <v>0</v>
      </c>
      <c r="LC24" s="360">
        <v>0</v>
      </c>
      <c r="LD24" s="360">
        <v>0</v>
      </c>
      <c r="LE24" s="360">
        <v>0</v>
      </c>
      <c r="LF24" s="360">
        <v>0</v>
      </c>
      <c r="LG24" s="360">
        <v>0</v>
      </c>
      <c r="LH24" s="364">
        <v>0</v>
      </c>
      <c r="LI24" s="365">
        <v>0</v>
      </c>
      <c r="LJ24" s="363">
        <v>0</v>
      </c>
      <c r="LK24" s="360">
        <v>0</v>
      </c>
      <c r="LL24" s="364">
        <v>0</v>
      </c>
      <c r="LM24" s="439">
        <v>0</v>
      </c>
      <c r="LN24" s="360">
        <v>0</v>
      </c>
      <c r="LO24" s="360">
        <v>0</v>
      </c>
      <c r="LP24" s="360">
        <v>0</v>
      </c>
      <c r="LQ24" s="360">
        <v>0</v>
      </c>
      <c r="LR24" s="360">
        <v>0</v>
      </c>
      <c r="LS24" s="364">
        <v>0</v>
      </c>
      <c r="LT24" s="362">
        <v>0</v>
      </c>
      <c r="LU24" s="363">
        <v>0</v>
      </c>
      <c r="LV24" s="360">
        <v>0</v>
      </c>
      <c r="LW24" s="364">
        <v>0</v>
      </c>
      <c r="LX24" s="439">
        <v>0</v>
      </c>
      <c r="LY24" s="360">
        <v>197200</v>
      </c>
      <c r="LZ24" s="360">
        <v>256050</v>
      </c>
      <c r="MA24" s="360">
        <v>326693</v>
      </c>
      <c r="MB24" s="360">
        <v>1116686</v>
      </c>
      <c r="MC24" s="360">
        <v>5383459</v>
      </c>
      <c r="MD24" s="364">
        <v>7280088</v>
      </c>
      <c r="ME24" s="365">
        <v>7280088</v>
      </c>
      <c r="MF24" s="363">
        <v>0</v>
      </c>
      <c r="MG24" s="360">
        <v>0</v>
      </c>
      <c r="MH24" s="364">
        <v>0</v>
      </c>
      <c r="MI24" s="439">
        <v>0</v>
      </c>
      <c r="MJ24" s="360">
        <v>5217138</v>
      </c>
      <c r="MK24" s="360">
        <v>14074736</v>
      </c>
      <c r="ML24" s="360">
        <v>45742516</v>
      </c>
      <c r="MM24" s="360">
        <v>51914591</v>
      </c>
      <c r="MN24" s="360">
        <v>41937007</v>
      </c>
      <c r="MO24" s="364">
        <v>158885988</v>
      </c>
      <c r="MP24" s="369">
        <v>158885988</v>
      </c>
      <c r="MQ24" s="363">
        <v>0</v>
      </c>
      <c r="MR24" s="360">
        <v>0</v>
      </c>
      <c r="MS24" s="364">
        <v>0</v>
      </c>
      <c r="MT24" s="439">
        <v>0</v>
      </c>
      <c r="MU24" s="360">
        <v>200504</v>
      </c>
      <c r="MV24" s="360">
        <v>1368258</v>
      </c>
      <c r="MW24" s="360">
        <v>27298832</v>
      </c>
      <c r="MX24" s="360">
        <v>30364168</v>
      </c>
      <c r="MY24" s="360">
        <v>28952404</v>
      </c>
      <c r="MZ24" s="364">
        <v>88184166</v>
      </c>
      <c r="NA24" s="369">
        <v>88184166</v>
      </c>
      <c r="NB24" s="363">
        <v>0</v>
      </c>
      <c r="NC24" s="360">
        <v>0</v>
      </c>
      <c r="ND24" s="364">
        <v>0</v>
      </c>
      <c r="NE24" s="439">
        <v>0</v>
      </c>
      <c r="NF24" s="360">
        <v>5016634</v>
      </c>
      <c r="NG24" s="360">
        <v>12706478</v>
      </c>
      <c r="NH24" s="360">
        <v>18443684</v>
      </c>
      <c r="NI24" s="360">
        <v>20072427</v>
      </c>
      <c r="NJ24" s="360">
        <v>10503184</v>
      </c>
      <c r="NK24" s="364">
        <v>66742407</v>
      </c>
      <c r="NL24" s="362">
        <v>66742407</v>
      </c>
      <c r="NM24" s="363">
        <v>0</v>
      </c>
      <c r="NN24" s="360">
        <v>0</v>
      </c>
      <c r="NO24" s="364">
        <v>0</v>
      </c>
      <c r="NP24" s="439">
        <v>0</v>
      </c>
      <c r="NQ24" s="360">
        <v>0</v>
      </c>
      <c r="NR24" s="360">
        <v>0</v>
      </c>
      <c r="NS24" s="360">
        <v>0</v>
      </c>
      <c r="NT24" s="360">
        <v>0</v>
      </c>
      <c r="NU24" s="360">
        <v>0</v>
      </c>
      <c r="NV24" s="364">
        <v>0</v>
      </c>
      <c r="NW24" s="365">
        <v>0</v>
      </c>
      <c r="NX24" s="363">
        <v>0</v>
      </c>
      <c r="NY24" s="360">
        <v>0</v>
      </c>
      <c r="NZ24" s="364">
        <v>0</v>
      </c>
      <c r="OA24" s="439">
        <v>0</v>
      </c>
      <c r="OB24" s="360">
        <v>0</v>
      </c>
      <c r="OC24" s="360">
        <v>0</v>
      </c>
      <c r="OD24" s="360">
        <v>0</v>
      </c>
      <c r="OE24" s="360">
        <v>1477996</v>
      </c>
      <c r="OF24" s="360">
        <v>2481419</v>
      </c>
      <c r="OG24" s="364">
        <v>3959415</v>
      </c>
      <c r="OH24" s="365">
        <v>3959415</v>
      </c>
      <c r="OI24" s="363">
        <v>5015926</v>
      </c>
      <c r="OJ24" s="360">
        <v>10752657</v>
      </c>
      <c r="OK24" s="361">
        <v>15768583</v>
      </c>
      <c r="OL24" s="366">
        <v>0</v>
      </c>
      <c r="OM24" s="360">
        <v>85061627</v>
      </c>
      <c r="ON24" s="360">
        <v>105014118</v>
      </c>
      <c r="OO24" s="360">
        <v>128730002</v>
      </c>
      <c r="OP24" s="360">
        <v>113319924</v>
      </c>
      <c r="OQ24" s="360">
        <v>94882434</v>
      </c>
      <c r="OR24" s="364">
        <v>527008105</v>
      </c>
      <c r="OS24" s="369">
        <v>542776688</v>
      </c>
    </row>
    <row r="25" spans="2:409" s="137" customFormat="1" ht="21" customHeight="1" x14ac:dyDescent="0.2">
      <c r="B25" s="421" t="s">
        <v>20</v>
      </c>
      <c r="C25" s="341">
        <v>4967184</v>
      </c>
      <c r="D25" s="342">
        <v>12154677</v>
      </c>
      <c r="E25" s="343">
        <v>17121861</v>
      </c>
      <c r="F25" s="341">
        <v>0</v>
      </c>
      <c r="G25" s="342">
        <v>86712506</v>
      </c>
      <c r="H25" s="342">
        <v>79929734</v>
      </c>
      <c r="I25" s="342">
        <v>77383577</v>
      </c>
      <c r="J25" s="342">
        <v>65379882</v>
      </c>
      <c r="K25" s="342">
        <v>43552096</v>
      </c>
      <c r="L25" s="382">
        <v>352957795</v>
      </c>
      <c r="M25" s="345">
        <v>370079656</v>
      </c>
      <c r="N25" s="341">
        <v>1476620</v>
      </c>
      <c r="O25" s="342">
        <v>4304091</v>
      </c>
      <c r="P25" s="343">
        <v>5780711</v>
      </c>
      <c r="Q25" s="341">
        <v>0</v>
      </c>
      <c r="R25" s="342">
        <v>25986581</v>
      </c>
      <c r="S25" s="342">
        <v>25313536</v>
      </c>
      <c r="T25" s="342">
        <v>26056590</v>
      </c>
      <c r="U25" s="342">
        <v>22448642</v>
      </c>
      <c r="V25" s="342">
        <v>21820398</v>
      </c>
      <c r="W25" s="343">
        <v>121625747</v>
      </c>
      <c r="X25" s="345">
        <v>127406458</v>
      </c>
      <c r="Y25" s="341">
        <v>0</v>
      </c>
      <c r="Z25" s="342">
        <v>0</v>
      </c>
      <c r="AA25" s="343">
        <v>0</v>
      </c>
      <c r="AB25" s="341">
        <v>0</v>
      </c>
      <c r="AC25" s="342">
        <v>11227493</v>
      </c>
      <c r="AD25" s="342">
        <v>11112976</v>
      </c>
      <c r="AE25" s="342">
        <v>14598323</v>
      </c>
      <c r="AF25" s="342">
        <v>12822873</v>
      </c>
      <c r="AG25" s="342">
        <v>13645180</v>
      </c>
      <c r="AH25" s="343">
        <v>63406845</v>
      </c>
      <c r="AI25" s="345">
        <v>63406845</v>
      </c>
      <c r="AJ25" s="341">
        <v>0</v>
      </c>
      <c r="AK25" s="342">
        <v>0</v>
      </c>
      <c r="AL25" s="343">
        <v>0</v>
      </c>
      <c r="AM25" s="341">
        <v>0</v>
      </c>
      <c r="AN25" s="342">
        <v>121283</v>
      </c>
      <c r="AO25" s="342">
        <v>350682</v>
      </c>
      <c r="AP25" s="342">
        <v>813769</v>
      </c>
      <c r="AQ25" s="342">
        <v>1376764</v>
      </c>
      <c r="AR25" s="342">
        <v>2387033</v>
      </c>
      <c r="AS25" s="343">
        <v>5049531</v>
      </c>
      <c r="AT25" s="345">
        <v>5049531</v>
      </c>
      <c r="AU25" s="341">
        <v>783342</v>
      </c>
      <c r="AV25" s="342">
        <v>2504583</v>
      </c>
      <c r="AW25" s="343">
        <v>3287925</v>
      </c>
      <c r="AX25" s="341">
        <v>0</v>
      </c>
      <c r="AY25" s="342">
        <v>9285868</v>
      </c>
      <c r="AZ25" s="342">
        <v>8264978</v>
      </c>
      <c r="BA25" s="342">
        <v>4822168</v>
      </c>
      <c r="BB25" s="342">
        <v>4166819</v>
      </c>
      <c r="BC25" s="342">
        <v>2922693</v>
      </c>
      <c r="BD25" s="343">
        <v>29462526</v>
      </c>
      <c r="BE25" s="345">
        <v>32750451</v>
      </c>
      <c r="BF25" s="341">
        <v>310238</v>
      </c>
      <c r="BG25" s="342">
        <v>1343460</v>
      </c>
      <c r="BH25" s="346">
        <v>1653698</v>
      </c>
      <c r="BI25" s="347">
        <v>0</v>
      </c>
      <c r="BJ25" s="342">
        <v>1940384</v>
      </c>
      <c r="BK25" s="342">
        <v>2218200</v>
      </c>
      <c r="BL25" s="342">
        <v>1575387</v>
      </c>
      <c r="BM25" s="342">
        <v>1220565</v>
      </c>
      <c r="BN25" s="342">
        <v>388282</v>
      </c>
      <c r="BO25" s="343">
        <v>7342818</v>
      </c>
      <c r="BP25" s="345">
        <v>8996516</v>
      </c>
      <c r="BQ25" s="341">
        <v>383040</v>
      </c>
      <c r="BR25" s="342">
        <v>456048</v>
      </c>
      <c r="BS25" s="343">
        <v>839088</v>
      </c>
      <c r="BT25" s="341">
        <v>0</v>
      </c>
      <c r="BU25" s="342">
        <v>3411553</v>
      </c>
      <c r="BV25" s="342">
        <v>3366700</v>
      </c>
      <c r="BW25" s="342">
        <v>4246943</v>
      </c>
      <c r="BX25" s="342">
        <v>2861621</v>
      </c>
      <c r="BY25" s="342">
        <v>2477210</v>
      </c>
      <c r="BZ25" s="343">
        <v>16364027</v>
      </c>
      <c r="CA25" s="345">
        <v>17203115</v>
      </c>
      <c r="CB25" s="341">
        <v>323614</v>
      </c>
      <c r="CC25" s="342">
        <v>1597178</v>
      </c>
      <c r="CD25" s="343">
        <v>1920792</v>
      </c>
      <c r="CE25" s="341">
        <v>0</v>
      </c>
      <c r="CF25" s="342">
        <v>24410553</v>
      </c>
      <c r="CG25" s="342">
        <v>23996050</v>
      </c>
      <c r="CH25" s="342">
        <v>15775417</v>
      </c>
      <c r="CI25" s="342">
        <v>11751064</v>
      </c>
      <c r="CJ25" s="342">
        <v>4583811</v>
      </c>
      <c r="CK25" s="343">
        <v>80516895</v>
      </c>
      <c r="CL25" s="345">
        <v>82437687</v>
      </c>
      <c r="CM25" s="341">
        <v>0</v>
      </c>
      <c r="CN25" s="342">
        <v>0</v>
      </c>
      <c r="CO25" s="343">
        <v>0</v>
      </c>
      <c r="CP25" s="347">
        <v>0</v>
      </c>
      <c r="CQ25" s="342">
        <v>18036239</v>
      </c>
      <c r="CR25" s="342">
        <v>17922909</v>
      </c>
      <c r="CS25" s="342">
        <v>12670079</v>
      </c>
      <c r="CT25" s="342">
        <v>8359183</v>
      </c>
      <c r="CU25" s="342">
        <v>3257262</v>
      </c>
      <c r="CV25" s="343">
        <v>60245672</v>
      </c>
      <c r="CW25" s="345">
        <v>60245672</v>
      </c>
      <c r="CX25" s="341">
        <v>323614</v>
      </c>
      <c r="CY25" s="342">
        <v>1597178</v>
      </c>
      <c r="CZ25" s="343">
        <v>1920792</v>
      </c>
      <c r="DA25" s="341">
        <v>0</v>
      </c>
      <c r="DB25" s="342">
        <v>6374314</v>
      </c>
      <c r="DC25" s="342">
        <v>6073141</v>
      </c>
      <c r="DD25" s="342">
        <v>3105338</v>
      </c>
      <c r="DE25" s="342">
        <v>3391881</v>
      </c>
      <c r="DF25" s="342">
        <v>1326549</v>
      </c>
      <c r="DG25" s="343">
        <v>20271223</v>
      </c>
      <c r="DH25" s="345">
        <v>22192015</v>
      </c>
      <c r="DI25" s="341">
        <v>0</v>
      </c>
      <c r="DJ25" s="342">
        <v>105615</v>
      </c>
      <c r="DK25" s="346">
        <v>105615</v>
      </c>
      <c r="DL25" s="347">
        <v>0</v>
      </c>
      <c r="DM25" s="342">
        <v>2683561</v>
      </c>
      <c r="DN25" s="342">
        <v>3961172</v>
      </c>
      <c r="DO25" s="342">
        <v>10214230</v>
      </c>
      <c r="DP25" s="342">
        <v>7799032</v>
      </c>
      <c r="DQ25" s="342">
        <v>4208511</v>
      </c>
      <c r="DR25" s="343">
        <v>28866506</v>
      </c>
      <c r="DS25" s="345">
        <v>28972121</v>
      </c>
      <c r="DT25" s="341">
        <v>0</v>
      </c>
      <c r="DU25" s="342">
        <v>105615</v>
      </c>
      <c r="DV25" s="343">
        <v>105615</v>
      </c>
      <c r="DW25" s="341">
        <v>0</v>
      </c>
      <c r="DX25" s="342">
        <v>2595506</v>
      </c>
      <c r="DY25" s="342">
        <v>3630211</v>
      </c>
      <c r="DZ25" s="342">
        <v>9793576</v>
      </c>
      <c r="EA25" s="342">
        <v>7019546</v>
      </c>
      <c r="EB25" s="342">
        <v>3739072</v>
      </c>
      <c r="EC25" s="343">
        <v>26777911</v>
      </c>
      <c r="ED25" s="345">
        <v>26883526</v>
      </c>
      <c r="EE25" s="341">
        <v>0</v>
      </c>
      <c r="EF25" s="346">
        <v>0</v>
      </c>
      <c r="EG25" s="343">
        <v>0</v>
      </c>
      <c r="EH25" s="341">
        <v>0</v>
      </c>
      <c r="EI25" s="342">
        <v>88055</v>
      </c>
      <c r="EJ25" s="342">
        <v>330961</v>
      </c>
      <c r="EK25" s="342">
        <v>420654</v>
      </c>
      <c r="EL25" s="342">
        <v>779486</v>
      </c>
      <c r="EM25" s="342">
        <v>469439</v>
      </c>
      <c r="EN25" s="346">
        <v>2088595</v>
      </c>
      <c r="EO25" s="345">
        <v>2088595</v>
      </c>
      <c r="EP25" s="341">
        <v>0</v>
      </c>
      <c r="EQ25" s="342">
        <v>0</v>
      </c>
      <c r="ER25" s="346">
        <v>0</v>
      </c>
      <c r="ES25" s="347">
        <v>0</v>
      </c>
      <c r="ET25" s="342">
        <v>0</v>
      </c>
      <c r="EU25" s="342">
        <v>0</v>
      </c>
      <c r="EV25" s="342">
        <v>0</v>
      </c>
      <c r="EW25" s="342">
        <v>0</v>
      </c>
      <c r="EX25" s="342">
        <v>0</v>
      </c>
      <c r="EY25" s="343">
        <v>0</v>
      </c>
      <c r="EZ25" s="345">
        <v>0</v>
      </c>
      <c r="FA25" s="341">
        <v>0</v>
      </c>
      <c r="FB25" s="342">
        <v>0</v>
      </c>
      <c r="FC25" s="346">
        <v>0</v>
      </c>
      <c r="FD25" s="347">
        <v>0</v>
      </c>
      <c r="FE25" s="342">
        <v>0</v>
      </c>
      <c r="FF25" s="342">
        <v>0</v>
      </c>
      <c r="FG25" s="342">
        <v>0</v>
      </c>
      <c r="FH25" s="342">
        <v>0</v>
      </c>
      <c r="FI25" s="342">
        <v>0</v>
      </c>
      <c r="FJ25" s="343">
        <v>0</v>
      </c>
      <c r="FK25" s="345">
        <v>0</v>
      </c>
      <c r="FL25" s="341">
        <v>1478624</v>
      </c>
      <c r="FM25" s="342">
        <v>3104755</v>
      </c>
      <c r="FN25" s="343">
        <v>4583379</v>
      </c>
      <c r="FO25" s="341">
        <v>0</v>
      </c>
      <c r="FP25" s="342">
        <v>6406939</v>
      </c>
      <c r="FQ25" s="342">
        <v>7732930</v>
      </c>
      <c r="FR25" s="342">
        <v>6033621</v>
      </c>
      <c r="FS25" s="342">
        <v>5551679</v>
      </c>
      <c r="FT25" s="342">
        <v>3405968</v>
      </c>
      <c r="FU25" s="343">
        <v>29131137</v>
      </c>
      <c r="FV25" s="345">
        <v>33714516</v>
      </c>
      <c r="FW25" s="348">
        <v>782024</v>
      </c>
      <c r="FX25" s="342">
        <v>2289127</v>
      </c>
      <c r="FY25" s="346">
        <v>3071151</v>
      </c>
      <c r="FZ25" s="347">
        <v>0</v>
      </c>
      <c r="GA25" s="342">
        <v>5382768</v>
      </c>
      <c r="GB25" s="342">
        <v>7036637</v>
      </c>
      <c r="GC25" s="342">
        <v>5553102</v>
      </c>
      <c r="GD25" s="342">
        <v>5280914</v>
      </c>
      <c r="GE25" s="342">
        <v>3248068</v>
      </c>
      <c r="GF25" s="343">
        <v>26501489</v>
      </c>
      <c r="GG25" s="349">
        <v>29572640</v>
      </c>
      <c r="GH25" s="348">
        <v>16200</v>
      </c>
      <c r="GI25" s="342">
        <v>128208</v>
      </c>
      <c r="GJ25" s="346">
        <v>144408</v>
      </c>
      <c r="GK25" s="347">
        <v>0</v>
      </c>
      <c r="GL25" s="342">
        <v>116361</v>
      </c>
      <c r="GM25" s="342">
        <v>400518</v>
      </c>
      <c r="GN25" s="342">
        <v>136584</v>
      </c>
      <c r="GO25" s="342">
        <v>52965</v>
      </c>
      <c r="GP25" s="342">
        <v>0</v>
      </c>
      <c r="GQ25" s="343">
        <v>706428</v>
      </c>
      <c r="GR25" s="345">
        <v>850836</v>
      </c>
      <c r="GS25" s="341">
        <v>680400</v>
      </c>
      <c r="GT25" s="342">
        <v>687420</v>
      </c>
      <c r="GU25" s="343">
        <v>1367820</v>
      </c>
      <c r="GV25" s="341">
        <v>0</v>
      </c>
      <c r="GW25" s="342">
        <v>907810</v>
      </c>
      <c r="GX25" s="342">
        <v>295775</v>
      </c>
      <c r="GY25" s="342">
        <v>343935</v>
      </c>
      <c r="GZ25" s="342">
        <v>217800</v>
      </c>
      <c r="HA25" s="342">
        <v>157900</v>
      </c>
      <c r="HB25" s="346">
        <v>1923220</v>
      </c>
      <c r="HC25" s="345">
        <v>3291040</v>
      </c>
      <c r="HD25" s="341">
        <v>743210</v>
      </c>
      <c r="HE25" s="342">
        <v>936385</v>
      </c>
      <c r="HF25" s="346">
        <v>1679595</v>
      </c>
      <c r="HG25" s="347">
        <v>0</v>
      </c>
      <c r="HH25" s="342">
        <v>12257904</v>
      </c>
      <c r="HI25" s="342">
        <v>9246898</v>
      </c>
      <c r="HJ25" s="342">
        <v>12276730</v>
      </c>
      <c r="HK25" s="342">
        <v>13029726</v>
      </c>
      <c r="HL25" s="342">
        <v>6810278</v>
      </c>
      <c r="HM25" s="343">
        <v>53621536</v>
      </c>
      <c r="HN25" s="344">
        <v>55301131</v>
      </c>
      <c r="HO25" s="348">
        <v>945116</v>
      </c>
      <c r="HP25" s="342">
        <v>2106653</v>
      </c>
      <c r="HQ25" s="343">
        <v>3051769</v>
      </c>
      <c r="HR25" s="341">
        <v>0</v>
      </c>
      <c r="HS25" s="342">
        <v>14966968</v>
      </c>
      <c r="HT25" s="342">
        <v>9679148</v>
      </c>
      <c r="HU25" s="342">
        <v>7026989</v>
      </c>
      <c r="HV25" s="342">
        <v>4799739</v>
      </c>
      <c r="HW25" s="342">
        <v>2723130</v>
      </c>
      <c r="HX25" s="346">
        <v>39195974</v>
      </c>
      <c r="HY25" s="345">
        <v>42247743</v>
      </c>
      <c r="HZ25" s="350">
        <v>0</v>
      </c>
      <c r="IA25" s="351">
        <v>65135</v>
      </c>
      <c r="IB25" s="352">
        <v>65135</v>
      </c>
      <c r="IC25" s="353">
        <v>0</v>
      </c>
      <c r="ID25" s="351">
        <v>13179155</v>
      </c>
      <c r="IE25" s="354">
        <v>14782151</v>
      </c>
      <c r="IF25" s="352">
        <v>23721754</v>
      </c>
      <c r="IG25" s="351">
        <v>7021326</v>
      </c>
      <c r="IH25" s="352">
        <v>7617658</v>
      </c>
      <c r="II25" s="355">
        <v>66322044</v>
      </c>
      <c r="IJ25" s="356">
        <v>66387179</v>
      </c>
      <c r="IK25" s="357">
        <v>0</v>
      </c>
      <c r="IL25" s="358">
        <v>0</v>
      </c>
      <c r="IM25" s="359">
        <v>0</v>
      </c>
      <c r="IN25" s="436">
        <v>0</v>
      </c>
      <c r="IO25" s="360">
        <v>90882</v>
      </c>
      <c r="IP25" s="360">
        <v>31140</v>
      </c>
      <c r="IQ25" s="360">
        <v>0</v>
      </c>
      <c r="IR25" s="360">
        <v>0</v>
      </c>
      <c r="IS25" s="360">
        <v>261743</v>
      </c>
      <c r="IT25" s="361">
        <v>383765</v>
      </c>
      <c r="IU25" s="362">
        <v>383765</v>
      </c>
      <c r="IV25" s="363">
        <v>0</v>
      </c>
      <c r="IW25" s="360">
        <v>0</v>
      </c>
      <c r="IX25" s="364">
        <v>0</v>
      </c>
      <c r="IY25" s="439">
        <v>0</v>
      </c>
      <c r="IZ25" s="360">
        <v>0</v>
      </c>
      <c r="JA25" s="360">
        <v>0</v>
      </c>
      <c r="JB25" s="360">
        <v>0</v>
      </c>
      <c r="JC25" s="360">
        <v>0</v>
      </c>
      <c r="JD25" s="360">
        <v>0</v>
      </c>
      <c r="JE25" s="364">
        <v>0</v>
      </c>
      <c r="JF25" s="365">
        <v>0</v>
      </c>
      <c r="JG25" s="363">
        <v>0</v>
      </c>
      <c r="JH25" s="360">
        <v>0</v>
      </c>
      <c r="JI25" s="361">
        <v>0</v>
      </c>
      <c r="JJ25" s="366">
        <v>0</v>
      </c>
      <c r="JK25" s="360">
        <v>6843631</v>
      </c>
      <c r="JL25" s="360">
        <v>5010220</v>
      </c>
      <c r="JM25" s="360">
        <v>4800266</v>
      </c>
      <c r="JN25" s="360">
        <v>2042774</v>
      </c>
      <c r="JO25" s="360">
        <v>524737</v>
      </c>
      <c r="JP25" s="364">
        <v>19221628</v>
      </c>
      <c r="JQ25" s="362">
        <v>19221628</v>
      </c>
      <c r="JR25" s="363">
        <v>0</v>
      </c>
      <c r="JS25" s="360">
        <v>0</v>
      </c>
      <c r="JT25" s="361">
        <v>0</v>
      </c>
      <c r="JU25" s="366">
        <v>0</v>
      </c>
      <c r="JV25" s="360">
        <v>296165</v>
      </c>
      <c r="JW25" s="360">
        <v>46616</v>
      </c>
      <c r="JX25" s="360">
        <v>416231</v>
      </c>
      <c r="JY25" s="360">
        <v>173823</v>
      </c>
      <c r="JZ25" s="360">
        <v>285881</v>
      </c>
      <c r="KA25" s="364">
        <v>1218716</v>
      </c>
      <c r="KB25" s="362">
        <v>1218716</v>
      </c>
      <c r="KC25" s="367">
        <v>0</v>
      </c>
      <c r="KD25" s="368">
        <v>65135</v>
      </c>
      <c r="KE25" s="364">
        <v>65135</v>
      </c>
      <c r="KF25" s="366">
        <v>0</v>
      </c>
      <c r="KG25" s="360">
        <v>2407839</v>
      </c>
      <c r="KH25" s="360">
        <v>2139963</v>
      </c>
      <c r="KI25" s="360">
        <v>2922423</v>
      </c>
      <c r="KJ25" s="360">
        <v>951623</v>
      </c>
      <c r="KK25" s="360">
        <v>908820</v>
      </c>
      <c r="KL25" s="364">
        <v>9330668</v>
      </c>
      <c r="KM25" s="369">
        <v>9395803</v>
      </c>
      <c r="KN25" s="357">
        <v>0</v>
      </c>
      <c r="KO25" s="358">
        <v>0</v>
      </c>
      <c r="KP25" s="359">
        <v>0</v>
      </c>
      <c r="KQ25" s="439">
        <v>0</v>
      </c>
      <c r="KR25" s="360">
        <v>3540638</v>
      </c>
      <c r="KS25" s="360">
        <v>7554212</v>
      </c>
      <c r="KT25" s="360">
        <v>15582834</v>
      </c>
      <c r="KU25" s="360">
        <v>3853106</v>
      </c>
      <c r="KV25" s="360">
        <v>5636477</v>
      </c>
      <c r="KW25" s="364">
        <v>36167267</v>
      </c>
      <c r="KX25" s="362">
        <v>36167267</v>
      </c>
      <c r="KY25" s="363">
        <v>0</v>
      </c>
      <c r="KZ25" s="360">
        <v>0</v>
      </c>
      <c r="LA25" s="364">
        <v>0</v>
      </c>
      <c r="LB25" s="439">
        <v>0</v>
      </c>
      <c r="LC25" s="360">
        <v>0</v>
      </c>
      <c r="LD25" s="360">
        <v>0</v>
      </c>
      <c r="LE25" s="360">
        <v>0</v>
      </c>
      <c r="LF25" s="360">
        <v>0</v>
      </c>
      <c r="LG25" s="360">
        <v>0</v>
      </c>
      <c r="LH25" s="364">
        <v>0</v>
      </c>
      <c r="LI25" s="365">
        <v>0</v>
      </c>
      <c r="LJ25" s="363">
        <v>0</v>
      </c>
      <c r="LK25" s="360">
        <v>0</v>
      </c>
      <c r="LL25" s="364">
        <v>0</v>
      </c>
      <c r="LM25" s="439">
        <v>0</v>
      </c>
      <c r="LN25" s="360">
        <v>0</v>
      </c>
      <c r="LO25" s="360">
        <v>0</v>
      </c>
      <c r="LP25" s="360">
        <v>0</v>
      </c>
      <c r="LQ25" s="360">
        <v>0</v>
      </c>
      <c r="LR25" s="360">
        <v>0</v>
      </c>
      <c r="LS25" s="364">
        <v>0</v>
      </c>
      <c r="LT25" s="362">
        <v>0</v>
      </c>
      <c r="LU25" s="363">
        <v>0</v>
      </c>
      <c r="LV25" s="360">
        <v>0</v>
      </c>
      <c r="LW25" s="364">
        <v>0</v>
      </c>
      <c r="LX25" s="439">
        <v>0</v>
      </c>
      <c r="LY25" s="360">
        <v>0</v>
      </c>
      <c r="LZ25" s="360">
        <v>0</v>
      </c>
      <c r="MA25" s="360">
        <v>0</v>
      </c>
      <c r="MB25" s="360">
        <v>0</v>
      </c>
      <c r="MC25" s="360">
        <v>0</v>
      </c>
      <c r="MD25" s="364">
        <v>0</v>
      </c>
      <c r="ME25" s="365">
        <v>0</v>
      </c>
      <c r="MF25" s="363">
        <v>0</v>
      </c>
      <c r="MG25" s="360">
        <v>0</v>
      </c>
      <c r="MH25" s="364">
        <v>0</v>
      </c>
      <c r="MI25" s="439">
        <v>0</v>
      </c>
      <c r="MJ25" s="360">
        <v>5602699</v>
      </c>
      <c r="MK25" s="360">
        <v>16279631</v>
      </c>
      <c r="ML25" s="360">
        <v>49315959</v>
      </c>
      <c r="MM25" s="360">
        <v>78677009</v>
      </c>
      <c r="MN25" s="360">
        <v>38378200</v>
      </c>
      <c r="MO25" s="364">
        <v>188253498</v>
      </c>
      <c r="MP25" s="369">
        <v>188253498</v>
      </c>
      <c r="MQ25" s="363">
        <v>0</v>
      </c>
      <c r="MR25" s="360">
        <v>0</v>
      </c>
      <c r="MS25" s="364">
        <v>0</v>
      </c>
      <c r="MT25" s="439">
        <v>0</v>
      </c>
      <c r="MU25" s="360">
        <v>1103514</v>
      </c>
      <c r="MV25" s="360">
        <v>6770286</v>
      </c>
      <c r="MW25" s="360">
        <v>38557935</v>
      </c>
      <c r="MX25" s="360">
        <v>61776130</v>
      </c>
      <c r="MY25" s="360">
        <v>30773476</v>
      </c>
      <c r="MZ25" s="364">
        <v>138981341</v>
      </c>
      <c r="NA25" s="369">
        <v>138981341</v>
      </c>
      <c r="NB25" s="363">
        <v>0</v>
      </c>
      <c r="NC25" s="360">
        <v>0</v>
      </c>
      <c r="ND25" s="364">
        <v>0</v>
      </c>
      <c r="NE25" s="439">
        <v>0</v>
      </c>
      <c r="NF25" s="360">
        <v>4499185</v>
      </c>
      <c r="NG25" s="360">
        <v>9509345</v>
      </c>
      <c r="NH25" s="360">
        <v>10758024</v>
      </c>
      <c r="NI25" s="360">
        <v>15570462</v>
      </c>
      <c r="NJ25" s="360">
        <v>6193676</v>
      </c>
      <c r="NK25" s="364">
        <v>46530692</v>
      </c>
      <c r="NL25" s="362">
        <v>46530692</v>
      </c>
      <c r="NM25" s="363">
        <v>0</v>
      </c>
      <c r="NN25" s="360">
        <v>0</v>
      </c>
      <c r="NO25" s="364">
        <v>0</v>
      </c>
      <c r="NP25" s="439">
        <v>0</v>
      </c>
      <c r="NQ25" s="360">
        <v>0</v>
      </c>
      <c r="NR25" s="360">
        <v>0</v>
      </c>
      <c r="NS25" s="360">
        <v>0</v>
      </c>
      <c r="NT25" s="360">
        <v>610368</v>
      </c>
      <c r="NU25" s="360">
        <v>0</v>
      </c>
      <c r="NV25" s="364">
        <v>610368</v>
      </c>
      <c r="NW25" s="365">
        <v>610368</v>
      </c>
      <c r="NX25" s="363">
        <v>0</v>
      </c>
      <c r="NY25" s="360">
        <v>0</v>
      </c>
      <c r="NZ25" s="364">
        <v>0</v>
      </c>
      <c r="OA25" s="439">
        <v>0</v>
      </c>
      <c r="OB25" s="360">
        <v>0</v>
      </c>
      <c r="OC25" s="360">
        <v>0</v>
      </c>
      <c r="OD25" s="360">
        <v>0</v>
      </c>
      <c r="OE25" s="360">
        <v>720049</v>
      </c>
      <c r="OF25" s="360">
        <v>1411048</v>
      </c>
      <c r="OG25" s="364">
        <v>2131097</v>
      </c>
      <c r="OH25" s="365">
        <v>2131097</v>
      </c>
      <c r="OI25" s="363">
        <v>4967184</v>
      </c>
      <c r="OJ25" s="360">
        <v>12219812</v>
      </c>
      <c r="OK25" s="361">
        <v>17186996</v>
      </c>
      <c r="OL25" s="366">
        <v>0</v>
      </c>
      <c r="OM25" s="360">
        <v>105494360</v>
      </c>
      <c r="ON25" s="360">
        <v>110991516</v>
      </c>
      <c r="OO25" s="360">
        <v>150421290</v>
      </c>
      <c r="OP25" s="360">
        <v>151078217</v>
      </c>
      <c r="OQ25" s="360">
        <v>89547954</v>
      </c>
      <c r="OR25" s="364">
        <v>607533337</v>
      </c>
      <c r="OS25" s="369">
        <v>624720333</v>
      </c>
    </row>
    <row r="26" spans="2:409" s="137" customFormat="1" ht="21" customHeight="1" x14ac:dyDescent="0.2">
      <c r="B26" s="421" t="s">
        <v>21</v>
      </c>
      <c r="C26" s="341">
        <v>6623474</v>
      </c>
      <c r="D26" s="342">
        <v>12187577</v>
      </c>
      <c r="E26" s="343">
        <v>18811051</v>
      </c>
      <c r="F26" s="344">
        <v>0</v>
      </c>
      <c r="G26" s="342">
        <v>73219889</v>
      </c>
      <c r="H26" s="342">
        <v>103845803</v>
      </c>
      <c r="I26" s="342">
        <v>98389173</v>
      </c>
      <c r="J26" s="342">
        <v>72213888</v>
      </c>
      <c r="K26" s="342">
        <v>56395216</v>
      </c>
      <c r="L26" s="382">
        <v>404063969</v>
      </c>
      <c r="M26" s="345">
        <v>422875020</v>
      </c>
      <c r="N26" s="341">
        <v>2093957</v>
      </c>
      <c r="O26" s="342">
        <v>4521195</v>
      </c>
      <c r="P26" s="343">
        <v>6615152</v>
      </c>
      <c r="Q26" s="341">
        <v>0</v>
      </c>
      <c r="R26" s="342">
        <v>23004145</v>
      </c>
      <c r="S26" s="342">
        <v>37223678</v>
      </c>
      <c r="T26" s="342">
        <v>38002319</v>
      </c>
      <c r="U26" s="342">
        <v>31738127</v>
      </c>
      <c r="V26" s="342">
        <v>31667416</v>
      </c>
      <c r="W26" s="343">
        <v>161635685</v>
      </c>
      <c r="X26" s="345">
        <v>168250837</v>
      </c>
      <c r="Y26" s="341">
        <v>0</v>
      </c>
      <c r="Z26" s="342">
        <v>0</v>
      </c>
      <c r="AA26" s="343">
        <v>0</v>
      </c>
      <c r="AB26" s="341">
        <v>0</v>
      </c>
      <c r="AC26" s="342">
        <v>10391722</v>
      </c>
      <c r="AD26" s="342">
        <v>18806582</v>
      </c>
      <c r="AE26" s="342">
        <v>23387526</v>
      </c>
      <c r="AF26" s="342">
        <v>19331006</v>
      </c>
      <c r="AG26" s="342">
        <v>20609953</v>
      </c>
      <c r="AH26" s="343">
        <v>92526789</v>
      </c>
      <c r="AI26" s="345">
        <v>92526789</v>
      </c>
      <c r="AJ26" s="341">
        <v>0</v>
      </c>
      <c r="AK26" s="342">
        <v>0</v>
      </c>
      <c r="AL26" s="343">
        <v>0</v>
      </c>
      <c r="AM26" s="341">
        <v>0</v>
      </c>
      <c r="AN26" s="342">
        <v>44965</v>
      </c>
      <c r="AO26" s="342">
        <v>239031</v>
      </c>
      <c r="AP26" s="342">
        <v>635252</v>
      </c>
      <c r="AQ26" s="342">
        <v>1838190</v>
      </c>
      <c r="AR26" s="342">
        <v>2873960</v>
      </c>
      <c r="AS26" s="343">
        <v>5631398</v>
      </c>
      <c r="AT26" s="345">
        <v>5631398</v>
      </c>
      <c r="AU26" s="341">
        <v>1101494</v>
      </c>
      <c r="AV26" s="342">
        <v>3091758</v>
      </c>
      <c r="AW26" s="343">
        <v>4193252</v>
      </c>
      <c r="AX26" s="341">
        <v>0</v>
      </c>
      <c r="AY26" s="342">
        <v>8150788</v>
      </c>
      <c r="AZ26" s="342">
        <v>12107288</v>
      </c>
      <c r="BA26" s="342">
        <v>8036956</v>
      </c>
      <c r="BB26" s="342">
        <v>6441178</v>
      </c>
      <c r="BC26" s="342">
        <v>4776445</v>
      </c>
      <c r="BD26" s="343">
        <v>39512655</v>
      </c>
      <c r="BE26" s="345">
        <v>43705907</v>
      </c>
      <c r="BF26" s="341">
        <v>393306</v>
      </c>
      <c r="BG26" s="342">
        <v>964143</v>
      </c>
      <c r="BH26" s="346">
        <v>1357449</v>
      </c>
      <c r="BI26" s="347">
        <v>0</v>
      </c>
      <c r="BJ26" s="342">
        <v>906719</v>
      </c>
      <c r="BK26" s="342">
        <v>1617312</v>
      </c>
      <c r="BL26" s="342">
        <v>953368</v>
      </c>
      <c r="BM26" s="342">
        <v>637229</v>
      </c>
      <c r="BN26" s="342">
        <v>199119</v>
      </c>
      <c r="BO26" s="343">
        <v>4313747</v>
      </c>
      <c r="BP26" s="345">
        <v>5671196</v>
      </c>
      <c r="BQ26" s="341">
        <v>599157</v>
      </c>
      <c r="BR26" s="342">
        <v>465294</v>
      </c>
      <c r="BS26" s="343">
        <v>1064451</v>
      </c>
      <c r="BT26" s="341">
        <v>0</v>
      </c>
      <c r="BU26" s="342">
        <v>3509951</v>
      </c>
      <c r="BV26" s="342">
        <v>4453465</v>
      </c>
      <c r="BW26" s="342">
        <v>4989217</v>
      </c>
      <c r="BX26" s="342">
        <v>3490524</v>
      </c>
      <c r="BY26" s="342">
        <v>3207939</v>
      </c>
      <c r="BZ26" s="343">
        <v>19651096</v>
      </c>
      <c r="CA26" s="345">
        <v>20715547</v>
      </c>
      <c r="CB26" s="341">
        <v>486944</v>
      </c>
      <c r="CC26" s="342">
        <v>1494512</v>
      </c>
      <c r="CD26" s="343">
        <v>1981456</v>
      </c>
      <c r="CE26" s="341">
        <v>0</v>
      </c>
      <c r="CF26" s="342">
        <v>20827507</v>
      </c>
      <c r="CG26" s="342">
        <v>27449351</v>
      </c>
      <c r="CH26" s="342">
        <v>22393506</v>
      </c>
      <c r="CI26" s="342">
        <v>9916356</v>
      </c>
      <c r="CJ26" s="342">
        <v>3623973</v>
      </c>
      <c r="CK26" s="343">
        <v>84210693</v>
      </c>
      <c r="CL26" s="345">
        <v>86192149</v>
      </c>
      <c r="CM26" s="341">
        <v>0</v>
      </c>
      <c r="CN26" s="342">
        <v>0</v>
      </c>
      <c r="CO26" s="343">
        <v>0</v>
      </c>
      <c r="CP26" s="347">
        <v>0</v>
      </c>
      <c r="CQ26" s="342">
        <v>17973760</v>
      </c>
      <c r="CR26" s="342">
        <v>24000810</v>
      </c>
      <c r="CS26" s="342">
        <v>19557722</v>
      </c>
      <c r="CT26" s="342">
        <v>8316632</v>
      </c>
      <c r="CU26" s="342">
        <v>3058990</v>
      </c>
      <c r="CV26" s="343">
        <v>72907914</v>
      </c>
      <c r="CW26" s="345">
        <v>72907914</v>
      </c>
      <c r="CX26" s="341">
        <v>486944</v>
      </c>
      <c r="CY26" s="342">
        <v>1494512</v>
      </c>
      <c r="CZ26" s="343">
        <v>1981456</v>
      </c>
      <c r="DA26" s="341">
        <v>0</v>
      </c>
      <c r="DB26" s="342">
        <v>2853747</v>
      </c>
      <c r="DC26" s="342">
        <v>3448541</v>
      </c>
      <c r="DD26" s="342">
        <v>2835784</v>
      </c>
      <c r="DE26" s="342">
        <v>1599724</v>
      </c>
      <c r="DF26" s="342">
        <v>564983</v>
      </c>
      <c r="DG26" s="343">
        <v>11302779</v>
      </c>
      <c r="DH26" s="345">
        <v>13284235</v>
      </c>
      <c r="DI26" s="341">
        <v>0</v>
      </c>
      <c r="DJ26" s="342">
        <v>164649</v>
      </c>
      <c r="DK26" s="346">
        <v>164649</v>
      </c>
      <c r="DL26" s="347">
        <v>0</v>
      </c>
      <c r="DM26" s="342">
        <v>1711160</v>
      </c>
      <c r="DN26" s="342">
        <v>4295218</v>
      </c>
      <c r="DO26" s="342">
        <v>9509373</v>
      </c>
      <c r="DP26" s="342">
        <v>7193150</v>
      </c>
      <c r="DQ26" s="342">
        <v>4305329</v>
      </c>
      <c r="DR26" s="343">
        <v>27014230</v>
      </c>
      <c r="DS26" s="345">
        <v>27178879</v>
      </c>
      <c r="DT26" s="341">
        <v>0</v>
      </c>
      <c r="DU26" s="342">
        <v>86758</v>
      </c>
      <c r="DV26" s="343">
        <v>86758</v>
      </c>
      <c r="DW26" s="341">
        <v>0</v>
      </c>
      <c r="DX26" s="342">
        <v>1688679</v>
      </c>
      <c r="DY26" s="342">
        <v>3860534</v>
      </c>
      <c r="DZ26" s="342">
        <v>9043860</v>
      </c>
      <c r="EA26" s="342">
        <v>6998759</v>
      </c>
      <c r="EB26" s="342">
        <v>4305329</v>
      </c>
      <c r="EC26" s="343">
        <v>25897161</v>
      </c>
      <c r="ED26" s="345">
        <v>25983919</v>
      </c>
      <c r="EE26" s="341">
        <v>0</v>
      </c>
      <c r="EF26" s="346">
        <v>77891</v>
      </c>
      <c r="EG26" s="343">
        <v>77891</v>
      </c>
      <c r="EH26" s="341">
        <v>0</v>
      </c>
      <c r="EI26" s="342">
        <v>22481</v>
      </c>
      <c r="EJ26" s="342">
        <v>434684</v>
      </c>
      <c r="EK26" s="342">
        <v>465513</v>
      </c>
      <c r="EL26" s="342">
        <v>194391</v>
      </c>
      <c r="EM26" s="342">
        <v>0</v>
      </c>
      <c r="EN26" s="346">
        <v>1117069</v>
      </c>
      <c r="EO26" s="345">
        <v>1194960</v>
      </c>
      <c r="EP26" s="341">
        <v>0</v>
      </c>
      <c r="EQ26" s="342">
        <v>0</v>
      </c>
      <c r="ER26" s="346">
        <v>0</v>
      </c>
      <c r="ES26" s="347">
        <v>0</v>
      </c>
      <c r="ET26" s="342">
        <v>0</v>
      </c>
      <c r="EU26" s="342">
        <v>0</v>
      </c>
      <c r="EV26" s="342">
        <v>0</v>
      </c>
      <c r="EW26" s="342">
        <v>0</v>
      </c>
      <c r="EX26" s="342">
        <v>0</v>
      </c>
      <c r="EY26" s="343">
        <v>0</v>
      </c>
      <c r="EZ26" s="345">
        <v>0</v>
      </c>
      <c r="FA26" s="341">
        <v>0</v>
      </c>
      <c r="FB26" s="342">
        <v>0</v>
      </c>
      <c r="FC26" s="346">
        <v>0</v>
      </c>
      <c r="FD26" s="347">
        <v>0</v>
      </c>
      <c r="FE26" s="342">
        <v>0</v>
      </c>
      <c r="FF26" s="342">
        <v>0</v>
      </c>
      <c r="FG26" s="342">
        <v>0</v>
      </c>
      <c r="FH26" s="342">
        <v>0</v>
      </c>
      <c r="FI26" s="342">
        <v>0</v>
      </c>
      <c r="FJ26" s="343">
        <v>0</v>
      </c>
      <c r="FK26" s="345">
        <v>0</v>
      </c>
      <c r="FL26" s="341">
        <v>1645412</v>
      </c>
      <c r="FM26" s="342">
        <v>2651173</v>
      </c>
      <c r="FN26" s="343">
        <v>4296585</v>
      </c>
      <c r="FO26" s="341">
        <v>0</v>
      </c>
      <c r="FP26" s="342">
        <v>3870666</v>
      </c>
      <c r="FQ26" s="342">
        <v>9072411</v>
      </c>
      <c r="FR26" s="342">
        <v>7384182</v>
      </c>
      <c r="FS26" s="342">
        <v>6066655</v>
      </c>
      <c r="FT26" s="342">
        <v>3795252</v>
      </c>
      <c r="FU26" s="343">
        <v>30189166</v>
      </c>
      <c r="FV26" s="345">
        <v>34485751</v>
      </c>
      <c r="FW26" s="348">
        <v>1135610</v>
      </c>
      <c r="FX26" s="342">
        <v>2167268</v>
      </c>
      <c r="FY26" s="346">
        <v>3302878</v>
      </c>
      <c r="FZ26" s="347">
        <v>0</v>
      </c>
      <c r="GA26" s="342">
        <v>3124469</v>
      </c>
      <c r="GB26" s="342">
        <v>9048866</v>
      </c>
      <c r="GC26" s="342">
        <v>7139954</v>
      </c>
      <c r="GD26" s="342">
        <v>5908368</v>
      </c>
      <c r="GE26" s="342">
        <v>3795252</v>
      </c>
      <c r="GF26" s="343">
        <v>29016909</v>
      </c>
      <c r="GG26" s="349">
        <v>32319787</v>
      </c>
      <c r="GH26" s="348">
        <v>36762</v>
      </c>
      <c r="GI26" s="342">
        <v>46505</v>
      </c>
      <c r="GJ26" s="346">
        <v>83267</v>
      </c>
      <c r="GK26" s="347">
        <v>0</v>
      </c>
      <c r="GL26" s="342">
        <v>147078</v>
      </c>
      <c r="GM26" s="342">
        <v>23545</v>
      </c>
      <c r="GN26" s="342">
        <v>69165</v>
      </c>
      <c r="GO26" s="342">
        <v>158287</v>
      </c>
      <c r="GP26" s="342">
        <v>0</v>
      </c>
      <c r="GQ26" s="343">
        <v>398075</v>
      </c>
      <c r="GR26" s="345">
        <v>481342</v>
      </c>
      <c r="GS26" s="341">
        <v>473040</v>
      </c>
      <c r="GT26" s="342">
        <v>437400</v>
      </c>
      <c r="GU26" s="343">
        <v>910440</v>
      </c>
      <c r="GV26" s="341">
        <v>0</v>
      </c>
      <c r="GW26" s="342">
        <v>599119</v>
      </c>
      <c r="GX26" s="342">
        <v>0</v>
      </c>
      <c r="GY26" s="342">
        <v>175063</v>
      </c>
      <c r="GZ26" s="342">
        <v>0</v>
      </c>
      <c r="HA26" s="342">
        <v>0</v>
      </c>
      <c r="HB26" s="346">
        <v>774182</v>
      </c>
      <c r="HC26" s="345">
        <v>1684622</v>
      </c>
      <c r="HD26" s="341">
        <v>1039638</v>
      </c>
      <c r="HE26" s="342">
        <v>1333254</v>
      </c>
      <c r="HF26" s="346">
        <v>2372892</v>
      </c>
      <c r="HG26" s="347">
        <v>0</v>
      </c>
      <c r="HH26" s="342">
        <v>11295525</v>
      </c>
      <c r="HI26" s="342">
        <v>12813664</v>
      </c>
      <c r="HJ26" s="342">
        <v>12142046</v>
      </c>
      <c r="HK26" s="342">
        <v>11872518</v>
      </c>
      <c r="HL26" s="342">
        <v>9977492</v>
      </c>
      <c r="HM26" s="343">
        <v>58101245</v>
      </c>
      <c r="HN26" s="344">
        <v>60474137</v>
      </c>
      <c r="HO26" s="348">
        <v>1357523</v>
      </c>
      <c r="HP26" s="342">
        <v>2022794</v>
      </c>
      <c r="HQ26" s="343">
        <v>3380317</v>
      </c>
      <c r="HR26" s="341">
        <v>0</v>
      </c>
      <c r="HS26" s="342">
        <v>12510886</v>
      </c>
      <c r="HT26" s="342">
        <v>12991481</v>
      </c>
      <c r="HU26" s="342">
        <v>8957747</v>
      </c>
      <c r="HV26" s="342">
        <v>5427082</v>
      </c>
      <c r="HW26" s="342">
        <v>3025754</v>
      </c>
      <c r="HX26" s="346">
        <v>42912950</v>
      </c>
      <c r="HY26" s="345">
        <v>46293267</v>
      </c>
      <c r="HZ26" s="373">
        <v>0</v>
      </c>
      <c r="IA26" s="371">
        <v>0</v>
      </c>
      <c r="IB26" s="373">
        <v>0</v>
      </c>
      <c r="IC26" s="370">
        <v>0</v>
      </c>
      <c r="ID26" s="371">
        <v>14519092</v>
      </c>
      <c r="IE26" s="372">
        <v>20894861</v>
      </c>
      <c r="IF26" s="373">
        <v>23799009</v>
      </c>
      <c r="IG26" s="371">
        <v>10469281</v>
      </c>
      <c r="IH26" s="373">
        <v>8212995</v>
      </c>
      <c r="II26" s="374">
        <v>77895238</v>
      </c>
      <c r="IJ26" s="373">
        <v>77895238</v>
      </c>
      <c r="IK26" s="357">
        <v>0</v>
      </c>
      <c r="IL26" s="358">
        <v>0</v>
      </c>
      <c r="IM26" s="359">
        <v>0</v>
      </c>
      <c r="IN26" s="436">
        <v>0</v>
      </c>
      <c r="IO26" s="360">
        <v>53643</v>
      </c>
      <c r="IP26" s="360">
        <v>461005</v>
      </c>
      <c r="IQ26" s="360">
        <v>81999</v>
      </c>
      <c r="IR26" s="360">
        <v>215297</v>
      </c>
      <c r="IS26" s="360">
        <v>261743</v>
      </c>
      <c r="IT26" s="361">
        <v>1073687</v>
      </c>
      <c r="IU26" s="362">
        <v>1073687</v>
      </c>
      <c r="IV26" s="363">
        <v>0</v>
      </c>
      <c r="IW26" s="360">
        <v>0</v>
      </c>
      <c r="IX26" s="364">
        <v>0</v>
      </c>
      <c r="IY26" s="439">
        <v>0</v>
      </c>
      <c r="IZ26" s="360">
        <v>0</v>
      </c>
      <c r="JA26" s="360">
        <v>0</v>
      </c>
      <c r="JB26" s="360">
        <v>0</v>
      </c>
      <c r="JC26" s="360">
        <v>0</v>
      </c>
      <c r="JD26" s="360">
        <v>0</v>
      </c>
      <c r="JE26" s="364">
        <v>0</v>
      </c>
      <c r="JF26" s="365">
        <v>0</v>
      </c>
      <c r="JG26" s="363">
        <v>0</v>
      </c>
      <c r="JH26" s="360">
        <v>0</v>
      </c>
      <c r="JI26" s="361">
        <v>0</v>
      </c>
      <c r="JJ26" s="366">
        <v>0</v>
      </c>
      <c r="JK26" s="360">
        <v>8697133</v>
      </c>
      <c r="JL26" s="360">
        <v>9504165</v>
      </c>
      <c r="JM26" s="360">
        <v>6755693</v>
      </c>
      <c r="JN26" s="360">
        <v>3352308</v>
      </c>
      <c r="JO26" s="360">
        <v>1040713</v>
      </c>
      <c r="JP26" s="364">
        <v>29350012</v>
      </c>
      <c r="JQ26" s="362">
        <v>29350012</v>
      </c>
      <c r="JR26" s="363">
        <v>0</v>
      </c>
      <c r="JS26" s="360">
        <v>0</v>
      </c>
      <c r="JT26" s="361">
        <v>0</v>
      </c>
      <c r="JU26" s="366">
        <v>0</v>
      </c>
      <c r="JV26" s="360">
        <v>0</v>
      </c>
      <c r="JW26" s="360">
        <v>0</v>
      </c>
      <c r="JX26" s="360">
        <v>0</v>
      </c>
      <c r="JY26" s="360">
        <v>0</v>
      </c>
      <c r="JZ26" s="360">
        <v>0</v>
      </c>
      <c r="KA26" s="364">
        <v>0</v>
      </c>
      <c r="KB26" s="362">
        <v>0</v>
      </c>
      <c r="KC26" s="367">
        <v>0</v>
      </c>
      <c r="KD26" s="368">
        <v>0</v>
      </c>
      <c r="KE26" s="364">
        <v>0</v>
      </c>
      <c r="KF26" s="366">
        <v>0</v>
      </c>
      <c r="KG26" s="360">
        <v>1007187</v>
      </c>
      <c r="KH26" s="360">
        <v>1072773</v>
      </c>
      <c r="KI26" s="360">
        <v>4171987</v>
      </c>
      <c r="KJ26" s="360">
        <v>1463860</v>
      </c>
      <c r="KK26" s="360">
        <v>694282</v>
      </c>
      <c r="KL26" s="364">
        <v>8410089</v>
      </c>
      <c r="KM26" s="369">
        <v>8410089</v>
      </c>
      <c r="KN26" s="357">
        <v>0</v>
      </c>
      <c r="KO26" s="358">
        <v>0</v>
      </c>
      <c r="KP26" s="359">
        <v>0</v>
      </c>
      <c r="KQ26" s="439">
        <v>0</v>
      </c>
      <c r="KR26" s="360">
        <v>4471647</v>
      </c>
      <c r="KS26" s="360">
        <v>9262753</v>
      </c>
      <c r="KT26" s="360">
        <v>11972194</v>
      </c>
      <c r="KU26" s="360">
        <v>5014103</v>
      </c>
      <c r="KV26" s="360">
        <v>4326172</v>
      </c>
      <c r="KW26" s="364">
        <v>35046869</v>
      </c>
      <c r="KX26" s="362">
        <v>35046869</v>
      </c>
      <c r="KY26" s="363">
        <v>0</v>
      </c>
      <c r="KZ26" s="360">
        <v>0</v>
      </c>
      <c r="LA26" s="364">
        <v>0</v>
      </c>
      <c r="LB26" s="439">
        <v>0</v>
      </c>
      <c r="LC26" s="360">
        <v>0</v>
      </c>
      <c r="LD26" s="360">
        <v>0</v>
      </c>
      <c r="LE26" s="360">
        <v>0</v>
      </c>
      <c r="LF26" s="360">
        <v>0</v>
      </c>
      <c r="LG26" s="360">
        <v>0</v>
      </c>
      <c r="LH26" s="364">
        <v>0</v>
      </c>
      <c r="LI26" s="365">
        <v>0</v>
      </c>
      <c r="LJ26" s="363">
        <v>0</v>
      </c>
      <c r="LK26" s="360">
        <v>0</v>
      </c>
      <c r="LL26" s="364">
        <v>0</v>
      </c>
      <c r="LM26" s="439">
        <v>0</v>
      </c>
      <c r="LN26" s="360">
        <v>0</v>
      </c>
      <c r="LO26" s="360">
        <v>0</v>
      </c>
      <c r="LP26" s="360">
        <v>0</v>
      </c>
      <c r="LQ26" s="360">
        <v>0</v>
      </c>
      <c r="LR26" s="360">
        <v>0</v>
      </c>
      <c r="LS26" s="364">
        <v>0</v>
      </c>
      <c r="LT26" s="362">
        <v>0</v>
      </c>
      <c r="LU26" s="363">
        <v>0</v>
      </c>
      <c r="LV26" s="360">
        <v>0</v>
      </c>
      <c r="LW26" s="364">
        <v>0</v>
      </c>
      <c r="LX26" s="439">
        <v>0</v>
      </c>
      <c r="LY26" s="360">
        <v>289482</v>
      </c>
      <c r="LZ26" s="360">
        <v>594165</v>
      </c>
      <c r="MA26" s="360">
        <v>817136</v>
      </c>
      <c r="MB26" s="360">
        <v>423713</v>
      </c>
      <c r="MC26" s="360">
        <v>1890085</v>
      </c>
      <c r="MD26" s="364">
        <v>4014581</v>
      </c>
      <c r="ME26" s="365">
        <v>4014581</v>
      </c>
      <c r="MF26" s="363">
        <v>0</v>
      </c>
      <c r="MG26" s="360">
        <v>0</v>
      </c>
      <c r="MH26" s="364">
        <v>0</v>
      </c>
      <c r="MI26" s="439">
        <v>0</v>
      </c>
      <c r="MJ26" s="360">
        <v>5949054</v>
      </c>
      <c r="MK26" s="360">
        <v>9989127</v>
      </c>
      <c r="ML26" s="360">
        <v>55339723</v>
      </c>
      <c r="MM26" s="360">
        <v>71214977</v>
      </c>
      <c r="MN26" s="360">
        <v>55906413</v>
      </c>
      <c r="MO26" s="364">
        <v>198399294</v>
      </c>
      <c r="MP26" s="369">
        <v>198399294</v>
      </c>
      <c r="MQ26" s="363">
        <v>0</v>
      </c>
      <c r="MR26" s="360">
        <v>0</v>
      </c>
      <c r="MS26" s="364">
        <v>0</v>
      </c>
      <c r="MT26" s="439">
        <v>0</v>
      </c>
      <c r="MU26" s="360">
        <v>866081</v>
      </c>
      <c r="MV26" s="360">
        <v>2855970</v>
      </c>
      <c r="MW26" s="360">
        <v>42541350</v>
      </c>
      <c r="MX26" s="360">
        <v>52298645</v>
      </c>
      <c r="MY26" s="360">
        <v>40963518</v>
      </c>
      <c r="MZ26" s="364">
        <v>139525564</v>
      </c>
      <c r="NA26" s="369">
        <v>139525564</v>
      </c>
      <c r="NB26" s="363">
        <v>0</v>
      </c>
      <c r="NC26" s="360">
        <v>0</v>
      </c>
      <c r="ND26" s="364">
        <v>0</v>
      </c>
      <c r="NE26" s="439">
        <v>0</v>
      </c>
      <c r="NF26" s="360">
        <v>5082973</v>
      </c>
      <c r="NG26" s="360">
        <v>7133157</v>
      </c>
      <c r="NH26" s="360">
        <v>12441540</v>
      </c>
      <c r="NI26" s="360">
        <v>15521633</v>
      </c>
      <c r="NJ26" s="360">
        <v>6623959</v>
      </c>
      <c r="NK26" s="364">
        <v>46803262</v>
      </c>
      <c r="NL26" s="362">
        <v>46803262</v>
      </c>
      <c r="NM26" s="363">
        <v>0</v>
      </c>
      <c r="NN26" s="360">
        <v>0</v>
      </c>
      <c r="NO26" s="364">
        <v>0</v>
      </c>
      <c r="NP26" s="439">
        <v>0</v>
      </c>
      <c r="NQ26" s="360">
        <v>0</v>
      </c>
      <c r="NR26" s="360">
        <v>0</v>
      </c>
      <c r="NS26" s="360">
        <v>0</v>
      </c>
      <c r="NT26" s="360">
        <v>0</v>
      </c>
      <c r="NU26" s="360">
        <v>1308795</v>
      </c>
      <c r="NV26" s="364">
        <v>1308795</v>
      </c>
      <c r="NW26" s="365">
        <v>1308795</v>
      </c>
      <c r="NX26" s="363">
        <v>0</v>
      </c>
      <c r="NY26" s="360">
        <v>0</v>
      </c>
      <c r="NZ26" s="364">
        <v>0</v>
      </c>
      <c r="OA26" s="439">
        <v>0</v>
      </c>
      <c r="OB26" s="360">
        <v>0</v>
      </c>
      <c r="OC26" s="360">
        <v>0</v>
      </c>
      <c r="OD26" s="360">
        <v>356833</v>
      </c>
      <c r="OE26" s="360">
        <v>3394699</v>
      </c>
      <c r="OF26" s="360">
        <v>7010141</v>
      </c>
      <c r="OG26" s="364">
        <v>10761673</v>
      </c>
      <c r="OH26" s="365">
        <v>10761673</v>
      </c>
      <c r="OI26" s="363">
        <v>6623474</v>
      </c>
      <c r="OJ26" s="360">
        <v>12187577</v>
      </c>
      <c r="OK26" s="361">
        <v>18811051</v>
      </c>
      <c r="OL26" s="366">
        <v>0</v>
      </c>
      <c r="OM26" s="360">
        <v>93688035</v>
      </c>
      <c r="ON26" s="360">
        <v>134729791</v>
      </c>
      <c r="OO26" s="360">
        <v>177527905</v>
      </c>
      <c r="OP26" s="360">
        <v>153898146</v>
      </c>
      <c r="OQ26" s="360">
        <v>120514624</v>
      </c>
      <c r="OR26" s="364">
        <v>680358501</v>
      </c>
      <c r="OS26" s="369">
        <v>699169552</v>
      </c>
    </row>
    <row r="27" spans="2:409" s="137" customFormat="1" ht="21" customHeight="1" x14ac:dyDescent="0.2">
      <c r="B27" s="421" t="s">
        <v>22</v>
      </c>
      <c r="C27" s="341">
        <v>1834511</v>
      </c>
      <c r="D27" s="342">
        <v>3566362</v>
      </c>
      <c r="E27" s="343">
        <v>5400873</v>
      </c>
      <c r="F27" s="344">
        <v>0</v>
      </c>
      <c r="G27" s="342">
        <v>24520656</v>
      </c>
      <c r="H27" s="342">
        <v>31364236</v>
      </c>
      <c r="I27" s="342">
        <v>25025930</v>
      </c>
      <c r="J27" s="342">
        <v>24086439</v>
      </c>
      <c r="K27" s="342">
        <v>18689299</v>
      </c>
      <c r="L27" s="382">
        <v>123686560</v>
      </c>
      <c r="M27" s="345">
        <v>129087433</v>
      </c>
      <c r="N27" s="341">
        <v>263824</v>
      </c>
      <c r="O27" s="342">
        <v>523654</v>
      </c>
      <c r="P27" s="343">
        <v>787478</v>
      </c>
      <c r="Q27" s="341">
        <v>0</v>
      </c>
      <c r="R27" s="342">
        <v>5383579</v>
      </c>
      <c r="S27" s="342">
        <v>7892145</v>
      </c>
      <c r="T27" s="342">
        <v>5503265</v>
      </c>
      <c r="U27" s="342">
        <v>7921792</v>
      </c>
      <c r="V27" s="342">
        <v>8173968</v>
      </c>
      <c r="W27" s="343">
        <v>34874749</v>
      </c>
      <c r="X27" s="345">
        <v>35662227</v>
      </c>
      <c r="Y27" s="341">
        <v>0</v>
      </c>
      <c r="Z27" s="342">
        <v>0</v>
      </c>
      <c r="AA27" s="343">
        <v>0</v>
      </c>
      <c r="AB27" s="341">
        <v>0</v>
      </c>
      <c r="AC27" s="342">
        <v>2194081</v>
      </c>
      <c r="AD27" s="342">
        <v>3497094</v>
      </c>
      <c r="AE27" s="342">
        <v>2860916</v>
      </c>
      <c r="AF27" s="342">
        <v>4114999</v>
      </c>
      <c r="AG27" s="342">
        <v>4099985</v>
      </c>
      <c r="AH27" s="343">
        <v>16767075</v>
      </c>
      <c r="AI27" s="345">
        <v>16767075</v>
      </c>
      <c r="AJ27" s="341">
        <v>0</v>
      </c>
      <c r="AK27" s="342">
        <v>10755</v>
      </c>
      <c r="AL27" s="343">
        <v>10755</v>
      </c>
      <c r="AM27" s="341">
        <v>0</v>
      </c>
      <c r="AN27" s="342">
        <v>199179</v>
      </c>
      <c r="AO27" s="342">
        <v>168273</v>
      </c>
      <c r="AP27" s="342">
        <v>174165</v>
      </c>
      <c r="AQ27" s="342">
        <v>542244</v>
      </c>
      <c r="AR27" s="342">
        <v>1284577</v>
      </c>
      <c r="AS27" s="343">
        <v>2368438</v>
      </c>
      <c r="AT27" s="345">
        <v>2379193</v>
      </c>
      <c r="AU27" s="341">
        <v>151056</v>
      </c>
      <c r="AV27" s="342">
        <v>385189</v>
      </c>
      <c r="AW27" s="343">
        <v>536245</v>
      </c>
      <c r="AX27" s="341">
        <v>0</v>
      </c>
      <c r="AY27" s="342">
        <v>1855561</v>
      </c>
      <c r="AZ27" s="342">
        <v>2593076</v>
      </c>
      <c r="BA27" s="342">
        <v>1435768</v>
      </c>
      <c r="BB27" s="342">
        <v>2094303</v>
      </c>
      <c r="BC27" s="342">
        <v>2084792</v>
      </c>
      <c r="BD27" s="343">
        <v>10063500</v>
      </c>
      <c r="BE27" s="345">
        <v>10599745</v>
      </c>
      <c r="BF27" s="341">
        <v>30048</v>
      </c>
      <c r="BG27" s="342">
        <v>33264</v>
      </c>
      <c r="BH27" s="346">
        <v>63312</v>
      </c>
      <c r="BI27" s="347">
        <v>0</v>
      </c>
      <c r="BJ27" s="342">
        <v>394917</v>
      </c>
      <c r="BK27" s="342">
        <v>416466</v>
      </c>
      <c r="BL27" s="342">
        <v>69057</v>
      </c>
      <c r="BM27" s="342">
        <v>290195</v>
      </c>
      <c r="BN27" s="342">
        <v>86487</v>
      </c>
      <c r="BO27" s="343">
        <v>1257122</v>
      </c>
      <c r="BP27" s="345">
        <v>1320434</v>
      </c>
      <c r="BQ27" s="341">
        <v>82720</v>
      </c>
      <c r="BR27" s="342">
        <v>94446</v>
      </c>
      <c r="BS27" s="343">
        <v>177166</v>
      </c>
      <c r="BT27" s="341">
        <v>0</v>
      </c>
      <c r="BU27" s="342">
        <v>739841</v>
      </c>
      <c r="BV27" s="342">
        <v>1217236</v>
      </c>
      <c r="BW27" s="342">
        <v>963359</v>
      </c>
      <c r="BX27" s="342">
        <v>880051</v>
      </c>
      <c r="BY27" s="342">
        <v>618127</v>
      </c>
      <c r="BZ27" s="343">
        <v>4418614</v>
      </c>
      <c r="CA27" s="345">
        <v>4595780</v>
      </c>
      <c r="CB27" s="341">
        <v>150530</v>
      </c>
      <c r="CC27" s="342">
        <v>396982</v>
      </c>
      <c r="CD27" s="343">
        <v>547512</v>
      </c>
      <c r="CE27" s="341">
        <v>0</v>
      </c>
      <c r="CF27" s="342">
        <v>6581380</v>
      </c>
      <c r="CG27" s="342">
        <v>9914667</v>
      </c>
      <c r="CH27" s="342">
        <v>8124380</v>
      </c>
      <c r="CI27" s="342">
        <v>4683846</v>
      </c>
      <c r="CJ27" s="342">
        <v>2731398</v>
      </c>
      <c r="CK27" s="343">
        <v>32035671</v>
      </c>
      <c r="CL27" s="345">
        <v>32583183</v>
      </c>
      <c r="CM27" s="341">
        <v>0</v>
      </c>
      <c r="CN27" s="342">
        <v>0</v>
      </c>
      <c r="CO27" s="343">
        <v>0</v>
      </c>
      <c r="CP27" s="347">
        <v>0</v>
      </c>
      <c r="CQ27" s="342">
        <v>5576318</v>
      </c>
      <c r="CR27" s="342">
        <v>7530983</v>
      </c>
      <c r="CS27" s="342">
        <v>7148642</v>
      </c>
      <c r="CT27" s="342">
        <v>3232519</v>
      </c>
      <c r="CU27" s="342">
        <v>2339001</v>
      </c>
      <c r="CV27" s="343">
        <v>25827463</v>
      </c>
      <c r="CW27" s="345">
        <v>25827463</v>
      </c>
      <c r="CX27" s="341">
        <v>150530</v>
      </c>
      <c r="CY27" s="342">
        <v>396982</v>
      </c>
      <c r="CZ27" s="343">
        <v>547512</v>
      </c>
      <c r="DA27" s="341">
        <v>0</v>
      </c>
      <c r="DB27" s="342">
        <v>1005062</v>
      </c>
      <c r="DC27" s="342">
        <v>2383684</v>
      </c>
      <c r="DD27" s="342">
        <v>975738</v>
      </c>
      <c r="DE27" s="342">
        <v>1451327</v>
      </c>
      <c r="DF27" s="342">
        <v>392397</v>
      </c>
      <c r="DG27" s="343">
        <v>6208208</v>
      </c>
      <c r="DH27" s="345">
        <v>6755720</v>
      </c>
      <c r="DI27" s="341">
        <v>0</v>
      </c>
      <c r="DJ27" s="342">
        <v>127456</v>
      </c>
      <c r="DK27" s="346">
        <v>127456</v>
      </c>
      <c r="DL27" s="347">
        <v>0</v>
      </c>
      <c r="DM27" s="342">
        <v>754234</v>
      </c>
      <c r="DN27" s="342">
        <v>839624</v>
      </c>
      <c r="DO27" s="342">
        <v>2572614</v>
      </c>
      <c r="DP27" s="342">
        <v>2922047</v>
      </c>
      <c r="DQ27" s="342">
        <v>1809232</v>
      </c>
      <c r="DR27" s="343">
        <v>8897751</v>
      </c>
      <c r="DS27" s="345">
        <v>9025207</v>
      </c>
      <c r="DT27" s="341">
        <v>0</v>
      </c>
      <c r="DU27" s="342">
        <v>127456</v>
      </c>
      <c r="DV27" s="343">
        <v>127456</v>
      </c>
      <c r="DW27" s="341">
        <v>0</v>
      </c>
      <c r="DX27" s="342">
        <v>578137</v>
      </c>
      <c r="DY27" s="342">
        <v>839624</v>
      </c>
      <c r="DZ27" s="342">
        <v>2376627</v>
      </c>
      <c r="EA27" s="342">
        <v>2435817</v>
      </c>
      <c r="EB27" s="342">
        <v>1669217</v>
      </c>
      <c r="EC27" s="343">
        <v>7899422</v>
      </c>
      <c r="ED27" s="345">
        <v>8026878</v>
      </c>
      <c r="EE27" s="341">
        <v>0</v>
      </c>
      <c r="EF27" s="346">
        <v>0</v>
      </c>
      <c r="EG27" s="343">
        <v>0</v>
      </c>
      <c r="EH27" s="341">
        <v>0</v>
      </c>
      <c r="EI27" s="342">
        <v>176097</v>
      </c>
      <c r="EJ27" s="342">
        <v>0</v>
      </c>
      <c r="EK27" s="342">
        <v>195987</v>
      </c>
      <c r="EL27" s="342">
        <v>486230</v>
      </c>
      <c r="EM27" s="342">
        <v>140015</v>
      </c>
      <c r="EN27" s="346">
        <v>998329</v>
      </c>
      <c r="EO27" s="345">
        <v>998329</v>
      </c>
      <c r="EP27" s="341">
        <v>0</v>
      </c>
      <c r="EQ27" s="342">
        <v>0</v>
      </c>
      <c r="ER27" s="346">
        <v>0</v>
      </c>
      <c r="ES27" s="347">
        <v>0</v>
      </c>
      <c r="ET27" s="342">
        <v>0</v>
      </c>
      <c r="EU27" s="342">
        <v>0</v>
      </c>
      <c r="EV27" s="342">
        <v>0</v>
      </c>
      <c r="EW27" s="342">
        <v>0</v>
      </c>
      <c r="EX27" s="342">
        <v>0</v>
      </c>
      <c r="EY27" s="343">
        <v>0</v>
      </c>
      <c r="EZ27" s="345">
        <v>0</v>
      </c>
      <c r="FA27" s="341">
        <v>0</v>
      </c>
      <c r="FB27" s="342">
        <v>0</v>
      </c>
      <c r="FC27" s="346">
        <v>0</v>
      </c>
      <c r="FD27" s="347">
        <v>0</v>
      </c>
      <c r="FE27" s="342">
        <v>0</v>
      </c>
      <c r="FF27" s="342">
        <v>0</v>
      </c>
      <c r="FG27" s="342">
        <v>0</v>
      </c>
      <c r="FH27" s="342">
        <v>0</v>
      </c>
      <c r="FI27" s="342">
        <v>0</v>
      </c>
      <c r="FJ27" s="343">
        <v>0</v>
      </c>
      <c r="FK27" s="345">
        <v>0</v>
      </c>
      <c r="FL27" s="341">
        <v>802824</v>
      </c>
      <c r="FM27" s="342">
        <v>1074666</v>
      </c>
      <c r="FN27" s="343">
        <v>1877490</v>
      </c>
      <c r="FO27" s="341">
        <v>0</v>
      </c>
      <c r="FP27" s="342">
        <v>2001231</v>
      </c>
      <c r="FQ27" s="342">
        <v>3424588</v>
      </c>
      <c r="FR27" s="342">
        <v>2149540</v>
      </c>
      <c r="FS27" s="342">
        <v>2330587</v>
      </c>
      <c r="FT27" s="342">
        <v>1771111</v>
      </c>
      <c r="FU27" s="343">
        <v>11677057</v>
      </c>
      <c r="FV27" s="345">
        <v>13554547</v>
      </c>
      <c r="FW27" s="348">
        <v>322269</v>
      </c>
      <c r="FX27" s="342">
        <v>961416</v>
      </c>
      <c r="FY27" s="346">
        <v>1283685</v>
      </c>
      <c r="FZ27" s="347">
        <v>0</v>
      </c>
      <c r="GA27" s="342">
        <v>1613232</v>
      </c>
      <c r="GB27" s="342">
        <v>3100527</v>
      </c>
      <c r="GC27" s="342">
        <v>2113540</v>
      </c>
      <c r="GD27" s="342">
        <v>2143387</v>
      </c>
      <c r="GE27" s="342">
        <v>1451089</v>
      </c>
      <c r="GF27" s="343">
        <v>10421775</v>
      </c>
      <c r="GG27" s="349">
        <v>11705460</v>
      </c>
      <c r="GH27" s="348">
        <v>47385</v>
      </c>
      <c r="GI27" s="342">
        <v>45300</v>
      </c>
      <c r="GJ27" s="346">
        <v>92685</v>
      </c>
      <c r="GK27" s="347">
        <v>0</v>
      </c>
      <c r="GL27" s="342">
        <v>56133</v>
      </c>
      <c r="GM27" s="342">
        <v>106661</v>
      </c>
      <c r="GN27" s="342">
        <v>36000</v>
      </c>
      <c r="GO27" s="342">
        <v>0</v>
      </c>
      <c r="GP27" s="342">
        <v>90000</v>
      </c>
      <c r="GQ27" s="343">
        <v>288794</v>
      </c>
      <c r="GR27" s="345">
        <v>381479</v>
      </c>
      <c r="GS27" s="341">
        <v>433170</v>
      </c>
      <c r="GT27" s="342">
        <v>67950</v>
      </c>
      <c r="GU27" s="343">
        <v>501120</v>
      </c>
      <c r="GV27" s="341">
        <v>0</v>
      </c>
      <c r="GW27" s="342">
        <v>331866</v>
      </c>
      <c r="GX27" s="342">
        <v>217400</v>
      </c>
      <c r="GY27" s="342">
        <v>0</v>
      </c>
      <c r="GZ27" s="342">
        <v>187200</v>
      </c>
      <c r="HA27" s="342">
        <v>230022</v>
      </c>
      <c r="HB27" s="346">
        <v>966488</v>
      </c>
      <c r="HC27" s="345">
        <v>1467608</v>
      </c>
      <c r="HD27" s="341">
        <v>280973</v>
      </c>
      <c r="HE27" s="342">
        <v>657301</v>
      </c>
      <c r="HF27" s="346">
        <v>938274</v>
      </c>
      <c r="HG27" s="347">
        <v>0</v>
      </c>
      <c r="HH27" s="342">
        <v>5156849</v>
      </c>
      <c r="HI27" s="342">
        <v>4662429</v>
      </c>
      <c r="HJ27" s="342">
        <v>3469884</v>
      </c>
      <c r="HK27" s="342">
        <v>4212887</v>
      </c>
      <c r="HL27" s="342">
        <v>3094874</v>
      </c>
      <c r="HM27" s="343">
        <v>20596923</v>
      </c>
      <c r="HN27" s="344">
        <v>21535197</v>
      </c>
      <c r="HO27" s="348">
        <v>336360</v>
      </c>
      <c r="HP27" s="342">
        <v>786303</v>
      </c>
      <c r="HQ27" s="343">
        <v>1122663</v>
      </c>
      <c r="HR27" s="341">
        <v>0</v>
      </c>
      <c r="HS27" s="342">
        <v>4643383</v>
      </c>
      <c r="HT27" s="342">
        <v>4630783</v>
      </c>
      <c r="HU27" s="342">
        <v>3206247</v>
      </c>
      <c r="HV27" s="342">
        <v>2015280</v>
      </c>
      <c r="HW27" s="342">
        <v>1108716</v>
      </c>
      <c r="HX27" s="346">
        <v>15604409</v>
      </c>
      <c r="HY27" s="345">
        <v>16727072</v>
      </c>
      <c r="HZ27" s="350">
        <v>246735</v>
      </c>
      <c r="IA27" s="351">
        <v>447948</v>
      </c>
      <c r="IB27" s="352">
        <v>694683</v>
      </c>
      <c r="IC27" s="353">
        <v>0</v>
      </c>
      <c r="ID27" s="351">
        <v>9611354</v>
      </c>
      <c r="IE27" s="354">
        <v>15283856</v>
      </c>
      <c r="IF27" s="352">
        <v>13768626</v>
      </c>
      <c r="IG27" s="351">
        <v>13103167</v>
      </c>
      <c r="IH27" s="352">
        <v>6504453</v>
      </c>
      <c r="II27" s="355">
        <v>58271456</v>
      </c>
      <c r="IJ27" s="356">
        <v>58966139</v>
      </c>
      <c r="IK27" s="357">
        <v>0</v>
      </c>
      <c r="IL27" s="358">
        <v>0</v>
      </c>
      <c r="IM27" s="359">
        <v>0</v>
      </c>
      <c r="IN27" s="436">
        <v>0</v>
      </c>
      <c r="IO27" s="360">
        <v>0</v>
      </c>
      <c r="IP27" s="360">
        <v>873819</v>
      </c>
      <c r="IQ27" s="360">
        <v>634948</v>
      </c>
      <c r="IR27" s="360">
        <v>838609</v>
      </c>
      <c r="IS27" s="360">
        <v>0</v>
      </c>
      <c r="IT27" s="361">
        <v>2347376</v>
      </c>
      <c r="IU27" s="362">
        <v>2347376</v>
      </c>
      <c r="IV27" s="363">
        <v>0</v>
      </c>
      <c r="IW27" s="360">
        <v>0</v>
      </c>
      <c r="IX27" s="364">
        <v>0</v>
      </c>
      <c r="IY27" s="439">
        <v>0</v>
      </c>
      <c r="IZ27" s="360">
        <v>0</v>
      </c>
      <c r="JA27" s="360">
        <v>0</v>
      </c>
      <c r="JB27" s="360">
        <v>0</v>
      </c>
      <c r="JC27" s="360">
        <v>0</v>
      </c>
      <c r="JD27" s="360">
        <v>0</v>
      </c>
      <c r="JE27" s="364">
        <v>0</v>
      </c>
      <c r="JF27" s="365">
        <v>0</v>
      </c>
      <c r="JG27" s="363">
        <v>0</v>
      </c>
      <c r="JH27" s="360">
        <v>0</v>
      </c>
      <c r="JI27" s="361">
        <v>0</v>
      </c>
      <c r="JJ27" s="366">
        <v>0</v>
      </c>
      <c r="JK27" s="360">
        <v>4986101</v>
      </c>
      <c r="JL27" s="360">
        <v>6334403</v>
      </c>
      <c r="JM27" s="360">
        <v>5479548</v>
      </c>
      <c r="JN27" s="360">
        <v>3099925</v>
      </c>
      <c r="JO27" s="360">
        <v>356211</v>
      </c>
      <c r="JP27" s="364">
        <v>20256188</v>
      </c>
      <c r="JQ27" s="362">
        <v>20256188</v>
      </c>
      <c r="JR27" s="363">
        <v>0</v>
      </c>
      <c r="JS27" s="360">
        <v>0</v>
      </c>
      <c r="JT27" s="361">
        <v>0</v>
      </c>
      <c r="JU27" s="366">
        <v>0</v>
      </c>
      <c r="JV27" s="360">
        <v>85581</v>
      </c>
      <c r="JW27" s="360">
        <v>80559</v>
      </c>
      <c r="JX27" s="360">
        <v>487950</v>
      </c>
      <c r="JY27" s="360">
        <v>330669</v>
      </c>
      <c r="JZ27" s="360">
        <v>205290</v>
      </c>
      <c r="KA27" s="364">
        <v>1190049</v>
      </c>
      <c r="KB27" s="362">
        <v>1190049</v>
      </c>
      <c r="KC27" s="367">
        <v>246735</v>
      </c>
      <c r="KD27" s="368">
        <v>447948</v>
      </c>
      <c r="KE27" s="364">
        <v>694683</v>
      </c>
      <c r="KF27" s="366">
        <v>0</v>
      </c>
      <c r="KG27" s="360">
        <v>2359021</v>
      </c>
      <c r="KH27" s="360">
        <v>4279292</v>
      </c>
      <c r="KI27" s="360">
        <v>1107288</v>
      </c>
      <c r="KJ27" s="360">
        <v>2314377</v>
      </c>
      <c r="KK27" s="360">
        <v>1634328</v>
      </c>
      <c r="KL27" s="364">
        <v>11694306</v>
      </c>
      <c r="KM27" s="369">
        <v>12388989</v>
      </c>
      <c r="KN27" s="357">
        <v>0</v>
      </c>
      <c r="KO27" s="358">
        <v>0</v>
      </c>
      <c r="KP27" s="359">
        <v>0</v>
      </c>
      <c r="KQ27" s="439">
        <v>0</v>
      </c>
      <c r="KR27" s="360">
        <v>2180651</v>
      </c>
      <c r="KS27" s="360">
        <v>3493654</v>
      </c>
      <c r="KT27" s="360">
        <v>4116181</v>
      </c>
      <c r="KU27" s="360">
        <v>3498422</v>
      </c>
      <c r="KV27" s="360">
        <v>1329138</v>
      </c>
      <c r="KW27" s="364">
        <v>14618046</v>
      </c>
      <c r="KX27" s="362">
        <v>14618046</v>
      </c>
      <c r="KY27" s="363">
        <v>0</v>
      </c>
      <c r="KZ27" s="360">
        <v>0</v>
      </c>
      <c r="LA27" s="364">
        <v>0</v>
      </c>
      <c r="LB27" s="439">
        <v>0</v>
      </c>
      <c r="LC27" s="360">
        <v>0</v>
      </c>
      <c r="LD27" s="360">
        <v>0</v>
      </c>
      <c r="LE27" s="360">
        <v>0</v>
      </c>
      <c r="LF27" s="360">
        <v>0</v>
      </c>
      <c r="LG27" s="360">
        <v>0</v>
      </c>
      <c r="LH27" s="364">
        <v>0</v>
      </c>
      <c r="LI27" s="365">
        <v>0</v>
      </c>
      <c r="LJ27" s="363">
        <v>0</v>
      </c>
      <c r="LK27" s="360">
        <v>0</v>
      </c>
      <c r="LL27" s="364">
        <v>0</v>
      </c>
      <c r="LM27" s="439">
        <v>0</v>
      </c>
      <c r="LN27" s="360">
        <v>0</v>
      </c>
      <c r="LO27" s="360">
        <v>222129</v>
      </c>
      <c r="LP27" s="360">
        <v>1942711</v>
      </c>
      <c r="LQ27" s="360">
        <v>3021165</v>
      </c>
      <c r="LR27" s="360">
        <v>2979486</v>
      </c>
      <c r="LS27" s="364">
        <v>8165491</v>
      </c>
      <c r="LT27" s="362">
        <v>8165491</v>
      </c>
      <c r="LU27" s="363">
        <v>0</v>
      </c>
      <c r="LV27" s="360">
        <v>0</v>
      </c>
      <c r="LW27" s="364">
        <v>0</v>
      </c>
      <c r="LX27" s="439">
        <v>0</v>
      </c>
      <c r="LY27" s="360">
        <v>0</v>
      </c>
      <c r="LZ27" s="360">
        <v>0</v>
      </c>
      <c r="MA27" s="360">
        <v>0</v>
      </c>
      <c r="MB27" s="360">
        <v>0</v>
      </c>
      <c r="MC27" s="360">
        <v>0</v>
      </c>
      <c r="MD27" s="364">
        <v>0</v>
      </c>
      <c r="ME27" s="365">
        <v>0</v>
      </c>
      <c r="MF27" s="363">
        <v>0</v>
      </c>
      <c r="MG27" s="360">
        <v>0</v>
      </c>
      <c r="MH27" s="364">
        <v>0</v>
      </c>
      <c r="MI27" s="439">
        <v>0</v>
      </c>
      <c r="MJ27" s="360">
        <v>3454620</v>
      </c>
      <c r="MK27" s="360">
        <v>8455935</v>
      </c>
      <c r="ML27" s="360">
        <v>20088639</v>
      </c>
      <c r="MM27" s="360">
        <v>30754072</v>
      </c>
      <c r="MN27" s="360">
        <v>15801316</v>
      </c>
      <c r="MO27" s="364">
        <v>78554582</v>
      </c>
      <c r="MP27" s="369">
        <v>78554582</v>
      </c>
      <c r="MQ27" s="363">
        <v>0</v>
      </c>
      <c r="MR27" s="360">
        <v>0</v>
      </c>
      <c r="MS27" s="364">
        <v>0</v>
      </c>
      <c r="MT27" s="439">
        <v>0</v>
      </c>
      <c r="MU27" s="360">
        <v>621414</v>
      </c>
      <c r="MV27" s="360">
        <v>1561538</v>
      </c>
      <c r="MW27" s="360">
        <v>13035335</v>
      </c>
      <c r="MX27" s="360">
        <v>16004789</v>
      </c>
      <c r="MY27" s="360">
        <v>9189872</v>
      </c>
      <c r="MZ27" s="364">
        <v>40412948</v>
      </c>
      <c r="NA27" s="369">
        <v>40412948</v>
      </c>
      <c r="NB27" s="363">
        <v>0</v>
      </c>
      <c r="NC27" s="360">
        <v>0</v>
      </c>
      <c r="ND27" s="364">
        <v>0</v>
      </c>
      <c r="NE27" s="439">
        <v>0</v>
      </c>
      <c r="NF27" s="360">
        <v>2833206</v>
      </c>
      <c r="NG27" s="360">
        <v>6894397</v>
      </c>
      <c r="NH27" s="360">
        <v>6698119</v>
      </c>
      <c r="NI27" s="360">
        <v>12326874</v>
      </c>
      <c r="NJ27" s="360">
        <v>5389244</v>
      </c>
      <c r="NK27" s="364">
        <v>34141840</v>
      </c>
      <c r="NL27" s="362">
        <v>34141840</v>
      </c>
      <c r="NM27" s="363">
        <v>0</v>
      </c>
      <c r="NN27" s="360">
        <v>0</v>
      </c>
      <c r="NO27" s="364">
        <v>0</v>
      </c>
      <c r="NP27" s="439">
        <v>0</v>
      </c>
      <c r="NQ27" s="360">
        <v>0</v>
      </c>
      <c r="NR27" s="360">
        <v>0</v>
      </c>
      <c r="NS27" s="360">
        <v>0</v>
      </c>
      <c r="NT27" s="360">
        <v>0</v>
      </c>
      <c r="NU27" s="360">
        <v>0</v>
      </c>
      <c r="NV27" s="364">
        <v>0</v>
      </c>
      <c r="NW27" s="365">
        <v>0</v>
      </c>
      <c r="NX27" s="363">
        <v>0</v>
      </c>
      <c r="NY27" s="360">
        <v>0</v>
      </c>
      <c r="NZ27" s="364">
        <v>0</v>
      </c>
      <c r="OA27" s="439">
        <v>0</v>
      </c>
      <c r="OB27" s="360">
        <v>0</v>
      </c>
      <c r="OC27" s="360">
        <v>0</v>
      </c>
      <c r="OD27" s="360">
        <v>355185</v>
      </c>
      <c r="OE27" s="360">
        <v>2422409</v>
      </c>
      <c r="OF27" s="360">
        <v>1222200</v>
      </c>
      <c r="OG27" s="364">
        <v>3999794</v>
      </c>
      <c r="OH27" s="365">
        <v>3999794</v>
      </c>
      <c r="OI27" s="363">
        <v>2081246</v>
      </c>
      <c r="OJ27" s="360">
        <v>4014310</v>
      </c>
      <c r="OK27" s="361">
        <v>6095556</v>
      </c>
      <c r="OL27" s="366">
        <v>0</v>
      </c>
      <c r="OM27" s="360">
        <v>37586630</v>
      </c>
      <c r="ON27" s="360">
        <v>55104027</v>
      </c>
      <c r="OO27" s="360">
        <v>58883195</v>
      </c>
      <c r="OP27" s="360">
        <v>67943678</v>
      </c>
      <c r="OQ27" s="360">
        <v>40995068</v>
      </c>
      <c r="OR27" s="364">
        <v>260512598</v>
      </c>
      <c r="OS27" s="369">
        <v>266608154</v>
      </c>
    </row>
    <row r="28" spans="2:409" s="137" customFormat="1" ht="21" customHeight="1" x14ac:dyDescent="0.2">
      <c r="B28" s="421" t="s">
        <v>23</v>
      </c>
      <c r="C28" s="341">
        <v>3296107</v>
      </c>
      <c r="D28" s="342">
        <v>7002407</v>
      </c>
      <c r="E28" s="343">
        <v>10298514</v>
      </c>
      <c r="F28" s="344">
        <v>0</v>
      </c>
      <c r="G28" s="342">
        <v>49820181</v>
      </c>
      <c r="H28" s="342">
        <v>63529310</v>
      </c>
      <c r="I28" s="342">
        <v>50091965</v>
      </c>
      <c r="J28" s="342">
        <v>50235235</v>
      </c>
      <c r="K28" s="342">
        <v>29934492</v>
      </c>
      <c r="L28" s="382">
        <v>243611183</v>
      </c>
      <c r="M28" s="345">
        <v>253909697</v>
      </c>
      <c r="N28" s="341">
        <v>1168167</v>
      </c>
      <c r="O28" s="342">
        <v>2767135</v>
      </c>
      <c r="P28" s="343">
        <v>3935302</v>
      </c>
      <c r="Q28" s="341">
        <v>0</v>
      </c>
      <c r="R28" s="342">
        <v>12637026</v>
      </c>
      <c r="S28" s="342">
        <v>17810336</v>
      </c>
      <c r="T28" s="342">
        <v>13664102</v>
      </c>
      <c r="U28" s="342">
        <v>18160537</v>
      </c>
      <c r="V28" s="342">
        <v>12757929</v>
      </c>
      <c r="W28" s="343">
        <v>75029930</v>
      </c>
      <c r="X28" s="345">
        <v>78965232</v>
      </c>
      <c r="Y28" s="341">
        <v>0</v>
      </c>
      <c r="Z28" s="342">
        <v>0</v>
      </c>
      <c r="AA28" s="343">
        <v>0</v>
      </c>
      <c r="AB28" s="341">
        <v>0</v>
      </c>
      <c r="AC28" s="342">
        <v>6057955</v>
      </c>
      <c r="AD28" s="342">
        <v>7350924</v>
      </c>
      <c r="AE28" s="342">
        <v>7645374</v>
      </c>
      <c r="AF28" s="342">
        <v>10364191</v>
      </c>
      <c r="AG28" s="342">
        <v>6724248</v>
      </c>
      <c r="AH28" s="343">
        <v>38142692</v>
      </c>
      <c r="AI28" s="345">
        <v>38142692</v>
      </c>
      <c r="AJ28" s="341">
        <v>0</v>
      </c>
      <c r="AK28" s="342">
        <v>0</v>
      </c>
      <c r="AL28" s="343">
        <v>0</v>
      </c>
      <c r="AM28" s="341">
        <v>0</v>
      </c>
      <c r="AN28" s="342">
        <v>15031</v>
      </c>
      <c r="AO28" s="342">
        <v>298476</v>
      </c>
      <c r="AP28" s="342">
        <v>190133</v>
      </c>
      <c r="AQ28" s="342">
        <v>1153591</v>
      </c>
      <c r="AR28" s="342">
        <v>1536500</v>
      </c>
      <c r="AS28" s="343">
        <v>3193731</v>
      </c>
      <c r="AT28" s="345">
        <v>3193731</v>
      </c>
      <c r="AU28" s="341">
        <v>811914</v>
      </c>
      <c r="AV28" s="342">
        <v>2221561</v>
      </c>
      <c r="AW28" s="343">
        <v>3033475</v>
      </c>
      <c r="AX28" s="341">
        <v>0</v>
      </c>
      <c r="AY28" s="342">
        <v>3742930</v>
      </c>
      <c r="AZ28" s="342">
        <v>7002694</v>
      </c>
      <c r="BA28" s="342">
        <v>3424281</v>
      </c>
      <c r="BB28" s="342">
        <v>3604327</v>
      </c>
      <c r="BC28" s="342">
        <v>2615207</v>
      </c>
      <c r="BD28" s="343">
        <v>20389439</v>
      </c>
      <c r="BE28" s="345">
        <v>23422914</v>
      </c>
      <c r="BF28" s="341">
        <v>166659</v>
      </c>
      <c r="BG28" s="342">
        <v>422508</v>
      </c>
      <c r="BH28" s="346">
        <v>589167</v>
      </c>
      <c r="BI28" s="347">
        <v>0</v>
      </c>
      <c r="BJ28" s="342">
        <v>344224</v>
      </c>
      <c r="BK28" s="342">
        <v>753112</v>
      </c>
      <c r="BL28" s="342">
        <v>300235</v>
      </c>
      <c r="BM28" s="342">
        <v>330266</v>
      </c>
      <c r="BN28" s="342">
        <v>208270</v>
      </c>
      <c r="BO28" s="343">
        <v>1936107</v>
      </c>
      <c r="BP28" s="345">
        <v>2525274</v>
      </c>
      <c r="BQ28" s="341">
        <v>189594</v>
      </c>
      <c r="BR28" s="342">
        <v>123066</v>
      </c>
      <c r="BS28" s="343">
        <v>312660</v>
      </c>
      <c r="BT28" s="341">
        <v>0</v>
      </c>
      <c r="BU28" s="342">
        <v>2476886</v>
      </c>
      <c r="BV28" s="342">
        <v>2405130</v>
      </c>
      <c r="BW28" s="342">
        <v>2104079</v>
      </c>
      <c r="BX28" s="342">
        <v>2708162</v>
      </c>
      <c r="BY28" s="342">
        <v>1673704</v>
      </c>
      <c r="BZ28" s="343">
        <v>11367961</v>
      </c>
      <c r="CA28" s="345">
        <v>11680621</v>
      </c>
      <c r="CB28" s="341">
        <v>26747</v>
      </c>
      <c r="CC28" s="342">
        <v>504757</v>
      </c>
      <c r="CD28" s="343">
        <v>531504</v>
      </c>
      <c r="CE28" s="341">
        <v>0</v>
      </c>
      <c r="CF28" s="342">
        <v>16368956</v>
      </c>
      <c r="CG28" s="342">
        <v>19942878</v>
      </c>
      <c r="CH28" s="342">
        <v>15258051</v>
      </c>
      <c r="CI28" s="342">
        <v>9235762</v>
      </c>
      <c r="CJ28" s="342">
        <v>2872645</v>
      </c>
      <c r="CK28" s="343">
        <v>63678292</v>
      </c>
      <c r="CL28" s="345">
        <v>64209796</v>
      </c>
      <c r="CM28" s="341">
        <v>0</v>
      </c>
      <c r="CN28" s="342">
        <v>0</v>
      </c>
      <c r="CO28" s="343">
        <v>0</v>
      </c>
      <c r="CP28" s="347">
        <v>0</v>
      </c>
      <c r="CQ28" s="342">
        <v>14029051</v>
      </c>
      <c r="CR28" s="342">
        <v>16793078</v>
      </c>
      <c r="CS28" s="342">
        <v>12918162</v>
      </c>
      <c r="CT28" s="342">
        <v>7268150</v>
      </c>
      <c r="CU28" s="342">
        <v>2305425</v>
      </c>
      <c r="CV28" s="343">
        <v>53313866</v>
      </c>
      <c r="CW28" s="345">
        <v>53313866</v>
      </c>
      <c r="CX28" s="341">
        <v>26747</v>
      </c>
      <c r="CY28" s="342">
        <v>504757</v>
      </c>
      <c r="CZ28" s="343">
        <v>531504</v>
      </c>
      <c r="DA28" s="341">
        <v>0</v>
      </c>
      <c r="DB28" s="342">
        <v>2339905</v>
      </c>
      <c r="DC28" s="342">
        <v>3149800</v>
      </c>
      <c r="DD28" s="342">
        <v>2339889</v>
      </c>
      <c r="DE28" s="342">
        <v>1967612</v>
      </c>
      <c r="DF28" s="342">
        <v>567220</v>
      </c>
      <c r="DG28" s="343">
        <v>10364426</v>
      </c>
      <c r="DH28" s="345">
        <v>10895930</v>
      </c>
      <c r="DI28" s="341">
        <v>22550</v>
      </c>
      <c r="DJ28" s="342">
        <v>48005</v>
      </c>
      <c r="DK28" s="346">
        <v>70555</v>
      </c>
      <c r="DL28" s="347">
        <v>0</v>
      </c>
      <c r="DM28" s="342">
        <v>1548076</v>
      </c>
      <c r="DN28" s="342">
        <v>1894358</v>
      </c>
      <c r="DO28" s="342">
        <v>5108240</v>
      </c>
      <c r="DP28" s="342">
        <v>3916185</v>
      </c>
      <c r="DQ28" s="342">
        <v>1404124</v>
      </c>
      <c r="DR28" s="343">
        <v>13870983</v>
      </c>
      <c r="DS28" s="345">
        <v>13941538</v>
      </c>
      <c r="DT28" s="341">
        <v>22550</v>
      </c>
      <c r="DU28" s="342">
        <v>48005</v>
      </c>
      <c r="DV28" s="343">
        <v>70555</v>
      </c>
      <c r="DW28" s="341">
        <v>0</v>
      </c>
      <c r="DX28" s="342">
        <v>1514328</v>
      </c>
      <c r="DY28" s="342">
        <v>1802745</v>
      </c>
      <c r="DZ28" s="342">
        <v>5063109</v>
      </c>
      <c r="EA28" s="342">
        <v>3775953</v>
      </c>
      <c r="EB28" s="342">
        <v>1337893</v>
      </c>
      <c r="EC28" s="343">
        <v>13494028</v>
      </c>
      <c r="ED28" s="345">
        <v>13564583</v>
      </c>
      <c r="EE28" s="341">
        <v>0</v>
      </c>
      <c r="EF28" s="346">
        <v>0</v>
      </c>
      <c r="EG28" s="343">
        <v>0</v>
      </c>
      <c r="EH28" s="341">
        <v>0</v>
      </c>
      <c r="EI28" s="342">
        <v>33748</v>
      </c>
      <c r="EJ28" s="342">
        <v>91613</v>
      </c>
      <c r="EK28" s="342">
        <v>45131</v>
      </c>
      <c r="EL28" s="342">
        <v>140232</v>
      </c>
      <c r="EM28" s="342">
        <v>66231</v>
      </c>
      <c r="EN28" s="346">
        <v>376955</v>
      </c>
      <c r="EO28" s="345">
        <v>376955</v>
      </c>
      <c r="EP28" s="341">
        <v>0</v>
      </c>
      <c r="EQ28" s="342">
        <v>0</v>
      </c>
      <c r="ER28" s="346">
        <v>0</v>
      </c>
      <c r="ES28" s="347">
        <v>0</v>
      </c>
      <c r="ET28" s="342">
        <v>0</v>
      </c>
      <c r="EU28" s="342">
        <v>0</v>
      </c>
      <c r="EV28" s="342">
        <v>0</v>
      </c>
      <c r="EW28" s="342">
        <v>0</v>
      </c>
      <c r="EX28" s="342">
        <v>0</v>
      </c>
      <c r="EY28" s="343">
        <v>0</v>
      </c>
      <c r="EZ28" s="345">
        <v>0</v>
      </c>
      <c r="FA28" s="341">
        <v>0</v>
      </c>
      <c r="FB28" s="342">
        <v>0</v>
      </c>
      <c r="FC28" s="346">
        <v>0</v>
      </c>
      <c r="FD28" s="347">
        <v>0</v>
      </c>
      <c r="FE28" s="342">
        <v>0</v>
      </c>
      <c r="FF28" s="342">
        <v>0</v>
      </c>
      <c r="FG28" s="342">
        <v>0</v>
      </c>
      <c r="FH28" s="342">
        <v>0</v>
      </c>
      <c r="FI28" s="342">
        <v>0</v>
      </c>
      <c r="FJ28" s="343">
        <v>0</v>
      </c>
      <c r="FK28" s="345">
        <v>0</v>
      </c>
      <c r="FL28" s="341">
        <v>907098</v>
      </c>
      <c r="FM28" s="342">
        <v>2063743</v>
      </c>
      <c r="FN28" s="343">
        <v>2970841</v>
      </c>
      <c r="FO28" s="341">
        <v>0</v>
      </c>
      <c r="FP28" s="342">
        <v>2711182</v>
      </c>
      <c r="FQ28" s="342">
        <v>6487013</v>
      </c>
      <c r="FR28" s="342">
        <v>3882802</v>
      </c>
      <c r="FS28" s="342">
        <v>4129049</v>
      </c>
      <c r="FT28" s="342">
        <v>2309125</v>
      </c>
      <c r="FU28" s="343">
        <v>19519171</v>
      </c>
      <c r="FV28" s="345">
        <v>22490012</v>
      </c>
      <c r="FW28" s="348">
        <v>471813</v>
      </c>
      <c r="FX28" s="342">
        <v>1772976</v>
      </c>
      <c r="FY28" s="346">
        <v>2244789</v>
      </c>
      <c r="FZ28" s="347">
        <v>0</v>
      </c>
      <c r="GA28" s="342">
        <v>2101207</v>
      </c>
      <c r="GB28" s="342">
        <v>5778063</v>
      </c>
      <c r="GC28" s="342">
        <v>3644509</v>
      </c>
      <c r="GD28" s="342">
        <v>3803876</v>
      </c>
      <c r="GE28" s="342">
        <v>2108425</v>
      </c>
      <c r="GF28" s="343">
        <v>17436080</v>
      </c>
      <c r="GG28" s="349">
        <v>19680869</v>
      </c>
      <c r="GH28" s="348">
        <v>0</v>
      </c>
      <c r="GI28" s="342">
        <v>34553</v>
      </c>
      <c r="GJ28" s="346">
        <v>34553</v>
      </c>
      <c r="GK28" s="347">
        <v>0</v>
      </c>
      <c r="GL28" s="342">
        <v>53190</v>
      </c>
      <c r="GM28" s="342">
        <v>294750</v>
      </c>
      <c r="GN28" s="342">
        <v>107793</v>
      </c>
      <c r="GO28" s="342">
        <v>255153</v>
      </c>
      <c r="GP28" s="342">
        <v>0</v>
      </c>
      <c r="GQ28" s="343">
        <v>710886</v>
      </c>
      <c r="GR28" s="345">
        <v>745439</v>
      </c>
      <c r="GS28" s="341">
        <v>435285</v>
      </c>
      <c r="GT28" s="342">
        <v>256214</v>
      </c>
      <c r="GU28" s="343">
        <v>691499</v>
      </c>
      <c r="GV28" s="341">
        <v>0</v>
      </c>
      <c r="GW28" s="342">
        <v>556785</v>
      </c>
      <c r="GX28" s="342">
        <v>414200</v>
      </c>
      <c r="GY28" s="342">
        <v>130500</v>
      </c>
      <c r="GZ28" s="342">
        <v>70020</v>
      </c>
      <c r="HA28" s="342">
        <v>200700</v>
      </c>
      <c r="HB28" s="346">
        <v>1372205</v>
      </c>
      <c r="HC28" s="345">
        <v>2063704</v>
      </c>
      <c r="HD28" s="341">
        <v>522885</v>
      </c>
      <c r="HE28" s="342">
        <v>208664</v>
      </c>
      <c r="HF28" s="346">
        <v>731549</v>
      </c>
      <c r="HG28" s="347">
        <v>0</v>
      </c>
      <c r="HH28" s="342">
        <v>8698466</v>
      </c>
      <c r="HI28" s="342">
        <v>9210422</v>
      </c>
      <c r="HJ28" s="342">
        <v>6925264</v>
      </c>
      <c r="HK28" s="342">
        <v>10893736</v>
      </c>
      <c r="HL28" s="342">
        <v>8825663</v>
      </c>
      <c r="HM28" s="343">
        <v>44553551</v>
      </c>
      <c r="HN28" s="344">
        <v>45285100</v>
      </c>
      <c r="HO28" s="348">
        <v>648660</v>
      </c>
      <c r="HP28" s="342">
        <v>1410103</v>
      </c>
      <c r="HQ28" s="343">
        <v>2058763</v>
      </c>
      <c r="HR28" s="341">
        <v>0</v>
      </c>
      <c r="HS28" s="342">
        <v>7856475</v>
      </c>
      <c r="HT28" s="342">
        <v>8184303</v>
      </c>
      <c r="HU28" s="342">
        <v>5253506</v>
      </c>
      <c r="HV28" s="342">
        <v>3899966</v>
      </c>
      <c r="HW28" s="342">
        <v>1765006</v>
      </c>
      <c r="HX28" s="346">
        <v>26959256</v>
      </c>
      <c r="HY28" s="345">
        <v>29018019</v>
      </c>
      <c r="HZ28" s="373">
        <v>0</v>
      </c>
      <c r="IA28" s="371">
        <v>0</v>
      </c>
      <c r="IB28" s="373">
        <v>0</v>
      </c>
      <c r="IC28" s="370">
        <v>0</v>
      </c>
      <c r="ID28" s="371">
        <v>13204786</v>
      </c>
      <c r="IE28" s="372">
        <v>9327382</v>
      </c>
      <c r="IF28" s="373">
        <v>10830942</v>
      </c>
      <c r="IG28" s="371">
        <v>9581102</v>
      </c>
      <c r="IH28" s="373">
        <v>2016583</v>
      </c>
      <c r="II28" s="374">
        <v>44960795</v>
      </c>
      <c r="IJ28" s="373">
        <v>44960795</v>
      </c>
      <c r="IK28" s="357">
        <v>0</v>
      </c>
      <c r="IL28" s="358">
        <v>0</v>
      </c>
      <c r="IM28" s="359">
        <v>0</v>
      </c>
      <c r="IN28" s="436">
        <v>0</v>
      </c>
      <c r="IO28" s="360">
        <v>0</v>
      </c>
      <c r="IP28" s="360">
        <v>0</v>
      </c>
      <c r="IQ28" s="360">
        <v>174946</v>
      </c>
      <c r="IR28" s="360">
        <v>0</v>
      </c>
      <c r="IS28" s="360">
        <v>232199</v>
      </c>
      <c r="IT28" s="361">
        <v>407145</v>
      </c>
      <c r="IU28" s="362">
        <v>407145</v>
      </c>
      <c r="IV28" s="363">
        <v>0</v>
      </c>
      <c r="IW28" s="360">
        <v>0</v>
      </c>
      <c r="IX28" s="364">
        <v>0</v>
      </c>
      <c r="IY28" s="439">
        <v>0</v>
      </c>
      <c r="IZ28" s="360">
        <v>0</v>
      </c>
      <c r="JA28" s="360">
        <v>0</v>
      </c>
      <c r="JB28" s="360">
        <v>0</v>
      </c>
      <c r="JC28" s="360">
        <v>0</v>
      </c>
      <c r="JD28" s="360">
        <v>0</v>
      </c>
      <c r="JE28" s="364">
        <v>0</v>
      </c>
      <c r="JF28" s="365">
        <v>0</v>
      </c>
      <c r="JG28" s="363">
        <v>0</v>
      </c>
      <c r="JH28" s="360">
        <v>0</v>
      </c>
      <c r="JI28" s="361">
        <v>0</v>
      </c>
      <c r="JJ28" s="366">
        <v>0</v>
      </c>
      <c r="JK28" s="360">
        <v>2580868</v>
      </c>
      <c r="JL28" s="360">
        <v>2167075</v>
      </c>
      <c r="JM28" s="360">
        <v>2675304</v>
      </c>
      <c r="JN28" s="360">
        <v>2778533</v>
      </c>
      <c r="JO28" s="360">
        <v>363922</v>
      </c>
      <c r="JP28" s="364">
        <v>10565702</v>
      </c>
      <c r="JQ28" s="362">
        <v>10565702</v>
      </c>
      <c r="JR28" s="363">
        <v>0</v>
      </c>
      <c r="JS28" s="360">
        <v>0</v>
      </c>
      <c r="JT28" s="361">
        <v>0</v>
      </c>
      <c r="JU28" s="366">
        <v>0</v>
      </c>
      <c r="JV28" s="360">
        <v>0</v>
      </c>
      <c r="JW28" s="360">
        <v>0</v>
      </c>
      <c r="JX28" s="360">
        <v>236730</v>
      </c>
      <c r="JY28" s="360">
        <v>276814</v>
      </c>
      <c r="JZ28" s="360">
        <v>0</v>
      </c>
      <c r="KA28" s="364">
        <v>513544</v>
      </c>
      <c r="KB28" s="362">
        <v>513544</v>
      </c>
      <c r="KC28" s="367">
        <v>0</v>
      </c>
      <c r="KD28" s="368">
        <v>0</v>
      </c>
      <c r="KE28" s="364">
        <v>0</v>
      </c>
      <c r="KF28" s="366">
        <v>0</v>
      </c>
      <c r="KG28" s="360">
        <v>1317548</v>
      </c>
      <c r="KH28" s="360">
        <v>925383</v>
      </c>
      <c r="KI28" s="360">
        <v>2143659</v>
      </c>
      <c r="KJ28" s="360">
        <v>282456</v>
      </c>
      <c r="KK28" s="360">
        <v>0</v>
      </c>
      <c r="KL28" s="364">
        <v>4669046</v>
      </c>
      <c r="KM28" s="369">
        <v>4669046</v>
      </c>
      <c r="KN28" s="357">
        <v>0</v>
      </c>
      <c r="KO28" s="358">
        <v>0</v>
      </c>
      <c r="KP28" s="359">
        <v>0</v>
      </c>
      <c r="KQ28" s="439">
        <v>0</v>
      </c>
      <c r="KR28" s="360">
        <v>9306370</v>
      </c>
      <c r="KS28" s="360">
        <v>6234924</v>
      </c>
      <c r="KT28" s="360">
        <v>5600303</v>
      </c>
      <c r="KU28" s="360">
        <v>5923432</v>
      </c>
      <c r="KV28" s="360">
        <v>1420462</v>
      </c>
      <c r="KW28" s="364">
        <v>28485491</v>
      </c>
      <c r="KX28" s="362">
        <v>28485491</v>
      </c>
      <c r="KY28" s="363">
        <v>0</v>
      </c>
      <c r="KZ28" s="360">
        <v>0</v>
      </c>
      <c r="LA28" s="364">
        <v>0</v>
      </c>
      <c r="LB28" s="439">
        <v>0</v>
      </c>
      <c r="LC28" s="360">
        <v>0</v>
      </c>
      <c r="LD28" s="360">
        <v>0</v>
      </c>
      <c r="LE28" s="360">
        <v>0</v>
      </c>
      <c r="LF28" s="360">
        <v>0</v>
      </c>
      <c r="LG28" s="360">
        <v>0</v>
      </c>
      <c r="LH28" s="364">
        <v>0</v>
      </c>
      <c r="LI28" s="365">
        <v>0</v>
      </c>
      <c r="LJ28" s="363">
        <v>0</v>
      </c>
      <c r="LK28" s="360">
        <v>0</v>
      </c>
      <c r="LL28" s="364">
        <v>0</v>
      </c>
      <c r="LM28" s="439">
        <v>0</v>
      </c>
      <c r="LN28" s="360">
        <v>0</v>
      </c>
      <c r="LO28" s="360">
        <v>0</v>
      </c>
      <c r="LP28" s="360">
        <v>0</v>
      </c>
      <c r="LQ28" s="360">
        <v>0</v>
      </c>
      <c r="LR28" s="360">
        <v>0</v>
      </c>
      <c r="LS28" s="364">
        <v>0</v>
      </c>
      <c r="LT28" s="362">
        <v>0</v>
      </c>
      <c r="LU28" s="363">
        <v>0</v>
      </c>
      <c r="LV28" s="360">
        <v>0</v>
      </c>
      <c r="LW28" s="364">
        <v>0</v>
      </c>
      <c r="LX28" s="439">
        <v>0</v>
      </c>
      <c r="LY28" s="360">
        <v>0</v>
      </c>
      <c r="LZ28" s="360">
        <v>0</v>
      </c>
      <c r="MA28" s="360">
        <v>0</v>
      </c>
      <c r="MB28" s="360">
        <v>319867</v>
      </c>
      <c r="MC28" s="360">
        <v>0</v>
      </c>
      <c r="MD28" s="364">
        <v>319867</v>
      </c>
      <c r="ME28" s="365">
        <v>319867</v>
      </c>
      <c r="MF28" s="363">
        <v>0</v>
      </c>
      <c r="MG28" s="360">
        <v>0</v>
      </c>
      <c r="MH28" s="364">
        <v>0</v>
      </c>
      <c r="MI28" s="439">
        <v>0</v>
      </c>
      <c r="MJ28" s="360">
        <v>5322817</v>
      </c>
      <c r="MK28" s="360">
        <v>10023055</v>
      </c>
      <c r="ML28" s="360">
        <v>33380189</v>
      </c>
      <c r="MM28" s="360">
        <v>54431125</v>
      </c>
      <c r="MN28" s="360">
        <v>41430677</v>
      </c>
      <c r="MO28" s="364">
        <v>144587863</v>
      </c>
      <c r="MP28" s="369">
        <v>144587863</v>
      </c>
      <c r="MQ28" s="363">
        <v>0</v>
      </c>
      <c r="MR28" s="360">
        <v>0</v>
      </c>
      <c r="MS28" s="364">
        <v>0</v>
      </c>
      <c r="MT28" s="439">
        <v>0</v>
      </c>
      <c r="MU28" s="360">
        <v>421672</v>
      </c>
      <c r="MV28" s="360">
        <v>3286387</v>
      </c>
      <c r="MW28" s="360">
        <v>22805661</v>
      </c>
      <c r="MX28" s="360">
        <v>34781707</v>
      </c>
      <c r="MY28" s="360">
        <v>28293699</v>
      </c>
      <c r="MZ28" s="364">
        <v>89589126</v>
      </c>
      <c r="NA28" s="369">
        <v>89589126</v>
      </c>
      <c r="NB28" s="363">
        <v>0</v>
      </c>
      <c r="NC28" s="360">
        <v>0</v>
      </c>
      <c r="ND28" s="364">
        <v>0</v>
      </c>
      <c r="NE28" s="439">
        <v>0</v>
      </c>
      <c r="NF28" s="360">
        <v>4901145</v>
      </c>
      <c r="NG28" s="360">
        <v>6736668</v>
      </c>
      <c r="NH28" s="360">
        <v>10574528</v>
      </c>
      <c r="NI28" s="360">
        <v>18136868</v>
      </c>
      <c r="NJ28" s="360">
        <v>9026891</v>
      </c>
      <c r="NK28" s="364">
        <v>49376100</v>
      </c>
      <c r="NL28" s="362">
        <v>49376100</v>
      </c>
      <c r="NM28" s="363">
        <v>0</v>
      </c>
      <c r="NN28" s="360">
        <v>0</v>
      </c>
      <c r="NO28" s="364">
        <v>0</v>
      </c>
      <c r="NP28" s="439">
        <v>0</v>
      </c>
      <c r="NQ28" s="360">
        <v>0</v>
      </c>
      <c r="NR28" s="360">
        <v>0</v>
      </c>
      <c r="NS28" s="360">
        <v>0</v>
      </c>
      <c r="NT28" s="360">
        <v>0</v>
      </c>
      <c r="NU28" s="360">
        <v>654934</v>
      </c>
      <c r="NV28" s="364">
        <v>654934</v>
      </c>
      <c r="NW28" s="365">
        <v>654934</v>
      </c>
      <c r="NX28" s="363">
        <v>0</v>
      </c>
      <c r="NY28" s="360">
        <v>0</v>
      </c>
      <c r="NZ28" s="364">
        <v>0</v>
      </c>
      <c r="OA28" s="439">
        <v>0</v>
      </c>
      <c r="OB28" s="360">
        <v>0</v>
      </c>
      <c r="OC28" s="360">
        <v>0</v>
      </c>
      <c r="OD28" s="360">
        <v>0</v>
      </c>
      <c r="OE28" s="360">
        <v>1512550</v>
      </c>
      <c r="OF28" s="360">
        <v>3455153</v>
      </c>
      <c r="OG28" s="364">
        <v>4967703</v>
      </c>
      <c r="OH28" s="365">
        <v>4967703</v>
      </c>
      <c r="OI28" s="363">
        <v>3296107</v>
      </c>
      <c r="OJ28" s="360">
        <v>7002407</v>
      </c>
      <c r="OK28" s="361">
        <v>10298514</v>
      </c>
      <c r="OL28" s="366">
        <v>0</v>
      </c>
      <c r="OM28" s="360">
        <v>68347784</v>
      </c>
      <c r="ON28" s="360">
        <v>82879747</v>
      </c>
      <c r="OO28" s="360">
        <v>94303096</v>
      </c>
      <c r="OP28" s="360">
        <v>114247462</v>
      </c>
      <c r="OQ28" s="360">
        <v>73381752</v>
      </c>
      <c r="OR28" s="364">
        <v>433159841</v>
      </c>
      <c r="OS28" s="369">
        <v>443458355</v>
      </c>
    </row>
    <row r="29" spans="2:409" s="137" customFormat="1" ht="21" customHeight="1" x14ac:dyDescent="0.2">
      <c r="B29" s="421" t="s">
        <v>24</v>
      </c>
      <c r="C29" s="341">
        <v>2783787</v>
      </c>
      <c r="D29" s="342">
        <v>4323272</v>
      </c>
      <c r="E29" s="343">
        <v>7107059</v>
      </c>
      <c r="F29" s="344">
        <v>0</v>
      </c>
      <c r="G29" s="342">
        <v>27883248</v>
      </c>
      <c r="H29" s="342">
        <v>27793645</v>
      </c>
      <c r="I29" s="342">
        <v>22230216</v>
      </c>
      <c r="J29" s="342">
        <v>28375219</v>
      </c>
      <c r="K29" s="342">
        <v>20965986</v>
      </c>
      <c r="L29" s="382">
        <v>127248314</v>
      </c>
      <c r="M29" s="345">
        <v>134355373</v>
      </c>
      <c r="N29" s="341">
        <v>621906</v>
      </c>
      <c r="O29" s="342">
        <v>1109370</v>
      </c>
      <c r="P29" s="343">
        <v>1731276</v>
      </c>
      <c r="Q29" s="341">
        <v>0</v>
      </c>
      <c r="R29" s="342">
        <v>6228992</v>
      </c>
      <c r="S29" s="342">
        <v>8228498</v>
      </c>
      <c r="T29" s="342">
        <v>7001986</v>
      </c>
      <c r="U29" s="342">
        <v>11342915</v>
      </c>
      <c r="V29" s="342">
        <v>8754599</v>
      </c>
      <c r="W29" s="343">
        <v>41556990</v>
      </c>
      <c r="X29" s="345">
        <v>43288266</v>
      </c>
      <c r="Y29" s="341">
        <v>0</v>
      </c>
      <c r="Z29" s="342">
        <v>0</v>
      </c>
      <c r="AA29" s="343">
        <v>0</v>
      </c>
      <c r="AB29" s="341">
        <v>0</v>
      </c>
      <c r="AC29" s="342">
        <v>2316528</v>
      </c>
      <c r="AD29" s="342">
        <v>3387208</v>
      </c>
      <c r="AE29" s="342">
        <v>3774077</v>
      </c>
      <c r="AF29" s="342">
        <v>7048744</v>
      </c>
      <c r="AG29" s="342">
        <v>3764474</v>
      </c>
      <c r="AH29" s="343">
        <v>20291031</v>
      </c>
      <c r="AI29" s="345">
        <v>20291031</v>
      </c>
      <c r="AJ29" s="341">
        <v>0</v>
      </c>
      <c r="AK29" s="342">
        <v>0</v>
      </c>
      <c r="AL29" s="343">
        <v>0</v>
      </c>
      <c r="AM29" s="341">
        <v>0</v>
      </c>
      <c r="AN29" s="342">
        <v>42256</v>
      </c>
      <c r="AO29" s="342">
        <v>132824</v>
      </c>
      <c r="AP29" s="342">
        <v>229016</v>
      </c>
      <c r="AQ29" s="342">
        <v>549920</v>
      </c>
      <c r="AR29" s="342">
        <v>1504143</v>
      </c>
      <c r="AS29" s="343">
        <v>2458159</v>
      </c>
      <c r="AT29" s="345">
        <v>2458159</v>
      </c>
      <c r="AU29" s="341">
        <v>394930</v>
      </c>
      <c r="AV29" s="342">
        <v>850838</v>
      </c>
      <c r="AW29" s="343">
        <v>1245768</v>
      </c>
      <c r="AX29" s="341">
        <v>0</v>
      </c>
      <c r="AY29" s="342">
        <v>2486317</v>
      </c>
      <c r="AZ29" s="342">
        <v>3379369</v>
      </c>
      <c r="BA29" s="342">
        <v>1808547</v>
      </c>
      <c r="BB29" s="342">
        <v>2236373</v>
      </c>
      <c r="BC29" s="342">
        <v>2301744</v>
      </c>
      <c r="BD29" s="343">
        <v>12212350</v>
      </c>
      <c r="BE29" s="345">
        <v>13458118</v>
      </c>
      <c r="BF29" s="341">
        <v>0</v>
      </c>
      <c r="BG29" s="342">
        <v>23395</v>
      </c>
      <c r="BH29" s="346">
        <v>23395</v>
      </c>
      <c r="BI29" s="347">
        <v>0</v>
      </c>
      <c r="BJ29" s="342">
        <v>74521</v>
      </c>
      <c r="BK29" s="342">
        <v>206236</v>
      </c>
      <c r="BL29" s="342">
        <v>108007</v>
      </c>
      <c r="BM29" s="342">
        <v>121643</v>
      </c>
      <c r="BN29" s="342">
        <v>119325</v>
      </c>
      <c r="BO29" s="343">
        <v>629732</v>
      </c>
      <c r="BP29" s="345">
        <v>653127</v>
      </c>
      <c r="BQ29" s="341">
        <v>226976</v>
      </c>
      <c r="BR29" s="342">
        <v>235137</v>
      </c>
      <c r="BS29" s="343">
        <v>462113</v>
      </c>
      <c r="BT29" s="341">
        <v>0</v>
      </c>
      <c r="BU29" s="342">
        <v>1309370</v>
      </c>
      <c r="BV29" s="342">
        <v>1122861</v>
      </c>
      <c r="BW29" s="342">
        <v>1082339</v>
      </c>
      <c r="BX29" s="342">
        <v>1386235</v>
      </c>
      <c r="BY29" s="342">
        <v>1064913</v>
      </c>
      <c r="BZ29" s="343">
        <v>5965718</v>
      </c>
      <c r="CA29" s="345">
        <v>6427831</v>
      </c>
      <c r="CB29" s="341">
        <v>304822</v>
      </c>
      <c r="CC29" s="342">
        <v>549115</v>
      </c>
      <c r="CD29" s="343">
        <v>853937</v>
      </c>
      <c r="CE29" s="341">
        <v>0</v>
      </c>
      <c r="CF29" s="342">
        <v>9036363</v>
      </c>
      <c r="CG29" s="342">
        <v>7953092</v>
      </c>
      <c r="CH29" s="342">
        <v>4446753</v>
      </c>
      <c r="CI29" s="342">
        <v>3478218</v>
      </c>
      <c r="CJ29" s="342">
        <v>2233187</v>
      </c>
      <c r="CK29" s="343">
        <v>27147613</v>
      </c>
      <c r="CL29" s="345">
        <v>28001550</v>
      </c>
      <c r="CM29" s="341">
        <v>0</v>
      </c>
      <c r="CN29" s="342">
        <v>0</v>
      </c>
      <c r="CO29" s="343">
        <v>0</v>
      </c>
      <c r="CP29" s="347">
        <v>0</v>
      </c>
      <c r="CQ29" s="342">
        <v>6524022</v>
      </c>
      <c r="CR29" s="342">
        <v>5948393</v>
      </c>
      <c r="CS29" s="342">
        <v>2533978</v>
      </c>
      <c r="CT29" s="342">
        <v>2152374</v>
      </c>
      <c r="CU29" s="342">
        <v>1079559</v>
      </c>
      <c r="CV29" s="343">
        <v>18238326</v>
      </c>
      <c r="CW29" s="345">
        <v>18238326</v>
      </c>
      <c r="CX29" s="341">
        <v>304822</v>
      </c>
      <c r="CY29" s="342">
        <v>549115</v>
      </c>
      <c r="CZ29" s="343">
        <v>853937</v>
      </c>
      <c r="DA29" s="341">
        <v>0</v>
      </c>
      <c r="DB29" s="342">
        <v>2512341</v>
      </c>
      <c r="DC29" s="342">
        <v>2004699</v>
      </c>
      <c r="DD29" s="342">
        <v>1912775</v>
      </c>
      <c r="DE29" s="342">
        <v>1325844</v>
      </c>
      <c r="DF29" s="342">
        <v>1153628</v>
      </c>
      <c r="DG29" s="343">
        <v>8909287</v>
      </c>
      <c r="DH29" s="345">
        <v>9763224</v>
      </c>
      <c r="DI29" s="341">
        <v>42862</v>
      </c>
      <c r="DJ29" s="342">
        <v>9199</v>
      </c>
      <c r="DK29" s="346">
        <v>52061</v>
      </c>
      <c r="DL29" s="347">
        <v>0</v>
      </c>
      <c r="DM29" s="342">
        <v>1182256</v>
      </c>
      <c r="DN29" s="342">
        <v>1103454</v>
      </c>
      <c r="DO29" s="342">
        <v>1861058</v>
      </c>
      <c r="DP29" s="342">
        <v>2813741</v>
      </c>
      <c r="DQ29" s="342">
        <v>1405726</v>
      </c>
      <c r="DR29" s="343">
        <v>8366235</v>
      </c>
      <c r="DS29" s="345">
        <v>8418296</v>
      </c>
      <c r="DT29" s="341">
        <v>42862</v>
      </c>
      <c r="DU29" s="342">
        <v>9199</v>
      </c>
      <c r="DV29" s="343">
        <v>52061</v>
      </c>
      <c r="DW29" s="341">
        <v>0</v>
      </c>
      <c r="DX29" s="342">
        <v>1136218</v>
      </c>
      <c r="DY29" s="342">
        <v>1103454</v>
      </c>
      <c r="DZ29" s="342">
        <v>1804517</v>
      </c>
      <c r="EA29" s="342">
        <v>2480572</v>
      </c>
      <c r="EB29" s="342">
        <v>1113834</v>
      </c>
      <c r="EC29" s="343">
        <v>7638595</v>
      </c>
      <c r="ED29" s="345">
        <v>7690656</v>
      </c>
      <c r="EE29" s="341">
        <v>0</v>
      </c>
      <c r="EF29" s="346">
        <v>0</v>
      </c>
      <c r="EG29" s="343">
        <v>0</v>
      </c>
      <c r="EH29" s="341">
        <v>0</v>
      </c>
      <c r="EI29" s="342">
        <v>46038</v>
      </c>
      <c r="EJ29" s="342">
        <v>0</v>
      </c>
      <c r="EK29" s="342">
        <v>56541</v>
      </c>
      <c r="EL29" s="342">
        <v>333169</v>
      </c>
      <c r="EM29" s="342">
        <v>291892</v>
      </c>
      <c r="EN29" s="346">
        <v>727640</v>
      </c>
      <c r="EO29" s="345">
        <v>727640</v>
      </c>
      <c r="EP29" s="341">
        <v>0</v>
      </c>
      <c r="EQ29" s="342">
        <v>0</v>
      </c>
      <c r="ER29" s="346">
        <v>0</v>
      </c>
      <c r="ES29" s="347">
        <v>0</v>
      </c>
      <c r="ET29" s="342">
        <v>0</v>
      </c>
      <c r="EU29" s="342">
        <v>0</v>
      </c>
      <c r="EV29" s="342">
        <v>0</v>
      </c>
      <c r="EW29" s="342">
        <v>0</v>
      </c>
      <c r="EX29" s="342">
        <v>0</v>
      </c>
      <c r="EY29" s="343">
        <v>0</v>
      </c>
      <c r="EZ29" s="345">
        <v>0</v>
      </c>
      <c r="FA29" s="341">
        <v>0</v>
      </c>
      <c r="FB29" s="342">
        <v>0</v>
      </c>
      <c r="FC29" s="346">
        <v>0</v>
      </c>
      <c r="FD29" s="347">
        <v>0</v>
      </c>
      <c r="FE29" s="342">
        <v>0</v>
      </c>
      <c r="FF29" s="342">
        <v>0</v>
      </c>
      <c r="FG29" s="342">
        <v>0</v>
      </c>
      <c r="FH29" s="342">
        <v>0</v>
      </c>
      <c r="FI29" s="342">
        <v>0</v>
      </c>
      <c r="FJ29" s="343">
        <v>0</v>
      </c>
      <c r="FK29" s="345">
        <v>0</v>
      </c>
      <c r="FL29" s="341">
        <v>763273</v>
      </c>
      <c r="FM29" s="342">
        <v>812816</v>
      </c>
      <c r="FN29" s="343">
        <v>1576089</v>
      </c>
      <c r="FO29" s="341">
        <v>0</v>
      </c>
      <c r="FP29" s="342">
        <v>1343825</v>
      </c>
      <c r="FQ29" s="342">
        <v>2688649</v>
      </c>
      <c r="FR29" s="342">
        <v>2103041</v>
      </c>
      <c r="FS29" s="342">
        <v>2391225</v>
      </c>
      <c r="FT29" s="342">
        <v>1607965</v>
      </c>
      <c r="FU29" s="343">
        <v>10134705</v>
      </c>
      <c r="FV29" s="345">
        <v>11710794</v>
      </c>
      <c r="FW29" s="348">
        <v>423755</v>
      </c>
      <c r="FX29" s="342">
        <v>625147</v>
      </c>
      <c r="FY29" s="346">
        <v>1048902</v>
      </c>
      <c r="FZ29" s="347">
        <v>0</v>
      </c>
      <c r="GA29" s="342">
        <v>1234763</v>
      </c>
      <c r="GB29" s="342">
        <v>2469149</v>
      </c>
      <c r="GC29" s="342">
        <v>1864820</v>
      </c>
      <c r="GD29" s="342">
        <v>1886811</v>
      </c>
      <c r="GE29" s="342">
        <v>1560841</v>
      </c>
      <c r="GF29" s="343">
        <v>9016384</v>
      </c>
      <c r="GG29" s="349">
        <v>10065286</v>
      </c>
      <c r="GH29" s="348">
        <v>60428</v>
      </c>
      <c r="GI29" s="342">
        <v>45969</v>
      </c>
      <c r="GJ29" s="346">
        <v>106397</v>
      </c>
      <c r="GK29" s="347">
        <v>0</v>
      </c>
      <c r="GL29" s="342">
        <v>43362</v>
      </c>
      <c r="GM29" s="342">
        <v>50000</v>
      </c>
      <c r="GN29" s="342">
        <v>58221</v>
      </c>
      <c r="GO29" s="342">
        <v>97614</v>
      </c>
      <c r="GP29" s="342">
        <v>47124</v>
      </c>
      <c r="GQ29" s="343">
        <v>296321</v>
      </c>
      <c r="GR29" s="345">
        <v>402718</v>
      </c>
      <c r="GS29" s="341">
        <v>279090</v>
      </c>
      <c r="GT29" s="342">
        <v>141700</v>
      </c>
      <c r="GU29" s="343">
        <v>420790</v>
      </c>
      <c r="GV29" s="341">
        <v>0</v>
      </c>
      <c r="GW29" s="342">
        <v>65700</v>
      </c>
      <c r="GX29" s="342">
        <v>169500</v>
      </c>
      <c r="GY29" s="342">
        <v>180000</v>
      </c>
      <c r="GZ29" s="342">
        <v>406800</v>
      </c>
      <c r="HA29" s="342">
        <v>0</v>
      </c>
      <c r="HB29" s="346">
        <v>822000</v>
      </c>
      <c r="HC29" s="345">
        <v>1242790</v>
      </c>
      <c r="HD29" s="341">
        <v>587810</v>
      </c>
      <c r="HE29" s="342">
        <v>1241905</v>
      </c>
      <c r="HF29" s="346">
        <v>1829715</v>
      </c>
      <c r="HG29" s="347">
        <v>0</v>
      </c>
      <c r="HH29" s="342">
        <v>7222949</v>
      </c>
      <c r="HI29" s="342">
        <v>5539097</v>
      </c>
      <c r="HJ29" s="342">
        <v>5242503</v>
      </c>
      <c r="HK29" s="342">
        <v>6959619</v>
      </c>
      <c r="HL29" s="342">
        <v>6241825</v>
      </c>
      <c r="HM29" s="343">
        <v>31205993</v>
      </c>
      <c r="HN29" s="344">
        <v>33035708</v>
      </c>
      <c r="HO29" s="348">
        <v>463114</v>
      </c>
      <c r="HP29" s="342">
        <v>600867</v>
      </c>
      <c r="HQ29" s="343">
        <v>1063981</v>
      </c>
      <c r="HR29" s="341">
        <v>0</v>
      </c>
      <c r="HS29" s="342">
        <v>2868863</v>
      </c>
      <c r="HT29" s="342">
        <v>2280855</v>
      </c>
      <c r="HU29" s="342">
        <v>1574875</v>
      </c>
      <c r="HV29" s="342">
        <v>1389501</v>
      </c>
      <c r="HW29" s="342">
        <v>722684</v>
      </c>
      <c r="HX29" s="346">
        <v>8836778</v>
      </c>
      <c r="HY29" s="345">
        <v>9900759</v>
      </c>
      <c r="HZ29" s="350">
        <v>87014</v>
      </c>
      <c r="IA29" s="351">
        <v>241190</v>
      </c>
      <c r="IB29" s="352">
        <v>328204</v>
      </c>
      <c r="IC29" s="353">
        <v>0</v>
      </c>
      <c r="ID29" s="351">
        <v>3797238</v>
      </c>
      <c r="IE29" s="354">
        <v>5331656</v>
      </c>
      <c r="IF29" s="352">
        <v>4433237</v>
      </c>
      <c r="IG29" s="351">
        <v>4568774</v>
      </c>
      <c r="IH29" s="352">
        <v>1130206</v>
      </c>
      <c r="II29" s="355">
        <v>19261111</v>
      </c>
      <c r="IJ29" s="356">
        <v>19589315</v>
      </c>
      <c r="IK29" s="357">
        <v>0</v>
      </c>
      <c r="IL29" s="358">
        <v>0</v>
      </c>
      <c r="IM29" s="359">
        <v>0</v>
      </c>
      <c r="IN29" s="436">
        <v>0</v>
      </c>
      <c r="IO29" s="360">
        <v>72913</v>
      </c>
      <c r="IP29" s="360">
        <v>0</v>
      </c>
      <c r="IQ29" s="360">
        <v>373748</v>
      </c>
      <c r="IR29" s="360">
        <v>1077714</v>
      </c>
      <c r="IS29" s="360">
        <v>0</v>
      </c>
      <c r="IT29" s="361">
        <v>1524375</v>
      </c>
      <c r="IU29" s="362">
        <v>1524375</v>
      </c>
      <c r="IV29" s="363">
        <v>0</v>
      </c>
      <c r="IW29" s="360">
        <v>0</v>
      </c>
      <c r="IX29" s="364">
        <v>0</v>
      </c>
      <c r="IY29" s="439">
        <v>0</v>
      </c>
      <c r="IZ29" s="360">
        <v>0</v>
      </c>
      <c r="JA29" s="360">
        <v>0</v>
      </c>
      <c r="JB29" s="360">
        <v>0</v>
      </c>
      <c r="JC29" s="360">
        <v>0</v>
      </c>
      <c r="JD29" s="360">
        <v>0</v>
      </c>
      <c r="JE29" s="364">
        <v>0</v>
      </c>
      <c r="JF29" s="365">
        <v>0</v>
      </c>
      <c r="JG29" s="363">
        <v>0</v>
      </c>
      <c r="JH29" s="360">
        <v>0</v>
      </c>
      <c r="JI29" s="361">
        <v>0</v>
      </c>
      <c r="JJ29" s="366">
        <v>0</v>
      </c>
      <c r="JK29" s="360">
        <v>1560675</v>
      </c>
      <c r="JL29" s="360">
        <v>1282790</v>
      </c>
      <c r="JM29" s="360">
        <v>1231688</v>
      </c>
      <c r="JN29" s="360">
        <v>575500</v>
      </c>
      <c r="JO29" s="360">
        <v>40983</v>
      </c>
      <c r="JP29" s="364">
        <v>4691636</v>
      </c>
      <c r="JQ29" s="362">
        <v>4691636</v>
      </c>
      <c r="JR29" s="363">
        <v>0</v>
      </c>
      <c r="JS29" s="360">
        <v>0</v>
      </c>
      <c r="JT29" s="361">
        <v>0</v>
      </c>
      <c r="JU29" s="366">
        <v>0</v>
      </c>
      <c r="JV29" s="360">
        <v>379732</v>
      </c>
      <c r="JW29" s="360">
        <v>618869</v>
      </c>
      <c r="JX29" s="360">
        <v>330067</v>
      </c>
      <c r="JY29" s="360">
        <v>338883</v>
      </c>
      <c r="JZ29" s="360">
        <v>75693</v>
      </c>
      <c r="KA29" s="364">
        <v>1743244</v>
      </c>
      <c r="KB29" s="362">
        <v>1743244</v>
      </c>
      <c r="KC29" s="367">
        <v>87014</v>
      </c>
      <c r="KD29" s="368">
        <v>241190</v>
      </c>
      <c r="KE29" s="364">
        <v>328204</v>
      </c>
      <c r="KF29" s="366">
        <v>0</v>
      </c>
      <c r="KG29" s="360">
        <v>1457273</v>
      </c>
      <c r="KH29" s="360">
        <v>2499681</v>
      </c>
      <c r="KI29" s="360">
        <v>1027444</v>
      </c>
      <c r="KJ29" s="360">
        <v>1538361</v>
      </c>
      <c r="KK29" s="360">
        <v>620741</v>
      </c>
      <c r="KL29" s="364">
        <v>7143500</v>
      </c>
      <c r="KM29" s="369">
        <v>7471704</v>
      </c>
      <c r="KN29" s="357">
        <v>0</v>
      </c>
      <c r="KO29" s="358">
        <v>0</v>
      </c>
      <c r="KP29" s="359">
        <v>0</v>
      </c>
      <c r="KQ29" s="439">
        <v>0</v>
      </c>
      <c r="KR29" s="360">
        <v>326645</v>
      </c>
      <c r="KS29" s="360">
        <v>930316</v>
      </c>
      <c r="KT29" s="360">
        <v>1470290</v>
      </c>
      <c r="KU29" s="360">
        <v>1038316</v>
      </c>
      <c r="KV29" s="360">
        <v>392789</v>
      </c>
      <c r="KW29" s="364">
        <v>4158356</v>
      </c>
      <c r="KX29" s="362">
        <v>4158356</v>
      </c>
      <c r="KY29" s="363">
        <v>0</v>
      </c>
      <c r="KZ29" s="360">
        <v>0</v>
      </c>
      <c r="LA29" s="364">
        <v>0</v>
      </c>
      <c r="LB29" s="439">
        <v>0</v>
      </c>
      <c r="LC29" s="360">
        <v>0</v>
      </c>
      <c r="LD29" s="360">
        <v>0</v>
      </c>
      <c r="LE29" s="360">
        <v>0</v>
      </c>
      <c r="LF29" s="360">
        <v>0</v>
      </c>
      <c r="LG29" s="360">
        <v>0</v>
      </c>
      <c r="LH29" s="364">
        <v>0</v>
      </c>
      <c r="LI29" s="365">
        <v>0</v>
      </c>
      <c r="LJ29" s="363">
        <v>0</v>
      </c>
      <c r="LK29" s="360">
        <v>0</v>
      </c>
      <c r="LL29" s="364">
        <v>0</v>
      </c>
      <c r="LM29" s="439">
        <v>0</v>
      </c>
      <c r="LN29" s="360">
        <v>0</v>
      </c>
      <c r="LO29" s="360">
        <v>0</v>
      </c>
      <c r="LP29" s="360">
        <v>0</v>
      </c>
      <c r="LQ29" s="360">
        <v>0</v>
      </c>
      <c r="LR29" s="360">
        <v>0</v>
      </c>
      <c r="LS29" s="364">
        <v>0</v>
      </c>
      <c r="LT29" s="362">
        <v>0</v>
      </c>
      <c r="LU29" s="363">
        <v>0</v>
      </c>
      <c r="LV29" s="360">
        <v>0</v>
      </c>
      <c r="LW29" s="364">
        <v>0</v>
      </c>
      <c r="LX29" s="439">
        <v>0</v>
      </c>
      <c r="LY29" s="360">
        <v>0</v>
      </c>
      <c r="LZ29" s="360">
        <v>0</v>
      </c>
      <c r="MA29" s="360">
        <v>0</v>
      </c>
      <c r="MB29" s="360">
        <v>0</v>
      </c>
      <c r="MC29" s="360">
        <v>0</v>
      </c>
      <c r="MD29" s="364">
        <v>0</v>
      </c>
      <c r="ME29" s="365">
        <v>0</v>
      </c>
      <c r="MF29" s="363">
        <v>0</v>
      </c>
      <c r="MG29" s="360">
        <v>0</v>
      </c>
      <c r="MH29" s="364">
        <v>0</v>
      </c>
      <c r="MI29" s="439">
        <v>0</v>
      </c>
      <c r="MJ29" s="360">
        <v>3809998</v>
      </c>
      <c r="MK29" s="360">
        <v>2336551</v>
      </c>
      <c r="ML29" s="360">
        <v>12144685</v>
      </c>
      <c r="MM29" s="360">
        <v>30397092</v>
      </c>
      <c r="MN29" s="360">
        <v>16961510</v>
      </c>
      <c r="MO29" s="364">
        <v>65649836</v>
      </c>
      <c r="MP29" s="369">
        <v>65649836</v>
      </c>
      <c r="MQ29" s="363">
        <v>0</v>
      </c>
      <c r="MR29" s="360">
        <v>0</v>
      </c>
      <c r="MS29" s="364">
        <v>0</v>
      </c>
      <c r="MT29" s="439">
        <v>0</v>
      </c>
      <c r="MU29" s="360">
        <v>0</v>
      </c>
      <c r="MV29" s="360">
        <v>0</v>
      </c>
      <c r="MW29" s="360">
        <v>6673370</v>
      </c>
      <c r="MX29" s="360">
        <v>23333027</v>
      </c>
      <c r="MY29" s="360">
        <v>14247693</v>
      </c>
      <c r="MZ29" s="364">
        <v>44254090</v>
      </c>
      <c r="NA29" s="369">
        <v>44254090</v>
      </c>
      <c r="NB29" s="363">
        <v>0</v>
      </c>
      <c r="NC29" s="360">
        <v>0</v>
      </c>
      <c r="ND29" s="364">
        <v>0</v>
      </c>
      <c r="NE29" s="439">
        <v>0</v>
      </c>
      <c r="NF29" s="360">
        <v>3809998</v>
      </c>
      <c r="NG29" s="360">
        <v>2336551</v>
      </c>
      <c r="NH29" s="360">
        <v>5471315</v>
      </c>
      <c r="NI29" s="360">
        <v>7064065</v>
      </c>
      <c r="NJ29" s="360">
        <v>2713817</v>
      </c>
      <c r="NK29" s="364">
        <v>21395746</v>
      </c>
      <c r="NL29" s="362">
        <v>21395746</v>
      </c>
      <c r="NM29" s="363">
        <v>0</v>
      </c>
      <c r="NN29" s="360">
        <v>0</v>
      </c>
      <c r="NO29" s="364">
        <v>0</v>
      </c>
      <c r="NP29" s="439">
        <v>0</v>
      </c>
      <c r="NQ29" s="360">
        <v>0</v>
      </c>
      <c r="NR29" s="360">
        <v>0</v>
      </c>
      <c r="NS29" s="360">
        <v>0</v>
      </c>
      <c r="NT29" s="360">
        <v>0</v>
      </c>
      <c r="NU29" s="360">
        <v>0</v>
      </c>
      <c r="NV29" s="364">
        <v>0</v>
      </c>
      <c r="NW29" s="365">
        <v>0</v>
      </c>
      <c r="NX29" s="363">
        <v>0</v>
      </c>
      <c r="NY29" s="360">
        <v>0</v>
      </c>
      <c r="NZ29" s="364">
        <v>0</v>
      </c>
      <c r="OA29" s="439">
        <v>0</v>
      </c>
      <c r="OB29" s="360">
        <v>0</v>
      </c>
      <c r="OC29" s="360">
        <v>0</v>
      </c>
      <c r="OD29" s="360">
        <v>0</v>
      </c>
      <c r="OE29" s="360">
        <v>0</v>
      </c>
      <c r="OF29" s="360">
        <v>0</v>
      </c>
      <c r="OG29" s="364">
        <v>0</v>
      </c>
      <c r="OH29" s="365">
        <v>0</v>
      </c>
      <c r="OI29" s="363">
        <v>2870801</v>
      </c>
      <c r="OJ29" s="360">
        <v>4564462</v>
      </c>
      <c r="OK29" s="361">
        <v>7435263</v>
      </c>
      <c r="OL29" s="366">
        <v>0</v>
      </c>
      <c r="OM29" s="360">
        <v>35490484</v>
      </c>
      <c r="ON29" s="360">
        <v>35461852</v>
      </c>
      <c r="OO29" s="360">
        <v>38808138</v>
      </c>
      <c r="OP29" s="360">
        <v>63341085</v>
      </c>
      <c r="OQ29" s="360">
        <v>39057702</v>
      </c>
      <c r="OR29" s="364">
        <v>212159261</v>
      </c>
      <c r="OS29" s="369">
        <v>219594524</v>
      </c>
    </row>
    <row r="30" spans="2:409" s="137" customFormat="1" ht="21" customHeight="1" x14ac:dyDescent="0.2">
      <c r="B30" s="421" t="s">
        <v>25</v>
      </c>
      <c r="C30" s="341">
        <v>2464603</v>
      </c>
      <c r="D30" s="342">
        <v>4710246</v>
      </c>
      <c r="E30" s="343">
        <v>7174849</v>
      </c>
      <c r="F30" s="344">
        <v>0</v>
      </c>
      <c r="G30" s="342">
        <v>28873686</v>
      </c>
      <c r="H30" s="342">
        <v>34379547</v>
      </c>
      <c r="I30" s="342">
        <v>25922798</v>
      </c>
      <c r="J30" s="342">
        <v>24841237</v>
      </c>
      <c r="K30" s="342">
        <v>18662010</v>
      </c>
      <c r="L30" s="382">
        <v>132679278</v>
      </c>
      <c r="M30" s="345">
        <v>139854127</v>
      </c>
      <c r="N30" s="341">
        <v>572481</v>
      </c>
      <c r="O30" s="342">
        <v>1644700</v>
      </c>
      <c r="P30" s="343">
        <v>2217181</v>
      </c>
      <c r="Q30" s="341">
        <v>0</v>
      </c>
      <c r="R30" s="342">
        <v>8437619</v>
      </c>
      <c r="S30" s="342">
        <v>10820600</v>
      </c>
      <c r="T30" s="342">
        <v>7615944</v>
      </c>
      <c r="U30" s="342">
        <v>9640431</v>
      </c>
      <c r="V30" s="342">
        <v>9693732</v>
      </c>
      <c r="W30" s="343">
        <v>46208326</v>
      </c>
      <c r="X30" s="345">
        <v>48425507</v>
      </c>
      <c r="Y30" s="341">
        <v>0</v>
      </c>
      <c r="Z30" s="342">
        <v>0</v>
      </c>
      <c r="AA30" s="343">
        <v>0</v>
      </c>
      <c r="AB30" s="341">
        <v>0</v>
      </c>
      <c r="AC30" s="342">
        <v>4232847</v>
      </c>
      <c r="AD30" s="342">
        <v>5337156</v>
      </c>
      <c r="AE30" s="342">
        <v>4103246</v>
      </c>
      <c r="AF30" s="342">
        <v>5791654</v>
      </c>
      <c r="AG30" s="342">
        <v>6623458</v>
      </c>
      <c r="AH30" s="343">
        <v>26088361</v>
      </c>
      <c r="AI30" s="345">
        <v>26088361</v>
      </c>
      <c r="AJ30" s="341">
        <v>0</v>
      </c>
      <c r="AK30" s="342">
        <v>0</v>
      </c>
      <c r="AL30" s="343">
        <v>0</v>
      </c>
      <c r="AM30" s="341">
        <v>0</v>
      </c>
      <c r="AN30" s="342">
        <v>148281</v>
      </c>
      <c r="AO30" s="342">
        <v>374170</v>
      </c>
      <c r="AP30" s="342">
        <v>584516</v>
      </c>
      <c r="AQ30" s="342">
        <v>827641</v>
      </c>
      <c r="AR30" s="342">
        <v>1042285</v>
      </c>
      <c r="AS30" s="343">
        <v>2976893</v>
      </c>
      <c r="AT30" s="345">
        <v>2976893</v>
      </c>
      <c r="AU30" s="341">
        <v>399392</v>
      </c>
      <c r="AV30" s="342">
        <v>1360873</v>
      </c>
      <c r="AW30" s="343">
        <v>1760265</v>
      </c>
      <c r="AX30" s="341">
        <v>0</v>
      </c>
      <c r="AY30" s="342">
        <v>3069898</v>
      </c>
      <c r="AZ30" s="342">
        <v>3696700</v>
      </c>
      <c r="BA30" s="342">
        <v>1997284</v>
      </c>
      <c r="BB30" s="342">
        <v>1754285</v>
      </c>
      <c r="BC30" s="342">
        <v>1072040</v>
      </c>
      <c r="BD30" s="343">
        <v>11590207</v>
      </c>
      <c r="BE30" s="345">
        <v>13350472</v>
      </c>
      <c r="BF30" s="341">
        <v>29718</v>
      </c>
      <c r="BG30" s="342">
        <v>171785</v>
      </c>
      <c r="BH30" s="346">
        <v>201503</v>
      </c>
      <c r="BI30" s="347">
        <v>0</v>
      </c>
      <c r="BJ30" s="342">
        <v>0</v>
      </c>
      <c r="BK30" s="342">
        <v>618428</v>
      </c>
      <c r="BL30" s="342">
        <v>159786</v>
      </c>
      <c r="BM30" s="342">
        <v>199712</v>
      </c>
      <c r="BN30" s="342">
        <v>208124</v>
      </c>
      <c r="BO30" s="343">
        <v>1186050</v>
      </c>
      <c r="BP30" s="345">
        <v>1387553</v>
      </c>
      <c r="BQ30" s="341">
        <v>143371</v>
      </c>
      <c r="BR30" s="342">
        <v>112042</v>
      </c>
      <c r="BS30" s="343">
        <v>255413</v>
      </c>
      <c r="BT30" s="341">
        <v>0</v>
      </c>
      <c r="BU30" s="342">
        <v>986593</v>
      </c>
      <c r="BV30" s="342">
        <v>794146</v>
      </c>
      <c r="BW30" s="342">
        <v>771112</v>
      </c>
      <c r="BX30" s="342">
        <v>1067139</v>
      </c>
      <c r="BY30" s="342">
        <v>747825</v>
      </c>
      <c r="BZ30" s="343">
        <v>4366815</v>
      </c>
      <c r="CA30" s="345">
        <v>4622228</v>
      </c>
      <c r="CB30" s="341">
        <v>278463</v>
      </c>
      <c r="CC30" s="342">
        <v>576290</v>
      </c>
      <c r="CD30" s="343">
        <v>854753</v>
      </c>
      <c r="CE30" s="341">
        <v>0</v>
      </c>
      <c r="CF30" s="342">
        <v>10093682</v>
      </c>
      <c r="CG30" s="342">
        <v>11936979</v>
      </c>
      <c r="CH30" s="342">
        <v>8492592</v>
      </c>
      <c r="CI30" s="342">
        <v>5864853</v>
      </c>
      <c r="CJ30" s="342">
        <v>1761237</v>
      </c>
      <c r="CK30" s="343">
        <v>38149343</v>
      </c>
      <c r="CL30" s="345">
        <v>39004096</v>
      </c>
      <c r="CM30" s="341">
        <v>0</v>
      </c>
      <c r="CN30" s="342">
        <v>0</v>
      </c>
      <c r="CO30" s="343">
        <v>0</v>
      </c>
      <c r="CP30" s="347">
        <v>0</v>
      </c>
      <c r="CQ30" s="342">
        <v>8194854</v>
      </c>
      <c r="CR30" s="342">
        <v>7946199</v>
      </c>
      <c r="CS30" s="342">
        <v>6460471</v>
      </c>
      <c r="CT30" s="342">
        <v>4586302</v>
      </c>
      <c r="CU30" s="342">
        <v>1521309</v>
      </c>
      <c r="CV30" s="343">
        <v>28709135</v>
      </c>
      <c r="CW30" s="345">
        <v>28709135</v>
      </c>
      <c r="CX30" s="341">
        <v>278463</v>
      </c>
      <c r="CY30" s="342">
        <v>576290</v>
      </c>
      <c r="CZ30" s="343">
        <v>854753</v>
      </c>
      <c r="DA30" s="341">
        <v>0</v>
      </c>
      <c r="DB30" s="342">
        <v>1898828</v>
      </c>
      <c r="DC30" s="342">
        <v>3990780</v>
      </c>
      <c r="DD30" s="342">
        <v>2032121</v>
      </c>
      <c r="DE30" s="342">
        <v>1278551</v>
      </c>
      <c r="DF30" s="342">
        <v>239928</v>
      </c>
      <c r="DG30" s="343">
        <v>9440208</v>
      </c>
      <c r="DH30" s="345">
        <v>10294961</v>
      </c>
      <c r="DI30" s="341">
        <v>0</v>
      </c>
      <c r="DJ30" s="342">
        <v>20783</v>
      </c>
      <c r="DK30" s="346">
        <v>20783</v>
      </c>
      <c r="DL30" s="347">
        <v>0</v>
      </c>
      <c r="DM30" s="342">
        <v>1150590</v>
      </c>
      <c r="DN30" s="342">
        <v>2196169</v>
      </c>
      <c r="DO30" s="342">
        <v>3177884</v>
      </c>
      <c r="DP30" s="342">
        <v>1248638</v>
      </c>
      <c r="DQ30" s="342">
        <v>1413039</v>
      </c>
      <c r="DR30" s="343">
        <v>9186320</v>
      </c>
      <c r="DS30" s="345">
        <v>9207103</v>
      </c>
      <c r="DT30" s="341">
        <v>0</v>
      </c>
      <c r="DU30" s="342">
        <v>20783</v>
      </c>
      <c r="DV30" s="343">
        <v>20783</v>
      </c>
      <c r="DW30" s="341">
        <v>0</v>
      </c>
      <c r="DX30" s="342">
        <v>1127843</v>
      </c>
      <c r="DY30" s="342">
        <v>1840449</v>
      </c>
      <c r="DZ30" s="342">
        <v>2535095</v>
      </c>
      <c r="EA30" s="342">
        <v>1031433</v>
      </c>
      <c r="EB30" s="342">
        <v>963887</v>
      </c>
      <c r="EC30" s="343">
        <v>7498707</v>
      </c>
      <c r="ED30" s="345">
        <v>7519490</v>
      </c>
      <c r="EE30" s="341">
        <v>0</v>
      </c>
      <c r="EF30" s="346">
        <v>0</v>
      </c>
      <c r="EG30" s="343">
        <v>0</v>
      </c>
      <c r="EH30" s="341">
        <v>0</v>
      </c>
      <c r="EI30" s="342">
        <v>22747</v>
      </c>
      <c r="EJ30" s="342">
        <v>355720</v>
      </c>
      <c r="EK30" s="342">
        <v>642789</v>
      </c>
      <c r="EL30" s="342">
        <v>217205</v>
      </c>
      <c r="EM30" s="342">
        <v>449152</v>
      </c>
      <c r="EN30" s="346">
        <v>1687613</v>
      </c>
      <c r="EO30" s="345">
        <v>1687613</v>
      </c>
      <c r="EP30" s="341">
        <v>0</v>
      </c>
      <c r="EQ30" s="342">
        <v>0</v>
      </c>
      <c r="ER30" s="346">
        <v>0</v>
      </c>
      <c r="ES30" s="347">
        <v>0</v>
      </c>
      <c r="ET30" s="342">
        <v>0</v>
      </c>
      <c r="EU30" s="342">
        <v>0</v>
      </c>
      <c r="EV30" s="342">
        <v>0</v>
      </c>
      <c r="EW30" s="342">
        <v>0</v>
      </c>
      <c r="EX30" s="342">
        <v>0</v>
      </c>
      <c r="EY30" s="343">
        <v>0</v>
      </c>
      <c r="EZ30" s="345">
        <v>0</v>
      </c>
      <c r="FA30" s="341">
        <v>0</v>
      </c>
      <c r="FB30" s="342">
        <v>0</v>
      </c>
      <c r="FC30" s="346">
        <v>0</v>
      </c>
      <c r="FD30" s="347">
        <v>0</v>
      </c>
      <c r="FE30" s="342">
        <v>0</v>
      </c>
      <c r="FF30" s="342">
        <v>0</v>
      </c>
      <c r="FG30" s="342">
        <v>0</v>
      </c>
      <c r="FH30" s="342">
        <v>0</v>
      </c>
      <c r="FI30" s="342">
        <v>0</v>
      </c>
      <c r="FJ30" s="343">
        <v>0</v>
      </c>
      <c r="FK30" s="345">
        <v>0</v>
      </c>
      <c r="FL30" s="341">
        <v>758687</v>
      </c>
      <c r="FM30" s="342">
        <v>1287372</v>
      </c>
      <c r="FN30" s="343">
        <v>2046059</v>
      </c>
      <c r="FO30" s="341">
        <v>0</v>
      </c>
      <c r="FP30" s="342">
        <v>1315928</v>
      </c>
      <c r="FQ30" s="342">
        <v>3557972</v>
      </c>
      <c r="FR30" s="342">
        <v>2324216</v>
      </c>
      <c r="FS30" s="342">
        <v>2065526</v>
      </c>
      <c r="FT30" s="342">
        <v>1116125</v>
      </c>
      <c r="FU30" s="343">
        <v>10379767</v>
      </c>
      <c r="FV30" s="345">
        <v>12425826</v>
      </c>
      <c r="FW30" s="348">
        <v>444137</v>
      </c>
      <c r="FX30" s="342">
        <v>1107372</v>
      </c>
      <c r="FY30" s="346">
        <v>1551509</v>
      </c>
      <c r="FZ30" s="347">
        <v>0</v>
      </c>
      <c r="GA30" s="342">
        <v>1043008</v>
      </c>
      <c r="GB30" s="342">
        <v>3479272</v>
      </c>
      <c r="GC30" s="342">
        <v>2032436</v>
      </c>
      <c r="GD30" s="342">
        <v>2049326</v>
      </c>
      <c r="GE30" s="342">
        <v>1116125</v>
      </c>
      <c r="GF30" s="343">
        <v>9720167</v>
      </c>
      <c r="GG30" s="349">
        <v>11271676</v>
      </c>
      <c r="GH30" s="348">
        <v>0</v>
      </c>
      <c r="GI30" s="342">
        <v>0</v>
      </c>
      <c r="GJ30" s="346">
        <v>0</v>
      </c>
      <c r="GK30" s="347">
        <v>0</v>
      </c>
      <c r="GL30" s="342">
        <v>24300</v>
      </c>
      <c r="GM30" s="342">
        <v>17100</v>
      </c>
      <c r="GN30" s="342">
        <v>0</v>
      </c>
      <c r="GO30" s="342">
        <v>0</v>
      </c>
      <c r="GP30" s="342">
        <v>0</v>
      </c>
      <c r="GQ30" s="343">
        <v>41400</v>
      </c>
      <c r="GR30" s="345">
        <v>41400</v>
      </c>
      <c r="GS30" s="341">
        <v>314550</v>
      </c>
      <c r="GT30" s="342">
        <v>180000</v>
      </c>
      <c r="GU30" s="343">
        <v>494550</v>
      </c>
      <c r="GV30" s="341">
        <v>0</v>
      </c>
      <c r="GW30" s="342">
        <v>248620</v>
      </c>
      <c r="GX30" s="342">
        <v>61600</v>
      </c>
      <c r="GY30" s="342">
        <v>291780</v>
      </c>
      <c r="GZ30" s="342">
        <v>16200</v>
      </c>
      <c r="HA30" s="342">
        <v>0</v>
      </c>
      <c r="HB30" s="346">
        <v>618200</v>
      </c>
      <c r="HC30" s="345">
        <v>1112750</v>
      </c>
      <c r="HD30" s="341">
        <v>350102</v>
      </c>
      <c r="HE30" s="342">
        <v>288069</v>
      </c>
      <c r="HF30" s="346">
        <v>638171</v>
      </c>
      <c r="HG30" s="347">
        <v>0</v>
      </c>
      <c r="HH30" s="342">
        <v>3228990</v>
      </c>
      <c r="HI30" s="342">
        <v>1677705</v>
      </c>
      <c r="HJ30" s="342">
        <v>1751228</v>
      </c>
      <c r="HK30" s="342">
        <v>4184027</v>
      </c>
      <c r="HL30" s="342">
        <v>3685321</v>
      </c>
      <c r="HM30" s="343">
        <v>14527271</v>
      </c>
      <c r="HN30" s="344">
        <v>15165442</v>
      </c>
      <c r="HO30" s="348">
        <v>504870</v>
      </c>
      <c r="HP30" s="342">
        <v>893032</v>
      </c>
      <c r="HQ30" s="343">
        <v>1397902</v>
      </c>
      <c r="HR30" s="341">
        <v>0</v>
      </c>
      <c r="HS30" s="342">
        <v>4646877</v>
      </c>
      <c r="HT30" s="342">
        <v>4190122</v>
      </c>
      <c r="HU30" s="342">
        <v>2560934</v>
      </c>
      <c r="HV30" s="342">
        <v>1837762</v>
      </c>
      <c r="HW30" s="342">
        <v>992556</v>
      </c>
      <c r="HX30" s="346">
        <v>14228251</v>
      </c>
      <c r="HY30" s="345">
        <v>15626153</v>
      </c>
      <c r="HZ30" s="373">
        <v>87720</v>
      </c>
      <c r="IA30" s="371">
        <v>83166</v>
      </c>
      <c r="IB30" s="373">
        <v>170886</v>
      </c>
      <c r="IC30" s="370">
        <v>0</v>
      </c>
      <c r="ID30" s="371">
        <v>7263953</v>
      </c>
      <c r="IE30" s="372">
        <v>4067750</v>
      </c>
      <c r="IF30" s="373">
        <v>4701924</v>
      </c>
      <c r="IG30" s="371">
        <v>2524022</v>
      </c>
      <c r="IH30" s="373">
        <v>887123</v>
      </c>
      <c r="II30" s="374">
        <v>19444772</v>
      </c>
      <c r="IJ30" s="373">
        <v>19615658</v>
      </c>
      <c r="IK30" s="357">
        <v>0</v>
      </c>
      <c r="IL30" s="358">
        <v>0</v>
      </c>
      <c r="IM30" s="359">
        <v>0</v>
      </c>
      <c r="IN30" s="436">
        <v>0</v>
      </c>
      <c r="IO30" s="360">
        <v>0</v>
      </c>
      <c r="IP30" s="360">
        <v>0</v>
      </c>
      <c r="IQ30" s="360">
        <v>0</v>
      </c>
      <c r="IR30" s="360">
        <v>0</v>
      </c>
      <c r="IS30" s="360">
        <v>0</v>
      </c>
      <c r="IT30" s="361">
        <v>0</v>
      </c>
      <c r="IU30" s="362">
        <v>0</v>
      </c>
      <c r="IV30" s="363">
        <v>0</v>
      </c>
      <c r="IW30" s="360">
        <v>0</v>
      </c>
      <c r="IX30" s="364">
        <v>0</v>
      </c>
      <c r="IY30" s="439">
        <v>0</v>
      </c>
      <c r="IZ30" s="360">
        <v>0</v>
      </c>
      <c r="JA30" s="360">
        <v>0</v>
      </c>
      <c r="JB30" s="360">
        <v>0</v>
      </c>
      <c r="JC30" s="360">
        <v>0</v>
      </c>
      <c r="JD30" s="360">
        <v>0</v>
      </c>
      <c r="JE30" s="364">
        <v>0</v>
      </c>
      <c r="JF30" s="365">
        <v>0</v>
      </c>
      <c r="JG30" s="363">
        <v>0</v>
      </c>
      <c r="JH30" s="360">
        <v>0</v>
      </c>
      <c r="JI30" s="361">
        <v>0</v>
      </c>
      <c r="JJ30" s="366">
        <v>0</v>
      </c>
      <c r="JK30" s="360">
        <v>4163909</v>
      </c>
      <c r="JL30" s="360">
        <v>2164180</v>
      </c>
      <c r="JM30" s="360">
        <v>1545797</v>
      </c>
      <c r="JN30" s="360">
        <v>636514</v>
      </c>
      <c r="JO30" s="360">
        <v>37902</v>
      </c>
      <c r="JP30" s="364">
        <v>8548302</v>
      </c>
      <c r="JQ30" s="362">
        <v>8548302</v>
      </c>
      <c r="JR30" s="363">
        <v>0</v>
      </c>
      <c r="JS30" s="360">
        <v>0</v>
      </c>
      <c r="JT30" s="361">
        <v>0</v>
      </c>
      <c r="JU30" s="366">
        <v>0</v>
      </c>
      <c r="JV30" s="360">
        <v>0</v>
      </c>
      <c r="JW30" s="360">
        <v>0</v>
      </c>
      <c r="JX30" s="360">
        <v>0</v>
      </c>
      <c r="JY30" s="360">
        <v>0</v>
      </c>
      <c r="JZ30" s="360">
        <v>0</v>
      </c>
      <c r="KA30" s="364">
        <v>0</v>
      </c>
      <c r="KB30" s="362">
        <v>0</v>
      </c>
      <c r="KC30" s="367">
        <v>87720</v>
      </c>
      <c r="KD30" s="368">
        <v>83166</v>
      </c>
      <c r="KE30" s="364">
        <v>170886</v>
      </c>
      <c r="KF30" s="366">
        <v>0</v>
      </c>
      <c r="KG30" s="360">
        <v>478088</v>
      </c>
      <c r="KH30" s="360">
        <v>880800</v>
      </c>
      <c r="KI30" s="360">
        <v>536055</v>
      </c>
      <c r="KJ30" s="360">
        <v>267786</v>
      </c>
      <c r="KK30" s="360">
        <v>302576</v>
      </c>
      <c r="KL30" s="364">
        <v>2465305</v>
      </c>
      <c r="KM30" s="369">
        <v>2636191</v>
      </c>
      <c r="KN30" s="357">
        <v>0</v>
      </c>
      <c r="KO30" s="358">
        <v>0</v>
      </c>
      <c r="KP30" s="359">
        <v>0</v>
      </c>
      <c r="KQ30" s="439">
        <v>0</v>
      </c>
      <c r="KR30" s="360">
        <v>2621956</v>
      </c>
      <c r="KS30" s="360">
        <v>1022770</v>
      </c>
      <c r="KT30" s="360">
        <v>2620072</v>
      </c>
      <c r="KU30" s="360">
        <v>1619722</v>
      </c>
      <c r="KV30" s="360">
        <v>546645</v>
      </c>
      <c r="KW30" s="364">
        <v>8431165</v>
      </c>
      <c r="KX30" s="362">
        <v>8431165</v>
      </c>
      <c r="KY30" s="363">
        <v>0</v>
      </c>
      <c r="KZ30" s="360">
        <v>0</v>
      </c>
      <c r="LA30" s="364">
        <v>0</v>
      </c>
      <c r="LB30" s="439">
        <v>0</v>
      </c>
      <c r="LC30" s="360">
        <v>0</v>
      </c>
      <c r="LD30" s="360">
        <v>0</v>
      </c>
      <c r="LE30" s="360">
        <v>0</v>
      </c>
      <c r="LF30" s="360">
        <v>0</v>
      </c>
      <c r="LG30" s="360">
        <v>0</v>
      </c>
      <c r="LH30" s="364">
        <v>0</v>
      </c>
      <c r="LI30" s="365">
        <v>0</v>
      </c>
      <c r="LJ30" s="363">
        <v>0</v>
      </c>
      <c r="LK30" s="360">
        <v>0</v>
      </c>
      <c r="LL30" s="364">
        <v>0</v>
      </c>
      <c r="LM30" s="439">
        <v>0</v>
      </c>
      <c r="LN30" s="360">
        <v>0</v>
      </c>
      <c r="LO30" s="360">
        <v>0</v>
      </c>
      <c r="LP30" s="360">
        <v>0</v>
      </c>
      <c r="LQ30" s="360">
        <v>0</v>
      </c>
      <c r="LR30" s="360">
        <v>0</v>
      </c>
      <c r="LS30" s="364">
        <v>0</v>
      </c>
      <c r="LT30" s="362">
        <v>0</v>
      </c>
      <c r="LU30" s="363">
        <v>0</v>
      </c>
      <c r="LV30" s="360">
        <v>0</v>
      </c>
      <c r="LW30" s="364">
        <v>0</v>
      </c>
      <c r="LX30" s="439">
        <v>0</v>
      </c>
      <c r="LY30" s="360">
        <v>0</v>
      </c>
      <c r="LZ30" s="360">
        <v>0</v>
      </c>
      <c r="MA30" s="360">
        <v>0</v>
      </c>
      <c r="MB30" s="360">
        <v>0</v>
      </c>
      <c r="MC30" s="360">
        <v>0</v>
      </c>
      <c r="MD30" s="364">
        <v>0</v>
      </c>
      <c r="ME30" s="365">
        <v>0</v>
      </c>
      <c r="MF30" s="363">
        <v>0</v>
      </c>
      <c r="MG30" s="360">
        <v>0</v>
      </c>
      <c r="MH30" s="364">
        <v>0</v>
      </c>
      <c r="MI30" s="439">
        <v>0</v>
      </c>
      <c r="MJ30" s="360">
        <v>3500401</v>
      </c>
      <c r="MK30" s="360">
        <v>7611556</v>
      </c>
      <c r="ML30" s="360">
        <v>17709084</v>
      </c>
      <c r="MM30" s="360">
        <v>35071608</v>
      </c>
      <c r="MN30" s="360">
        <v>18179670</v>
      </c>
      <c r="MO30" s="364">
        <v>82072319</v>
      </c>
      <c r="MP30" s="369">
        <v>82072319</v>
      </c>
      <c r="MQ30" s="363">
        <v>0</v>
      </c>
      <c r="MR30" s="360">
        <v>0</v>
      </c>
      <c r="MS30" s="364">
        <v>0</v>
      </c>
      <c r="MT30" s="439">
        <v>0</v>
      </c>
      <c r="MU30" s="360">
        <v>0</v>
      </c>
      <c r="MV30" s="360">
        <v>845287</v>
      </c>
      <c r="MW30" s="360">
        <v>13176911</v>
      </c>
      <c r="MX30" s="360">
        <v>21827059</v>
      </c>
      <c r="MY30" s="360">
        <v>12919028</v>
      </c>
      <c r="MZ30" s="364">
        <v>48768285</v>
      </c>
      <c r="NA30" s="369">
        <v>48768285</v>
      </c>
      <c r="NB30" s="363">
        <v>0</v>
      </c>
      <c r="NC30" s="360">
        <v>0</v>
      </c>
      <c r="ND30" s="364">
        <v>0</v>
      </c>
      <c r="NE30" s="439">
        <v>0</v>
      </c>
      <c r="NF30" s="360">
        <v>3500401</v>
      </c>
      <c r="NG30" s="360">
        <v>6766269</v>
      </c>
      <c r="NH30" s="360">
        <v>4532173</v>
      </c>
      <c r="NI30" s="360">
        <v>13244549</v>
      </c>
      <c r="NJ30" s="360">
        <v>4443013</v>
      </c>
      <c r="NK30" s="364">
        <v>32486405</v>
      </c>
      <c r="NL30" s="362">
        <v>32486405</v>
      </c>
      <c r="NM30" s="363">
        <v>0</v>
      </c>
      <c r="NN30" s="360">
        <v>0</v>
      </c>
      <c r="NO30" s="364">
        <v>0</v>
      </c>
      <c r="NP30" s="439">
        <v>0</v>
      </c>
      <c r="NQ30" s="360">
        <v>0</v>
      </c>
      <c r="NR30" s="360">
        <v>0</v>
      </c>
      <c r="NS30" s="360">
        <v>0</v>
      </c>
      <c r="NT30" s="360">
        <v>0</v>
      </c>
      <c r="NU30" s="360">
        <v>0</v>
      </c>
      <c r="NV30" s="364">
        <v>0</v>
      </c>
      <c r="NW30" s="365">
        <v>0</v>
      </c>
      <c r="NX30" s="363">
        <v>0</v>
      </c>
      <c r="NY30" s="360">
        <v>0</v>
      </c>
      <c r="NZ30" s="364">
        <v>0</v>
      </c>
      <c r="OA30" s="439">
        <v>0</v>
      </c>
      <c r="OB30" s="360">
        <v>0</v>
      </c>
      <c r="OC30" s="360">
        <v>0</v>
      </c>
      <c r="OD30" s="360">
        <v>0</v>
      </c>
      <c r="OE30" s="360">
        <v>0</v>
      </c>
      <c r="OF30" s="360">
        <v>817629</v>
      </c>
      <c r="OG30" s="364">
        <v>817629</v>
      </c>
      <c r="OH30" s="365">
        <v>817629</v>
      </c>
      <c r="OI30" s="363">
        <v>2552323</v>
      </c>
      <c r="OJ30" s="360">
        <v>4793412</v>
      </c>
      <c r="OK30" s="361">
        <v>7345735</v>
      </c>
      <c r="OL30" s="366">
        <v>0</v>
      </c>
      <c r="OM30" s="360">
        <v>39638040</v>
      </c>
      <c r="ON30" s="360">
        <v>46058853</v>
      </c>
      <c r="OO30" s="360">
        <v>48333806</v>
      </c>
      <c r="OP30" s="360">
        <v>62436867</v>
      </c>
      <c r="OQ30" s="360">
        <v>37728803</v>
      </c>
      <c r="OR30" s="364">
        <v>234196369</v>
      </c>
      <c r="OS30" s="369">
        <v>241542104</v>
      </c>
    </row>
    <row r="31" spans="2:409" s="137" customFormat="1" ht="21" customHeight="1" x14ac:dyDescent="0.2">
      <c r="B31" s="421" t="s">
        <v>26</v>
      </c>
      <c r="C31" s="341">
        <v>1794434</v>
      </c>
      <c r="D31" s="342">
        <v>3150925</v>
      </c>
      <c r="E31" s="343">
        <v>4945359</v>
      </c>
      <c r="F31" s="344">
        <v>0</v>
      </c>
      <c r="G31" s="342">
        <v>23803325</v>
      </c>
      <c r="H31" s="342">
        <v>29556977</v>
      </c>
      <c r="I31" s="342">
        <v>25114542</v>
      </c>
      <c r="J31" s="342">
        <v>19015544</v>
      </c>
      <c r="K31" s="342">
        <v>22551566</v>
      </c>
      <c r="L31" s="382">
        <v>120041954</v>
      </c>
      <c r="M31" s="345">
        <v>124987313</v>
      </c>
      <c r="N31" s="341">
        <v>481039</v>
      </c>
      <c r="O31" s="342">
        <v>554685</v>
      </c>
      <c r="P31" s="343">
        <v>1035724</v>
      </c>
      <c r="Q31" s="341">
        <v>0</v>
      </c>
      <c r="R31" s="342">
        <v>5933307</v>
      </c>
      <c r="S31" s="342">
        <v>9326387</v>
      </c>
      <c r="T31" s="342">
        <v>7656053</v>
      </c>
      <c r="U31" s="342">
        <v>6334418</v>
      </c>
      <c r="V31" s="342">
        <v>13122557</v>
      </c>
      <c r="W31" s="343">
        <v>42372722</v>
      </c>
      <c r="X31" s="345">
        <v>43408446</v>
      </c>
      <c r="Y31" s="341">
        <v>0</v>
      </c>
      <c r="Z31" s="342">
        <v>0</v>
      </c>
      <c r="AA31" s="343">
        <v>0</v>
      </c>
      <c r="AB31" s="341">
        <v>0</v>
      </c>
      <c r="AC31" s="342">
        <v>2587566</v>
      </c>
      <c r="AD31" s="342">
        <v>5161562</v>
      </c>
      <c r="AE31" s="342">
        <v>4479862</v>
      </c>
      <c r="AF31" s="342">
        <v>3125152</v>
      </c>
      <c r="AG31" s="342">
        <v>8451358</v>
      </c>
      <c r="AH31" s="343">
        <v>23805500</v>
      </c>
      <c r="AI31" s="345">
        <v>23805500</v>
      </c>
      <c r="AJ31" s="341">
        <v>0</v>
      </c>
      <c r="AK31" s="342">
        <v>0</v>
      </c>
      <c r="AL31" s="343">
        <v>0</v>
      </c>
      <c r="AM31" s="341">
        <v>0</v>
      </c>
      <c r="AN31" s="342">
        <v>0</v>
      </c>
      <c r="AO31" s="342">
        <v>41061</v>
      </c>
      <c r="AP31" s="342">
        <v>265968</v>
      </c>
      <c r="AQ31" s="342">
        <v>517874</v>
      </c>
      <c r="AR31" s="342">
        <v>963049</v>
      </c>
      <c r="AS31" s="343">
        <v>1787952</v>
      </c>
      <c r="AT31" s="345">
        <v>1787952</v>
      </c>
      <c r="AU31" s="341">
        <v>324544</v>
      </c>
      <c r="AV31" s="342">
        <v>424493</v>
      </c>
      <c r="AW31" s="343">
        <v>749037</v>
      </c>
      <c r="AX31" s="341">
        <v>0</v>
      </c>
      <c r="AY31" s="342">
        <v>2495903</v>
      </c>
      <c r="AZ31" s="342">
        <v>2952556</v>
      </c>
      <c r="BA31" s="342">
        <v>1368876</v>
      </c>
      <c r="BB31" s="342">
        <v>1827238</v>
      </c>
      <c r="BC31" s="342">
        <v>2795551</v>
      </c>
      <c r="BD31" s="343">
        <v>11440124</v>
      </c>
      <c r="BE31" s="345">
        <v>12189161</v>
      </c>
      <c r="BF31" s="341">
        <v>46464</v>
      </c>
      <c r="BG31" s="342">
        <v>61108</v>
      </c>
      <c r="BH31" s="346">
        <v>107572</v>
      </c>
      <c r="BI31" s="347">
        <v>0</v>
      </c>
      <c r="BJ31" s="342">
        <v>33435</v>
      </c>
      <c r="BK31" s="342">
        <v>166591</v>
      </c>
      <c r="BL31" s="342">
        <v>210552</v>
      </c>
      <c r="BM31" s="342">
        <v>59387</v>
      </c>
      <c r="BN31" s="342">
        <v>199112</v>
      </c>
      <c r="BO31" s="343">
        <v>669077</v>
      </c>
      <c r="BP31" s="345">
        <v>776649</v>
      </c>
      <c r="BQ31" s="341">
        <v>110031</v>
      </c>
      <c r="BR31" s="342">
        <v>69084</v>
      </c>
      <c r="BS31" s="343">
        <v>179115</v>
      </c>
      <c r="BT31" s="341">
        <v>0</v>
      </c>
      <c r="BU31" s="342">
        <v>816403</v>
      </c>
      <c r="BV31" s="342">
        <v>1004617</v>
      </c>
      <c r="BW31" s="342">
        <v>1330795</v>
      </c>
      <c r="BX31" s="342">
        <v>804767</v>
      </c>
      <c r="BY31" s="342">
        <v>713487</v>
      </c>
      <c r="BZ31" s="343">
        <v>4670069</v>
      </c>
      <c r="CA31" s="345">
        <v>4849184</v>
      </c>
      <c r="CB31" s="341">
        <v>180615</v>
      </c>
      <c r="CC31" s="342">
        <v>300421</v>
      </c>
      <c r="CD31" s="343">
        <v>481036</v>
      </c>
      <c r="CE31" s="341">
        <v>0</v>
      </c>
      <c r="CF31" s="342">
        <v>6547759</v>
      </c>
      <c r="CG31" s="342">
        <v>8852131</v>
      </c>
      <c r="CH31" s="342">
        <v>5008389</v>
      </c>
      <c r="CI31" s="342">
        <v>3528767</v>
      </c>
      <c r="CJ31" s="342">
        <v>2747743</v>
      </c>
      <c r="CK31" s="343">
        <v>26684789</v>
      </c>
      <c r="CL31" s="345">
        <v>27165825</v>
      </c>
      <c r="CM31" s="341">
        <v>0</v>
      </c>
      <c r="CN31" s="342">
        <v>0</v>
      </c>
      <c r="CO31" s="343">
        <v>0</v>
      </c>
      <c r="CP31" s="347">
        <v>0</v>
      </c>
      <c r="CQ31" s="342">
        <v>5399356</v>
      </c>
      <c r="CR31" s="342">
        <v>7297233</v>
      </c>
      <c r="CS31" s="342">
        <v>3775097</v>
      </c>
      <c r="CT31" s="342">
        <v>2530646</v>
      </c>
      <c r="CU31" s="342">
        <v>2078904</v>
      </c>
      <c r="CV31" s="343">
        <v>21081236</v>
      </c>
      <c r="CW31" s="345">
        <v>21081236</v>
      </c>
      <c r="CX31" s="341">
        <v>180615</v>
      </c>
      <c r="CY31" s="342">
        <v>300421</v>
      </c>
      <c r="CZ31" s="343">
        <v>481036</v>
      </c>
      <c r="DA31" s="341">
        <v>0</v>
      </c>
      <c r="DB31" s="342">
        <v>1148403</v>
      </c>
      <c r="DC31" s="342">
        <v>1554898</v>
      </c>
      <c r="DD31" s="342">
        <v>1233292</v>
      </c>
      <c r="DE31" s="342">
        <v>998121</v>
      </c>
      <c r="DF31" s="342">
        <v>668839</v>
      </c>
      <c r="DG31" s="343">
        <v>5603553</v>
      </c>
      <c r="DH31" s="345">
        <v>6084589</v>
      </c>
      <c r="DI31" s="341">
        <v>0</v>
      </c>
      <c r="DJ31" s="342">
        <v>39911</v>
      </c>
      <c r="DK31" s="346">
        <v>39911</v>
      </c>
      <c r="DL31" s="347">
        <v>0</v>
      </c>
      <c r="DM31" s="342">
        <v>1073051</v>
      </c>
      <c r="DN31" s="342">
        <v>1683644</v>
      </c>
      <c r="DO31" s="342">
        <v>2777988</v>
      </c>
      <c r="DP31" s="342">
        <v>2196575</v>
      </c>
      <c r="DQ31" s="342">
        <v>1681172</v>
      </c>
      <c r="DR31" s="343">
        <v>9412430</v>
      </c>
      <c r="DS31" s="345">
        <v>9452341</v>
      </c>
      <c r="DT31" s="341">
        <v>0</v>
      </c>
      <c r="DU31" s="342">
        <v>39911</v>
      </c>
      <c r="DV31" s="343">
        <v>39911</v>
      </c>
      <c r="DW31" s="341">
        <v>0</v>
      </c>
      <c r="DX31" s="342">
        <v>1001973</v>
      </c>
      <c r="DY31" s="342">
        <v>1554375</v>
      </c>
      <c r="DZ31" s="342">
        <v>2612230</v>
      </c>
      <c r="EA31" s="342">
        <v>1936337</v>
      </c>
      <c r="EB31" s="342">
        <v>1628288</v>
      </c>
      <c r="EC31" s="343">
        <v>8733203</v>
      </c>
      <c r="ED31" s="345">
        <v>8773114</v>
      </c>
      <c r="EE31" s="341">
        <v>0</v>
      </c>
      <c r="EF31" s="346">
        <v>0</v>
      </c>
      <c r="EG31" s="343">
        <v>0</v>
      </c>
      <c r="EH31" s="341">
        <v>0</v>
      </c>
      <c r="EI31" s="342">
        <v>71078</v>
      </c>
      <c r="EJ31" s="342">
        <v>129269</v>
      </c>
      <c r="EK31" s="342">
        <v>165758</v>
      </c>
      <c r="EL31" s="342">
        <v>260238</v>
      </c>
      <c r="EM31" s="342">
        <v>52884</v>
      </c>
      <c r="EN31" s="346">
        <v>679227</v>
      </c>
      <c r="EO31" s="345">
        <v>679227</v>
      </c>
      <c r="EP31" s="341">
        <v>0</v>
      </c>
      <c r="EQ31" s="342">
        <v>0</v>
      </c>
      <c r="ER31" s="346">
        <v>0</v>
      </c>
      <c r="ES31" s="347">
        <v>0</v>
      </c>
      <c r="ET31" s="342">
        <v>0</v>
      </c>
      <c r="EU31" s="342">
        <v>0</v>
      </c>
      <c r="EV31" s="342">
        <v>0</v>
      </c>
      <c r="EW31" s="342">
        <v>0</v>
      </c>
      <c r="EX31" s="342">
        <v>0</v>
      </c>
      <c r="EY31" s="343">
        <v>0</v>
      </c>
      <c r="EZ31" s="345">
        <v>0</v>
      </c>
      <c r="FA31" s="341">
        <v>0</v>
      </c>
      <c r="FB31" s="342">
        <v>0</v>
      </c>
      <c r="FC31" s="346">
        <v>0</v>
      </c>
      <c r="FD31" s="347">
        <v>0</v>
      </c>
      <c r="FE31" s="342">
        <v>0</v>
      </c>
      <c r="FF31" s="342">
        <v>0</v>
      </c>
      <c r="FG31" s="342">
        <v>0</v>
      </c>
      <c r="FH31" s="342">
        <v>0</v>
      </c>
      <c r="FI31" s="342">
        <v>0</v>
      </c>
      <c r="FJ31" s="343">
        <v>0</v>
      </c>
      <c r="FK31" s="345">
        <v>0</v>
      </c>
      <c r="FL31" s="341">
        <v>438656</v>
      </c>
      <c r="FM31" s="342">
        <v>1081806</v>
      </c>
      <c r="FN31" s="343">
        <v>1520462</v>
      </c>
      <c r="FO31" s="341">
        <v>0</v>
      </c>
      <c r="FP31" s="342">
        <v>1399470</v>
      </c>
      <c r="FQ31" s="342">
        <v>2880704</v>
      </c>
      <c r="FR31" s="342">
        <v>1927878</v>
      </c>
      <c r="FS31" s="342">
        <v>1645509</v>
      </c>
      <c r="FT31" s="342">
        <v>1682699</v>
      </c>
      <c r="FU31" s="343">
        <v>9536260</v>
      </c>
      <c r="FV31" s="345">
        <v>11056722</v>
      </c>
      <c r="FW31" s="348">
        <v>373082</v>
      </c>
      <c r="FX31" s="342">
        <v>637557</v>
      </c>
      <c r="FY31" s="346">
        <v>1010639</v>
      </c>
      <c r="FZ31" s="347">
        <v>0</v>
      </c>
      <c r="GA31" s="342">
        <v>1081869</v>
      </c>
      <c r="GB31" s="342">
        <v>2514196</v>
      </c>
      <c r="GC31" s="342">
        <v>1705961</v>
      </c>
      <c r="GD31" s="342">
        <v>1560141</v>
      </c>
      <c r="GE31" s="342">
        <v>1682699</v>
      </c>
      <c r="GF31" s="343">
        <v>8544866</v>
      </c>
      <c r="GG31" s="349">
        <v>9555505</v>
      </c>
      <c r="GH31" s="348">
        <v>65574</v>
      </c>
      <c r="GI31" s="342">
        <v>79002</v>
      </c>
      <c r="GJ31" s="346">
        <v>144576</v>
      </c>
      <c r="GK31" s="347">
        <v>0</v>
      </c>
      <c r="GL31" s="342">
        <v>101961</v>
      </c>
      <c r="GM31" s="342">
        <v>109018</v>
      </c>
      <c r="GN31" s="342">
        <v>41976</v>
      </c>
      <c r="GO31" s="342">
        <v>85368</v>
      </c>
      <c r="GP31" s="342">
        <v>0</v>
      </c>
      <c r="GQ31" s="343">
        <v>338323</v>
      </c>
      <c r="GR31" s="345">
        <v>482899</v>
      </c>
      <c r="GS31" s="341">
        <v>0</v>
      </c>
      <c r="GT31" s="342">
        <v>365247</v>
      </c>
      <c r="GU31" s="343">
        <v>365247</v>
      </c>
      <c r="GV31" s="341">
        <v>0</v>
      </c>
      <c r="GW31" s="342">
        <v>215640</v>
      </c>
      <c r="GX31" s="342">
        <v>257490</v>
      </c>
      <c r="GY31" s="342">
        <v>179941</v>
      </c>
      <c r="GZ31" s="342">
        <v>0</v>
      </c>
      <c r="HA31" s="342">
        <v>0</v>
      </c>
      <c r="HB31" s="346">
        <v>653071</v>
      </c>
      <c r="HC31" s="345">
        <v>1018318</v>
      </c>
      <c r="HD31" s="341">
        <v>331958</v>
      </c>
      <c r="HE31" s="342">
        <v>567356</v>
      </c>
      <c r="HF31" s="346">
        <v>899314</v>
      </c>
      <c r="HG31" s="347">
        <v>0</v>
      </c>
      <c r="HH31" s="342">
        <v>4565553</v>
      </c>
      <c r="HI31" s="342">
        <v>2732028</v>
      </c>
      <c r="HJ31" s="342">
        <v>5072384</v>
      </c>
      <c r="HK31" s="342">
        <v>3809475</v>
      </c>
      <c r="HL31" s="342">
        <v>1781006</v>
      </c>
      <c r="HM31" s="343">
        <v>17960446</v>
      </c>
      <c r="HN31" s="344">
        <v>18859760</v>
      </c>
      <c r="HO31" s="348">
        <v>362166</v>
      </c>
      <c r="HP31" s="342">
        <v>606746</v>
      </c>
      <c r="HQ31" s="343">
        <v>968912</v>
      </c>
      <c r="HR31" s="341">
        <v>0</v>
      </c>
      <c r="HS31" s="342">
        <v>4284185</v>
      </c>
      <c r="HT31" s="342">
        <v>4082083</v>
      </c>
      <c r="HU31" s="342">
        <v>2671850</v>
      </c>
      <c r="HV31" s="342">
        <v>1500800</v>
      </c>
      <c r="HW31" s="342">
        <v>1536389</v>
      </c>
      <c r="HX31" s="346">
        <v>14075307</v>
      </c>
      <c r="HY31" s="345">
        <v>15044219</v>
      </c>
      <c r="HZ31" s="350">
        <v>0</v>
      </c>
      <c r="IA31" s="351">
        <v>0</v>
      </c>
      <c r="IB31" s="352">
        <v>0</v>
      </c>
      <c r="IC31" s="353">
        <v>0</v>
      </c>
      <c r="ID31" s="351">
        <v>3759660</v>
      </c>
      <c r="IE31" s="354">
        <v>7340080</v>
      </c>
      <c r="IF31" s="352">
        <v>10597959</v>
      </c>
      <c r="IG31" s="351">
        <v>4463253</v>
      </c>
      <c r="IH31" s="352">
        <v>1732833</v>
      </c>
      <c r="II31" s="355">
        <v>27893785</v>
      </c>
      <c r="IJ31" s="356">
        <v>27893785</v>
      </c>
      <c r="IK31" s="357">
        <v>0</v>
      </c>
      <c r="IL31" s="358">
        <v>0</v>
      </c>
      <c r="IM31" s="359">
        <v>0</v>
      </c>
      <c r="IN31" s="436">
        <v>0</v>
      </c>
      <c r="IO31" s="360">
        <v>0</v>
      </c>
      <c r="IP31" s="360">
        <v>0</v>
      </c>
      <c r="IQ31" s="360">
        <v>0</v>
      </c>
      <c r="IR31" s="360">
        <v>0</v>
      </c>
      <c r="IS31" s="360">
        <v>0</v>
      </c>
      <c r="IT31" s="361">
        <v>0</v>
      </c>
      <c r="IU31" s="362">
        <v>0</v>
      </c>
      <c r="IV31" s="363">
        <v>0</v>
      </c>
      <c r="IW31" s="360">
        <v>0</v>
      </c>
      <c r="IX31" s="364">
        <v>0</v>
      </c>
      <c r="IY31" s="439">
        <v>0</v>
      </c>
      <c r="IZ31" s="360">
        <v>0</v>
      </c>
      <c r="JA31" s="360">
        <v>0</v>
      </c>
      <c r="JB31" s="360">
        <v>0</v>
      </c>
      <c r="JC31" s="360">
        <v>0</v>
      </c>
      <c r="JD31" s="360">
        <v>0</v>
      </c>
      <c r="JE31" s="364">
        <v>0</v>
      </c>
      <c r="JF31" s="365">
        <v>0</v>
      </c>
      <c r="JG31" s="363">
        <v>0</v>
      </c>
      <c r="JH31" s="360">
        <v>0</v>
      </c>
      <c r="JI31" s="361">
        <v>0</v>
      </c>
      <c r="JJ31" s="366">
        <v>0</v>
      </c>
      <c r="JK31" s="360">
        <v>1912870</v>
      </c>
      <c r="JL31" s="360">
        <v>2289871</v>
      </c>
      <c r="JM31" s="360">
        <v>2641715</v>
      </c>
      <c r="JN31" s="360">
        <v>904457</v>
      </c>
      <c r="JO31" s="360">
        <v>712007</v>
      </c>
      <c r="JP31" s="364">
        <v>8460920</v>
      </c>
      <c r="JQ31" s="362">
        <v>8460920</v>
      </c>
      <c r="JR31" s="363">
        <v>0</v>
      </c>
      <c r="JS31" s="360">
        <v>0</v>
      </c>
      <c r="JT31" s="361">
        <v>0</v>
      </c>
      <c r="JU31" s="366">
        <v>0</v>
      </c>
      <c r="JV31" s="360">
        <v>0</v>
      </c>
      <c r="JW31" s="360">
        <v>284030</v>
      </c>
      <c r="JX31" s="360">
        <v>248053</v>
      </c>
      <c r="JY31" s="360">
        <v>0</v>
      </c>
      <c r="JZ31" s="360">
        <v>406657</v>
      </c>
      <c r="KA31" s="364">
        <v>938740</v>
      </c>
      <c r="KB31" s="362">
        <v>938740</v>
      </c>
      <c r="KC31" s="367">
        <v>0</v>
      </c>
      <c r="KD31" s="368">
        <v>0</v>
      </c>
      <c r="KE31" s="364">
        <v>0</v>
      </c>
      <c r="KF31" s="366">
        <v>0</v>
      </c>
      <c r="KG31" s="360">
        <v>616311</v>
      </c>
      <c r="KH31" s="360">
        <v>974424</v>
      </c>
      <c r="KI31" s="360">
        <v>1751294</v>
      </c>
      <c r="KJ31" s="360">
        <v>1230864</v>
      </c>
      <c r="KK31" s="360">
        <v>332813</v>
      </c>
      <c r="KL31" s="364">
        <v>4905706</v>
      </c>
      <c r="KM31" s="369">
        <v>4905706</v>
      </c>
      <c r="KN31" s="357">
        <v>0</v>
      </c>
      <c r="KO31" s="358">
        <v>0</v>
      </c>
      <c r="KP31" s="359">
        <v>0</v>
      </c>
      <c r="KQ31" s="439">
        <v>0</v>
      </c>
      <c r="KR31" s="360">
        <v>1230479</v>
      </c>
      <c r="KS31" s="360">
        <v>3791755</v>
      </c>
      <c r="KT31" s="360">
        <v>5956897</v>
      </c>
      <c r="KU31" s="360">
        <v>2327932</v>
      </c>
      <c r="KV31" s="360">
        <v>281356</v>
      </c>
      <c r="KW31" s="364">
        <v>13588419</v>
      </c>
      <c r="KX31" s="362">
        <v>13588419</v>
      </c>
      <c r="KY31" s="363">
        <v>0</v>
      </c>
      <c r="KZ31" s="360">
        <v>0</v>
      </c>
      <c r="LA31" s="364">
        <v>0</v>
      </c>
      <c r="LB31" s="439">
        <v>0</v>
      </c>
      <c r="LC31" s="360">
        <v>0</v>
      </c>
      <c r="LD31" s="360">
        <v>0</v>
      </c>
      <c r="LE31" s="360">
        <v>0</v>
      </c>
      <c r="LF31" s="360">
        <v>0</v>
      </c>
      <c r="LG31" s="360">
        <v>0</v>
      </c>
      <c r="LH31" s="364">
        <v>0</v>
      </c>
      <c r="LI31" s="365">
        <v>0</v>
      </c>
      <c r="LJ31" s="363">
        <v>0</v>
      </c>
      <c r="LK31" s="360">
        <v>0</v>
      </c>
      <c r="LL31" s="364">
        <v>0</v>
      </c>
      <c r="LM31" s="439">
        <v>0</v>
      </c>
      <c r="LN31" s="360">
        <v>0</v>
      </c>
      <c r="LO31" s="360">
        <v>0</v>
      </c>
      <c r="LP31" s="360">
        <v>0</v>
      </c>
      <c r="LQ31" s="360">
        <v>0</v>
      </c>
      <c r="LR31" s="360">
        <v>0</v>
      </c>
      <c r="LS31" s="364">
        <v>0</v>
      </c>
      <c r="LT31" s="362">
        <v>0</v>
      </c>
      <c r="LU31" s="363">
        <v>0</v>
      </c>
      <c r="LV31" s="360">
        <v>0</v>
      </c>
      <c r="LW31" s="364">
        <v>0</v>
      </c>
      <c r="LX31" s="439">
        <v>0</v>
      </c>
      <c r="LY31" s="360">
        <v>0</v>
      </c>
      <c r="LZ31" s="360">
        <v>0</v>
      </c>
      <c r="MA31" s="360">
        <v>0</v>
      </c>
      <c r="MB31" s="360">
        <v>0</v>
      </c>
      <c r="MC31" s="360">
        <v>0</v>
      </c>
      <c r="MD31" s="364">
        <v>0</v>
      </c>
      <c r="ME31" s="365">
        <v>0</v>
      </c>
      <c r="MF31" s="363">
        <v>0</v>
      </c>
      <c r="MG31" s="360">
        <v>0</v>
      </c>
      <c r="MH31" s="364">
        <v>0</v>
      </c>
      <c r="MI31" s="439">
        <v>0</v>
      </c>
      <c r="MJ31" s="360">
        <v>1242483</v>
      </c>
      <c r="MK31" s="360">
        <v>5585724</v>
      </c>
      <c r="ML31" s="360">
        <v>16471007</v>
      </c>
      <c r="MM31" s="360">
        <v>23905346</v>
      </c>
      <c r="MN31" s="360">
        <v>18565352</v>
      </c>
      <c r="MO31" s="364">
        <v>65769912</v>
      </c>
      <c r="MP31" s="369">
        <v>65769912</v>
      </c>
      <c r="MQ31" s="363">
        <v>0</v>
      </c>
      <c r="MR31" s="360">
        <v>0</v>
      </c>
      <c r="MS31" s="364">
        <v>0</v>
      </c>
      <c r="MT31" s="439">
        <v>0</v>
      </c>
      <c r="MU31" s="360">
        <v>465875</v>
      </c>
      <c r="MV31" s="360">
        <v>1186595</v>
      </c>
      <c r="MW31" s="360">
        <v>7688772</v>
      </c>
      <c r="MX31" s="360">
        <v>18517421</v>
      </c>
      <c r="MY31" s="360">
        <v>13626917</v>
      </c>
      <c r="MZ31" s="364">
        <v>41485580</v>
      </c>
      <c r="NA31" s="369">
        <v>41485580</v>
      </c>
      <c r="NB31" s="363">
        <v>0</v>
      </c>
      <c r="NC31" s="360">
        <v>0</v>
      </c>
      <c r="ND31" s="364">
        <v>0</v>
      </c>
      <c r="NE31" s="439">
        <v>0</v>
      </c>
      <c r="NF31" s="360">
        <v>776608</v>
      </c>
      <c r="NG31" s="360">
        <v>4399129</v>
      </c>
      <c r="NH31" s="360">
        <v>8432869</v>
      </c>
      <c r="NI31" s="360">
        <v>4983204</v>
      </c>
      <c r="NJ31" s="360">
        <v>4107354</v>
      </c>
      <c r="NK31" s="364">
        <v>22699164</v>
      </c>
      <c r="NL31" s="362">
        <v>22699164</v>
      </c>
      <c r="NM31" s="363">
        <v>0</v>
      </c>
      <c r="NN31" s="360">
        <v>0</v>
      </c>
      <c r="NO31" s="364">
        <v>0</v>
      </c>
      <c r="NP31" s="439">
        <v>0</v>
      </c>
      <c r="NQ31" s="360">
        <v>0</v>
      </c>
      <c r="NR31" s="360">
        <v>0</v>
      </c>
      <c r="NS31" s="360">
        <v>0</v>
      </c>
      <c r="NT31" s="360">
        <v>0</v>
      </c>
      <c r="NU31" s="360">
        <v>0</v>
      </c>
      <c r="NV31" s="364">
        <v>0</v>
      </c>
      <c r="NW31" s="365">
        <v>0</v>
      </c>
      <c r="NX31" s="363">
        <v>0</v>
      </c>
      <c r="NY31" s="360">
        <v>0</v>
      </c>
      <c r="NZ31" s="364">
        <v>0</v>
      </c>
      <c r="OA31" s="439">
        <v>0</v>
      </c>
      <c r="OB31" s="360">
        <v>0</v>
      </c>
      <c r="OC31" s="360">
        <v>0</v>
      </c>
      <c r="OD31" s="360">
        <v>349366</v>
      </c>
      <c r="OE31" s="360">
        <v>404721</v>
      </c>
      <c r="OF31" s="360">
        <v>831081</v>
      </c>
      <c r="OG31" s="364">
        <v>1585168</v>
      </c>
      <c r="OH31" s="365">
        <v>1585168</v>
      </c>
      <c r="OI31" s="363">
        <v>1794434</v>
      </c>
      <c r="OJ31" s="360">
        <v>3150925</v>
      </c>
      <c r="OK31" s="361">
        <v>4945359</v>
      </c>
      <c r="OL31" s="366">
        <v>0</v>
      </c>
      <c r="OM31" s="360">
        <v>28805468</v>
      </c>
      <c r="ON31" s="360">
        <v>42482781</v>
      </c>
      <c r="OO31" s="360">
        <v>52183508</v>
      </c>
      <c r="OP31" s="360">
        <v>47384143</v>
      </c>
      <c r="OQ31" s="360">
        <v>42849751</v>
      </c>
      <c r="OR31" s="364">
        <v>213705651</v>
      </c>
      <c r="OS31" s="369">
        <v>218651010</v>
      </c>
    </row>
    <row r="32" spans="2:409" s="137" customFormat="1" ht="21" customHeight="1" x14ac:dyDescent="0.2">
      <c r="B32" s="421" t="s">
        <v>27</v>
      </c>
      <c r="C32" s="341">
        <v>2620624</v>
      </c>
      <c r="D32" s="342">
        <v>5967438</v>
      </c>
      <c r="E32" s="343">
        <v>8588062</v>
      </c>
      <c r="F32" s="344">
        <v>0</v>
      </c>
      <c r="G32" s="342">
        <v>21702550</v>
      </c>
      <c r="H32" s="342">
        <v>21453812</v>
      </c>
      <c r="I32" s="342">
        <v>19534770</v>
      </c>
      <c r="J32" s="342">
        <v>17491932</v>
      </c>
      <c r="K32" s="342">
        <v>15871353</v>
      </c>
      <c r="L32" s="382">
        <v>96054417</v>
      </c>
      <c r="M32" s="345">
        <v>104642479</v>
      </c>
      <c r="N32" s="341">
        <v>624413</v>
      </c>
      <c r="O32" s="342">
        <v>1221571</v>
      </c>
      <c r="P32" s="343">
        <v>1845984</v>
      </c>
      <c r="Q32" s="341">
        <v>0</v>
      </c>
      <c r="R32" s="342">
        <v>3876874</v>
      </c>
      <c r="S32" s="342">
        <v>5962901</v>
      </c>
      <c r="T32" s="342">
        <v>5841970</v>
      </c>
      <c r="U32" s="342">
        <v>4786917</v>
      </c>
      <c r="V32" s="342">
        <v>7085376</v>
      </c>
      <c r="W32" s="343">
        <v>27554038</v>
      </c>
      <c r="X32" s="345">
        <v>29400022</v>
      </c>
      <c r="Y32" s="341">
        <v>0</v>
      </c>
      <c r="Z32" s="342">
        <v>0</v>
      </c>
      <c r="AA32" s="343">
        <v>0</v>
      </c>
      <c r="AB32" s="341">
        <v>0</v>
      </c>
      <c r="AC32" s="342">
        <v>1779731</v>
      </c>
      <c r="AD32" s="342">
        <v>2925017</v>
      </c>
      <c r="AE32" s="342">
        <v>3427444</v>
      </c>
      <c r="AF32" s="342">
        <v>2237018</v>
      </c>
      <c r="AG32" s="342">
        <v>3561926</v>
      </c>
      <c r="AH32" s="343">
        <v>13931136</v>
      </c>
      <c r="AI32" s="345">
        <v>13931136</v>
      </c>
      <c r="AJ32" s="341">
        <v>0</v>
      </c>
      <c r="AK32" s="342">
        <v>0</v>
      </c>
      <c r="AL32" s="343">
        <v>0</v>
      </c>
      <c r="AM32" s="341">
        <v>0</v>
      </c>
      <c r="AN32" s="342">
        <v>67669</v>
      </c>
      <c r="AO32" s="342">
        <v>431756</v>
      </c>
      <c r="AP32" s="342">
        <v>241003</v>
      </c>
      <c r="AQ32" s="342">
        <v>465455</v>
      </c>
      <c r="AR32" s="342">
        <v>1134780</v>
      </c>
      <c r="AS32" s="343">
        <v>2340663</v>
      </c>
      <c r="AT32" s="345">
        <v>2340663</v>
      </c>
      <c r="AU32" s="341">
        <v>502410</v>
      </c>
      <c r="AV32" s="342">
        <v>987630</v>
      </c>
      <c r="AW32" s="343">
        <v>1490040</v>
      </c>
      <c r="AX32" s="341">
        <v>0</v>
      </c>
      <c r="AY32" s="342">
        <v>1141686</v>
      </c>
      <c r="AZ32" s="342">
        <v>1854198</v>
      </c>
      <c r="BA32" s="342">
        <v>1224216</v>
      </c>
      <c r="BB32" s="342">
        <v>1175815</v>
      </c>
      <c r="BC32" s="342">
        <v>1673582</v>
      </c>
      <c r="BD32" s="343">
        <v>7069497</v>
      </c>
      <c r="BE32" s="345">
        <v>8559537</v>
      </c>
      <c r="BF32" s="341">
        <v>0</v>
      </c>
      <c r="BG32" s="342">
        <v>23775</v>
      </c>
      <c r="BH32" s="346">
        <v>23775</v>
      </c>
      <c r="BI32" s="347">
        <v>0</v>
      </c>
      <c r="BJ32" s="342">
        <v>62215</v>
      </c>
      <c r="BK32" s="342">
        <v>59093</v>
      </c>
      <c r="BL32" s="342">
        <v>26663</v>
      </c>
      <c r="BM32" s="342">
        <v>0</v>
      </c>
      <c r="BN32" s="342">
        <v>54486</v>
      </c>
      <c r="BO32" s="343">
        <v>202457</v>
      </c>
      <c r="BP32" s="345">
        <v>226232</v>
      </c>
      <c r="BQ32" s="341">
        <v>122003</v>
      </c>
      <c r="BR32" s="342">
        <v>210166</v>
      </c>
      <c r="BS32" s="343">
        <v>332169</v>
      </c>
      <c r="BT32" s="341">
        <v>0</v>
      </c>
      <c r="BU32" s="342">
        <v>825573</v>
      </c>
      <c r="BV32" s="342">
        <v>692837</v>
      </c>
      <c r="BW32" s="342">
        <v>922644</v>
      </c>
      <c r="BX32" s="342">
        <v>908629</v>
      </c>
      <c r="BY32" s="342">
        <v>660602</v>
      </c>
      <c r="BZ32" s="343">
        <v>4010285</v>
      </c>
      <c r="CA32" s="345">
        <v>4342454</v>
      </c>
      <c r="CB32" s="341">
        <v>251389</v>
      </c>
      <c r="CC32" s="342">
        <v>1206154</v>
      </c>
      <c r="CD32" s="343">
        <v>1457543</v>
      </c>
      <c r="CE32" s="341">
        <v>0</v>
      </c>
      <c r="CF32" s="342">
        <v>7329487</v>
      </c>
      <c r="CG32" s="342">
        <v>5187010</v>
      </c>
      <c r="CH32" s="342">
        <v>3754638</v>
      </c>
      <c r="CI32" s="342">
        <v>2632242</v>
      </c>
      <c r="CJ32" s="342">
        <v>2120770</v>
      </c>
      <c r="CK32" s="343">
        <v>21024147</v>
      </c>
      <c r="CL32" s="345">
        <v>22481690</v>
      </c>
      <c r="CM32" s="341">
        <v>0</v>
      </c>
      <c r="CN32" s="342">
        <v>0</v>
      </c>
      <c r="CO32" s="343">
        <v>0</v>
      </c>
      <c r="CP32" s="347">
        <v>0</v>
      </c>
      <c r="CQ32" s="342">
        <v>6330759</v>
      </c>
      <c r="CR32" s="342">
        <v>3562060</v>
      </c>
      <c r="CS32" s="342">
        <v>2445413</v>
      </c>
      <c r="CT32" s="342">
        <v>2366537</v>
      </c>
      <c r="CU32" s="342">
        <v>1579220</v>
      </c>
      <c r="CV32" s="343">
        <v>16283989</v>
      </c>
      <c r="CW32" s="345">
        <v>16283989</v>
      </c>
      <c r="CX32" s="341">
        <v>251389</v>
      </c>
      <c r="CY32" s="342">
        <v>1206154</v>
      </c>
      <c r="CZ32" s="343">
        <v>1457543</v>
      </c>
      <c r="DA32" s="341">
        <v>0</v>
      </c>
      <c r="DB32" s="342">
        <v>998728</v>
      </c>
      <c r="DC32" s="342">
        <v>1624950</v>
      </c>
      <c r="DD32" s="342">
        <v>1309225</v>
      </c>
      <c r="DE32" s="342">
        <v>265705</v>
      </c>
      <c r="DF32" s="342">
        <v>541550</v>
      </c>
      <c r="DG32" s="343">
        <v>4740158</v>
      </c>
      <c r="DH32" s="345">
        <v>6197701</v>
      </c>
      <c r="DI32" s="341">
        <v>15795</v>
      </c>
      <c r="DJ32" s="342">
        <v>0</v>
      </c>
      <c r="DK32" s="346">
        <v>15795</v>
      </c>
      <c r="DL32" s="347">
        <v>0</v>
      </c>
      <c r="DM32" s="342">
        <v>242865</v>
      </c>
      <c r="DN32" s="342">
        <v>840086</v>
      </c>
      <c r="DO32" s="342">
        <v>854945</v>
      </c>
      <c r="DP32" s="342">
        <v>1082472</v>
      </c>
      <c r="DQ32" s="342">
        <v>1024622</v>
      </c>
      <c r="DR32" s="343">
        <v>4044990</v>
      </c>
      <c r="DS32" s="345">
        <v>4060785</v>
      </c>
      <c r="DT32" s="341">
        <v>0</v>
      </c>
      <c r="DU32" s="342">
        <v>0</v>
      </c>
      <c r="DV32" s="343">
        <v>0</v>
      </c>
      <c r="DW32" s="341">
        <v>0</v>
      </c>
      <c r="DX32" s="342">
        <v>242865</v>
      </c>
      <c r="DY32" s="342">
        <v>686958</v>
      </c>
      <c r="DZ32" s="342">
        <v>782513</v>
      </c>
      <c r="EA32" s="342">
        <v>1027518</v>
      </c>
      <c r="EB32" s="342">
        <v>736424</v>
      </c>
      <c r="EC32" s="343">
        <v>3476278</v>
      </c>
      <c r="ED32" s="345">
        <v>3476278</v>
      </c>
      <c r="EE32" s="341">
        <v>15795</v>
      </c>
      <c r="EF32" s="346">
        <v>0</v>
      </c>
      <c r="EG32" s="343">
        <v>15795</v>
      </c>
      <c r="EH32" s="341">
        <v>0</v>
      </c>
      <c r="EI32" s="342">
        <v>0</v>
      </c>
      <c r="EJ32" s="342">
        <v>153128</v>
      </c>
      <c r="EK32" s="342">
        <v>72432</v>
      </c>
      <c r="EL32" s="342">
        <v>54954</v>
      </c>
      <c r="EM32" s="342">
        <v>288198</v>
      </c>
      <c r="EN32" s="346">
        <v>568712</v>
      </c>
      <c r="EO32" s="345">
        <v>584507</v>
      </c>
      <c r="EP32" s="341">
        <v>0</v>
      </c>
      <c r="EQ32" s="342">
        <v>0</v>
      </c>
      <c r="ER32" s="346">
        <v>0</v>
      </c>
      <c r="ES32" s="347">
        <v>0</v>
      </c>
      <c r="ET32" s="342">
        <v>0</v>
      </c>
      <c r="EU32" s="342">
        <v>0</v>
      </c>
      <c r="EV32" s="342">
        <v>0</v>
      </c>
      <c r="EW32" s="342">
        <v>0</v>
      </c>
      <c r="EX32" s="342">
        <v>0</v>
      </c>
      <c r="EY32" s="343">
        <v>0</v>
      </c>
      <c r="EZ32" s="345">
        <v>0</v>
      </c>
      <c r="FA32" s="341">
        <v>0</v>
      </c>
      <c r="FB32" s="342">
        <v>0</v>
      </c>
      <c r="FC32" s="346">
        <v>0</v>
      </c>
      <c r="FD32" s="347">
        <v>0</v>
      </c>
      <c r="FE32" s="342">
        <v>0</v>
      </c>
      <c r="FF32" s="342">
        <v>0</v>
      </c>
      <c r="FG32" s="342">
        <v>0</v>
      </c>
      <c r="FH32" s="342">
        <v>0</v>
      </c>
      <c r="FI32" s="342">
        <v>0</v>
      </c>
      <c r="FJ32" s="343">
        <v>0</v>
      </c>
      <c r="FK32" s="345">
        <v>0</v>
      </c>
      <c r="FL32" s="341">
        <v>555020</v>
      </c>
      <c r="FM32" s="342">
        <v>1486788</v>
      </c>
      <c r="FN32" s="343">
        <v>2041808</v>
      </c>
      <c r="FO32" s="341">
        <v>0</v>
      </c>
      <c r="FP32" s="342">
        <v>596073</v>
      </c>
      <c r="FQ32" s="342">
        <v>1980080</v>
      </c>
      <c r="FR32" s="342">
        <v>1949096</v>
      </c>
      <c r="FS32" s="342">
        <v>1079678</v>
      </c>
      <c r="FT32" s="342">
        <v>1073866</v>
      </c>
      <c r="FU32" s="343">
        <v>6678793</v>
      </c>
      <c r="FV32" s="345">
        <v>8720601</v>
      </c>
      <c r="FW32" s="348">
        <v>427220</v>
      </c>
      <c r="FX32" s="342">
        <v>1132679</v>
      </c>
      <c r="FY32" s="346">
        <v>1559899</v>
      </c>
      <c r="FZ32" s="347">
        <v>0</v>
      </c>
      <c r="GA32" s="342">
        <v>553047</v>
      </c>
      <c r="GB32" s="342">
        <v>1836656</v>
      </c>
      <c r="GC32" s="342">
        <v>1577204</v>
      </c>
      <c r="GD32" s="342">
        <v>1034875</v>
      </c>
      <c r="GE32" s="342">
        <v>1073866</v>
      </c>
      <c r="GF32" s="343">
        <v>6075648</v>
      </c>
      <c r="GG32" s="349">
        <v>7635547</v>
      </c>
      <c r="GH32" s="348">
        <v>0</v>
      </c>
      <c r="GI32" s="342">
        <v>45936</v>
      </c>
      <c r="GJ32" s="346">
        <v>45936</v>
      </c>
      <c r="GK32" s="347">
        <v>0</v>
      </c>
      <c r="GL32" s="342">
        <v>28066</v>
      </c>
      <c r="GM32" s="342">
        <v>76824</v>
      </c>
      <c r="GN32" s="342">
        <v>76032</v>
      </c>
      <c r="GO32" s="342">
        <v>44803</v>
      </c>
      <c r="GP32" s="342">
        <v>0</v>
      </c>
      <c r="GQ32" s="343">
        <v>225725</v>
      </c>
      <c r="GR32" s="345">
        <v>271661</v>
      </c>
      <c r="GS32" s="341">
        <v>127800</v>
      </c>
      <c r="GT32" s="342">
        <v>308173</v>
      </c>
      <c r="GU32" s="343">
        <v>435973</v>
      </c>
      <c r="GV32" s="341">
        <v>0</v>
      </c>
      <c r="GW32" s="342">
        <v>14960</v>
      </c>
      <c r="GX32" s="342">
        <v>66600</v>
      </c>
      <c r="GY32" s="342">
        <v>295860</v>
      </c>
      <c r="GZ32" s="342">
        <v>0</v>
      </c>
      <c r="HA32" s="342">
        <v>0</v>
      </c>
      <c r="HB32" s="346">
        <v>377420</v>
      </c>
      <c r="HC32" s="345">
        <v>813393</v>
      </c>
      <c r="HD32" s="341">
        <v>621632</v>
      </c>
      <c r="HE32" s="342">
        <v>1224178</v>
      </c>
      <c r="HF32" s="346">
        <v>1845810</v>
      </c>
      <c r="HG32" s="347">
        <v>0</v>
      </c>
      <c r="HH32" s="342">
        <v>6523558</v>
      </c>
      <c r="HI32" s="342">
        <v>5138877</v>
      </c>
      <c r="HJ32" s="342">
        <v>5423641</v>
      </c>
      <c r="HK32" s="342">
        <v>6969670</v>
      </c>
      <c r="HL32" s="342">
        <v>3801193</v>
      </c>
      <c r="HM32" s="343">
        <v>27856939</v>
      </c>
      <c r="HN32" s="344">
        <v>29702749</v>
      </c>
      <c r="HO32" s="348">
        <v>552375</v>
      </c>
      <c r="HP32" s="342">
        <v>828747</v>
      </c>
      <c r="HQ32" s="343">
        <v>1381122</v>
      </c>
      <c r="HR32" s="341">
        <v>0</v>
      </c>
      <c r="HS32" s="342">
        <v>3133693</v>
      </c>
      <c r="HT32" s="342">
        <v>2344858</v>
      </c>
      <c r="HU32" s="342">
        <v>1710480</v>
      </c>
      <c r="HV32" s="342">
        <v>940953</v>
      </c>
      <c r="HW32" s="342">
        <v>765526</v>
      </c>
      <c r="HX32" s="346">
        <v>8895510</v>
      </c>
      <c r="HY32" s="345">
        <v>10276632</v>
      </c>
      <c r="HZ32" s="373">
        <v>0</v>
      </c>
      <c r="IA32" s="371">
        <v>0</v>
      </c>
      <c r="IB32" s="373">
        <v>0</v>
      </c>
      <c r="IC32" s="370">
        <v>0</v>
      </c>
      <c r="ID32" s="371">
        <v>4157308</v>
      </c>
      <c r="IE32" s="372">
        <v>3214296</v>
      </c>
      <c r="IF32" s="373">
        <v>6467582</v>
      </c>
      <c r="IG32" s="371">
        <v>4447150</v>
      </c>
      <c r="IH32" s="373">
        <v>3682978</v>
      </c>
      <c r="II32" s="374">
        <v>21969314</v>
      </c>
      <c r="IJ32" s="373">
        <v>21969314</v>
      </c>
      <c r="IK32" s="357">
        <v>0</v>
      </c>
      <c r="IL32" s="358">
        <v>0</v>
      </c>
      <c r="IM32" s="359">
        <v>0</v>
      </c>
      <c r="IN32" s="436">
        <v>0</v>
      </c>
      <c r="IO32" s="360">
        <v>0</v>
      </c>
      <c r="IP32" s="360">
        <v>0</v>
      </c>
      <c r="IQ32" s="360">
        <v>175496</v>
      </c>
      <c r="IR32" s="360">
        <v>0</v>
      </c>
      <c r="IS32" s="360">
        <v>0</v>
      </c>
      <c r="IT32" s="361">
        <v>175496</v>
      </c>
      <c r="IU32" s="362">
        <v>175496</v>
      </c>
      <c r="IV32" s="363">
        <v>0</v>
      </c>
      <c r="IW32" s="360">
        <v>0</v>
      </c>
      <c r="IX32" s="364">
        <v>0</v>
      </c>
      <c r="IY32" s="439">
        <v>0</v>
      </c>
      <c r="IZ32" s="360">
        <v>0</v>
      </c>
      <c r="JA32" s="360">
        <v>0</v>
      </c>
      <c r="JB32" s="360">
        <v>0</v>
      </c>
      <c r="JC32" s="360">
        <v>0</v>
      </c>
      <c r="JD32" s="360">
        <v>0</v>
      </c>
      <c r="JE32" s="364">
        <v>0</v>
      </c>
      <c r="JF32" s="365">
        <v>0</v>
      </c>
      <c r="JG32" s="363">
        <v>0</v>
      </c>
      <c r="JH32" s="360">
        <v>0</v>
      </c>
      <c r="JI32" s="361">
        <v>0</v>
      </c>
      <c r="JJ32" s="366">
        <v>0</v>
      </c>
      <c r="JK32" s="360">
        <v>1774199</v>
      </c>
      <c r="JL32" s="360">
        <v>840947</v>
      </c>
      <c r="JM32" s="360">
        <v>604161</v>
      </c>
      <c r="JN32" s="360">
        <v>145161</v>
      </c>
      <c r="JO32" s="360">
        <v>0</v>
      </c>
      <c r="JP32" s="364">
        <v>3364468</v>
      </c>
      <c r="JQ32" s="362">
        <v>3364468</v>
      </c>
      <c r="JR32" s="363">
        <v>0</v>
      </c>
      <c r="JS32" s="360">
        <v>0</v>
      </c>
      <c r="JT32" s="361">
        <v>0</v>
      </c>
      <c r="JU32" s="366">
        <v>0</v>
      </c>
      <c r="JV32" s="360">
        <v>54918</v>
      </c>
      <c r="JW32" s="360">
        <v>47096</v>
      </c>
      <c r="JX32" s="360">
        <v>292629</v>
      </c>
      <c r="JY32" s="360">
        <v>61664</v>
      </c>
      <c r="JZ32" s="360">
        <v>352656</v>
      </c>
      <c r="KA32" s="364">
        <v>808963</v>
      </c>
      <c r="KB32" s="362">
        <v>808963</v>
      </c>
      <c r="KC32" s="367">
        <v>0</v>
      </c>
      <c r="KD32" s="368">
        <v>0</v>
      </c>
      <c r="KE32" s="364">
        <v>0</v>
      </c>
      <c r="KF32" s="366">
        <v>0</v>
      </c>
      <c r="KG32" s="360">
        <v>1213268</v>
      </c>
      <c r="KH32" s="360">
        <v>1092630</v>
      </c>
      <c r="KI32" s="360">
        <v>1162557</v>
      </c>
      <c r="KJ32" s="360">
        <v>490750</v>
      </c>
      <c r="KK32" s="360">
        <v>268840</v>
      </c>
      <c r="KL32" s="364">
        <v>4228045</v>
      </c>
      <c r="KM32" s="369">
        <v>4228045</v>
      </c>
      <c r="KN32" s="357">
        <v>0</v>
      </c>
      <c r="KO32" s="358">
        <v>0</v>
      </c>
      <c r="KP32" s="359">
        <v>0</v>
      </c>
      <c r="KQ32" s="439">
        <v>0</v>
      </c>
      <c r="KR32" s="360">
        <v>1114923</v>
      </c>
      <c r="KS32" s="360">
        <v>1233623</v>
      </c>
      <c r="KT32" s="360">
        <v>2807357</v>
      </c>
      <c r="KU32" s="360">
        <v>1081760</v>
      </c>
      <c r="KV32" s="360">
        <v>1926042</v>
      </c>
      <c r="KW32" s="364">
        <v>8163705</v>
      </c>
      <c r="KX32" s="362">
        <v>8163705</v>
      </c>
      <c r="KY32" s="363">
        <v>0</v>
      </c>
      <c r="KZ32" s="360">
        <v>0</v>
      </c>
      <c r="LA32" s="364">
        <v>0</v>
      </c>
      <c r="LB32" s="439">
        <v>0</v>
      </c>
      <c r="LC32" s="360">
        <v>0</v>
      </c>
      <c r="LD32" s="360">
        <v>0</v>
      </c>
      <c r="LE32" s="360">
        <v>0</v>
      </c>
      <c r="LF32" s="360">
        <v>0</v>
      </c>
      <c r="LG32" s="360">
        <v>0</v>
      </c>
      <c r="LH32" s="364">
        <v>0</v>
      </c>
      <c r="LI32" s="365">
        <v>0</v>
      </c>
      <c r="LJ32" s="363">
        <v>0</v>
      </c>
      <c r="LK32" s="360">
        <v>0</v>
      </c>
      <c r="LL32" s="364">
        <v>0</v>
      </c>
      <c r="LM32" s="439">
        <v>0</v>
      </c>
      <c r="LN32" s="360">
        <v>0</v>
      </c>
      <c r="LO32" s="360">
        <v>0</v>
      </c>
      <c r="LP32" s="360">
        <v>1425382</v>
      </c>
      <c r="LQ32" s="360">
        <v>2350955</v>
      </c>
      <c r="LR32" s="360">
        <v>1135440</v>
      </c>
      <c r="LS32" s="364">
        <v>4911777</v>
      </c>
      <c r="LT32" s="362">
        <v>4911777</v>
      </c>
      <c r="LU32" s="363">
        <v>0</v>
      </c>
      <c r="LV32" s="360">
        <v>0</v>
      </c>
      <c r="LW32" s="364">
        <v>0</v>
      </c>
      <c r="LX32" s="439">
        <v>0</v>
      </c>
      <c r="LY32" s="360">
        <v>0</v>
      </c>
      <c r="LZ32" s="360">
        <v>0</v>
      </c>
      <c r="MA32" s="360">
        <v>0</v>
      </c>
      <c r="MB32" s="360">
        <v>316860</v>
      </c>
      <c r="MC32" s="360">
        <v>0</v>
      </c>
      <c r="MD32" s="364">
        <v>316860</v>
      </c>
      <c r="ME32" s="365">
        <v>316860</v>
      </c>
      <c r="MF32" s="363">
        <v>0</v>
      </c>
      <c r="MG32" s="360">
        <v>0</v>
      </c>
      <c r="MH32" s="364">
        <v>0</v>
      </c>
      <c r="MI32" s="439">
        <v>0</v>
      </c>
      <c r="MJ32" s="360">
        <v>2878739</v>
      </c>
      <c r="MK32" s="360">
        <v>4323318</v>
      </c>
      <c r="ML32" s="360">
        <v>12124406</v>
      </c>
      <c r="MM32" s="360">
        <v>20645222</v>
      </c>
      <c r="MN32" s="360">
        <v>16042671</v>
      </c>
      <c r="MO32" s="364">
        <v>56014356</v>
      </c>
      <c r="MP32" s="369">
        <v>56014356</v>
      </c>
      <c r="MQ32" s="363">
        <v>0</v>
      </c>
      <c r="MR32" s="360">
        <v>0</v>
      </c>
      <c r="MS32" s="364">
        <v>0</v>
      </c>
      <c r="MT32" s="439">
        <v>0</v>
      </c>
      <c r="MU32" s="360">
        <v>448218</v>
      </c>
      <c r="MV32" s="360">
        <v>384534</v>
      </c>
      <c r="MW32" s="360">
        <v>7656516</v>
      </c>
      <c r="MX32" s="360">
        <v>14903089</v>
      </c>
      <c r="MY32" s="360">
        <v>10734685</v>
      </c>
      <c r="MZ32" s="364">
        <v>34127042</v>
      </c>
      <c r="NA32" s="369">
        <v>34127042</v>
      </c>
      <c r="NB32" s="363">
        <v>0</v>
      </c>
      <c r="NC32" s="360">
        <v>0</v>
      </c>
      <c r="ND32" s="364">
        <v>0</v>
      </c>
      <c r="NE32" s="439">
        <v>0</v>
      </c>
      <c r="NF32" s="360">
        <v>2430521</v>
      </c>
      <c r="NG32" s="360">
        <v>3938784</v>
      </c>
      <c r="NH32" s="360">
        <v>4467890</v>
      </c>
      <c r="NI32" s="360">
        <v>4982546</v>
      </c>
      <c r="NJ32" s="360">
        <v>4543744</v>
      </c>
      <c r="NK32" s="364">
        <v>20363485</v>
      </c>
      <c r="NL32" s="362">
        <v>20363485</v>
      </c>
      <c r="NM32" s="363">
        <v>0</v>
      </c>
      <c r="NN32" s="360">
        <v>0</v>
      </c>
      <c r="NO32" s="364">
        <v>0</v>
      </c>
      <c r="NP32" s="439">
        <v>0</v>
      </c>
      <c r="NQ32" s="360">
        <v>0</v>
      </c>
      <c r="NR32" s="360">
        <v>0</v>
      </c>
      <c r="NS32" s="360">
        <v>0</v>
      </c>
      <c r="NT32" s="360">
        <v>0</v>
      </c>
      <c r="NU32" s="360">
        <v>0</v>
      </c>
      <c r="NV32" s="364">
        <v>0</v>
      </c>
      <c r="NW32" s="365">
        <v>0</v>
      </c>
      <c r="NX32" s="363">
        <v>0</v>
      </c>
      <c r="NY32" s="360">
        <v>0</v>
      </c>
      <c r="NZ32" s="364">
        <v>0</v>
      </c>
      <c r="OA32" s="439">
        <v>0</v>
      </c>
      <c r="OB32" s="360">
        <v>0</v>
      </c>
      <c r="OC32" s="360">
        <v>0</v>
      </c>
      <c r="OD32" s="360">
        <v>0</v>
      </c>
      <c r="OE32" s="360">
        <v>759587</v>
      </c>
      <c r="OF32" s="360">
        <v>764242</v>
      </c>
      <c r="OG32" s="364">
        <v>1523829</v>
      </c>
      <c r="OH32" s="365">
        <v>1523829</v>
      </c>
      <c r="OI32" s="363">
        <v>2620624</v>
      </c>
      <c r="OJ32" s="360">
        <v>5967438</v>
      </c>
      <c r="OK32" s="361">
        <v>8588062</v>
      </c>
      <c r="OL32" s="366">
        <v>0</v>
      </c>
      <c r="OM32" s="360">
        <v>28738597</v>
      </c>
      <c r="ON32" s="360">
        <v>28991426</v>
      </c>
      <c r="OO32" s="360">
        <v>38126758</v>
      </c>
      <c r="OP32" s="360">
        <v>42584304</v>
      </c>
      <c r="OQ32" s="360">
        <v>35597002</v>
      </c>
      <c r="OR32" s="364">
        <v>174038087</v>
      </c>
      <c r="OS32" s="369">
        <v>182626149</v>
      </c>
    </row>
    <row r="33" spans="2:409" s="137" customFormat="1" ht="21" customHeight="1" x14ac:dyDescent="0.2">
      <c r="B33" s="421" t="s">
        <v>28</v>
      </c>
      <c r="C33" s="341">
        <v>141734</v>
      </c>
      <c r="D33" s="342">
        <v>509650</v>
      </c>
      <c r="E33" s="343">
        <v>651384</v>
      </c>
      <c r="F33" s="344">
        <v>0</v>
      </c>
      <c r="G33" s="342">
        <v>4988208</v>
      </c>
      <c r="H33" s="342">
        <v>8983895</v>
      </c>
      <c r="I33" s="342">
        <v>6672524</v>
      </c>
      <c r="J33" s="342">
        <v>5958321</v>
      </c>
      <c r="K33" s="342">
        <v>3818928</v>
      </c>
      <c r="L33" s="382">
        <v>30421876</v>
      </c>
      <c r="M33" s="345">
        <v>31073260</v>
      </c>
      <c r="N33" s="341">
        <v>30888</v>
      </c>
      <c r="O33" s="342">
        <v>91224</v>
      </c>
      <c r="P33" s="343">
        <v>122112</v>
      </c>
      <c r="Q33" s="341">
        <v>0</v>
      </c>
      <c r="R33" s="342">
        <v>815986</v>
      </c>
      <c r="S33" s="342">
        <v>1765309</v>
      </c>
      <c r="T33" s="342">
        <v>1257930</v>
      </c>
      <c r="U33" s="342">
        <v>1606953</v>
      </c>
      <c r="V33" s="342">
        <v>1819993</v>
      </c>
      <c r="W33" s="343">
        <v>7266171</v>
      </c>
      <c r="X33" s="345">
        <v>7388283</v>
      </c>
      <c r="Y33" s="341">
        <v>0</v>
      </c>
      <c r="Z33" s="342">
        <v>0</v>
      </c>
      <c r="AA33" s="343">
        <v>0</v>
      </c>
      <c r="AB33" s="341">
        <v>0</v>
      </c>
      <c r="AC33" s="342">
        <v>378871</v>
      </c>
      <c r="AD33" s="342">
        <v>796145</v>
      </c>
      <c r="AE33" s="342">
        <v>528023</v>
      </c>
      <c r="AF33" s="342">
        <v>532841</v>
      </c>
      <c r="AG33" s="342">
        <v>770571</v>
      </c>
      <c r="AH33" s="343">
        <v>3006451</v>
      </c>
      <c r="AI33" s="345">
        <v>3006451</v>
      </c>
      <c r="AJ33" s="341">
        <v>0</v>
      </c>
      <c r="AK33" s="342">
        <v>0</v>
      </c>
      <c r="AL33" s="343">
        <v>0</v>
      </c>
      <c r="AM33" s="341">
        <v>0</v>
      </c>
      <c r="AN33" s="342">
        <v>0</v>
      </c>
      <c r="AO33" s="342">
        <v>27655</v>
      </c>
      <c r="AP33" s="342">
        <v>272651</v>
      </c>
      <c r="AQ33" s="342">
        <v>102462</v>
      </c>
      <c r="AR33" s="342">
        <v>232531</v>
      </c>
      <c r="AS33" s="343">
        <v>635299</v>
      </c>
      <c r="AT33" s="345">
        <v>635299</v>
      </c>
      <c r="AU33" s="341">
        <v>21582</v>
      </c>
      <c r="AV33" s="342">
        <v>85860</v>
      </c>
      <c r="AW33" s="343">
        <v>107442</v>
      </c>
      <c r="AX33" s="341">
        <v>0</v>
      </c>
      <c r="AY33" s="342">
        <v>267258</v>
      </c>
      <c r="AZ33" s="342">
        <v>646922</v>
      </c>
      <c r="BA33" s="342">
        <v>306604</v>
      </c>
      <c r="BB33" s="342">
        <v>749749</v>
      </c>
      <c r="BC33" s="342">
        <v>586254</v>
      </c>
      <c r="BD33" s="343">
        <v>2556787</v>
      </c>
      <c r="BE33" s="345">
        <v>2664229</v>
      </c>
      <c r="BF33" s="341">
        <v>0</v>
      </c>
      <c r="BG33" s="342">
        <v>0</v>
      </c>
      <c r="BH33" s="346">
        <v>0</v>
      </c>
      <c r="BI33" s="347">
        <v>0</v>
      </c>
      <c r="BJ33" s="342">
        <v>16902</v>
      </c>
      <c r="BK33" s="342">
        <v>0</v>
      </c>
      <c r="BL33" s="342">
        <v>0</v>
      </c>
      <c r="BM33" s="342">
        <v>26663</v>
      </c>
      <c r="BN33" s="342">
        <v>40311</v>
      </c>
      <c r="BO33" s="343">
        <v>83876</v>
      </c>
      <c r="BP33" s="345">
        <v>83876</v>
      </c>
      <c r="BQ33" s="341">
        <v>9306</v>
      </c>
      <c r="BR33" s="342">
        <v>5364</v>
      </c>
      <c r="BS33" s="343">
        <v>14670</v>
      </c>
      <c r="BT33" s="341">
        <v>0</v>
      </c>
      <c r="BU33" s="342">
        <v>152955</v>
      </c>
      <c r="BV33" s="342">
        <v>294587</v>
      </c>
      <c r="BW33" s="342">
        <v>150652</v>
      </c>
      <c r="BX33" s="342">
        <v>195238</v>
      </c>
      <c r="BY33" s="342">
        <v>190326</v>
      </c>
      <c r="BZ33" s="343">
        <v>983758</v>
      </c>
      <c r="CA33" s="345">
        <v>998428</v>
      </c>
      <c r="CB33" s="341">
        <v>24896</v>
      </c>
      <c r="CC33" s="342">
        <v>180228</v>
      </c>
      <c r="CD33" s="343">
        <v>205124</v>
      </c>
      <c r="CE33" s="341">
        <v>0</v>
      </c>
      <c r="CF33" s="342">
        <v>1853334</v>
      </c>
      <c r="CG33" s="342">
        <v>3290967</v>
      </c>
      <c r="CH33" s="342">
        <v>2443511</v>
      </c>
      <c r="CI33" s="342">
        <v>2142962</v>
      </c>
      <c r="CJ33" s="342">
        <v>787651</v>
      </c>
      <c r="CK33" s="343">
        <v>10518425</v>
      </c>
      <c r="CL33" s="345">
        <v>10723549</v>
      </c>
      <c r="CM33" s="341">
        <v>0</v>
      </c>
      <c r="CN33" s="342">
        <v>0</v>
      </c>
      <c r="CO33" s="343">
        <v>0</v>
      </c>
      <c r="CP33" s="347">
        <v>0</v>
      </c>
      <c r="CQ33" s="342">
        <v>1371697</v>
      </c>
      <c r="CR33" s="342">
        <v>2218611</v>
      </c>
      <c r="CS33" s="342">
        <v>1838740</v>
      </c>
      <c r="CT33" s="342">
        <v>1448886</v>
      </c>
      <c r="CU33" s="342">
        <v>370159</v>
      </c>
      <c r="CV33" s="343">
        <v>7248093</v>
      </c>
      <c r="CW33" s="345">
        <v>7248093</v>
      </c>
      <c r="CX33" s="341">
        <v>24896</v>
      </c>
      <c r="CY33" s="342">
        <v>180228</v>
      </c>
      <c r="CZ33" s="343">
        <v>205124</v>
      </c>
      <c r="DA33" s="341">
        <v>0</v>
      </c>
      <c r="DB33" s="342">
        <v>481637</v>
      </c>
      <c r="DC33" s="342">
        <v>1072356</v>
      </c>
      <c r="DD33" s="342">
        <v>604771</v>
      </c>
      <c r="DE33" s="342">
        <v>694076</v>
      </c>
      <c r="DF33" s="342">
        <v>417492</v>
      </c>
      <c r="DG33" s="343">
        <v>3270332</v>
      </c>
      <c r="DH33" s="345">
        <v>3475456</v>
      </c>
      <c r="DI33" s="341">
        <v>0</v>
      </c>
      <c r="DJ33" s="342">
        <v>29982</v>
      </c>
      <c r="DK33" s="346">
        <v>29982</v>
      </c>
      <c r="DL33" s="347">
        <v>0</v>
      </c>
      <c r="DM33" s="342">
        <v>187121</v>
      </c>
      <c r="DN33" s="342">
        <v>223280</v>
      </c>
      <c r="DO33" s="342">
        <v>1153380</v>
      </c>
      <c r="DP33" s="342">
        <v>372234</v>
      </c>
      <c r="DQ33" s="342">
        <v>31786</v>
      </c>
      <c r="DR33" s="343">
        <v>1967801</v>
      </c>
      <c r="DS33" s="345">
        <v>1997783</v>
      </c>
      <c r="DT33" s="341">
        <v>0</v>
      </c>
      <c r="DU33" s="342">
        <v>29982</v>
      </c>
      <c r="DV33" s="343">
        <v>29982</v>
      </c>
      <c r="DW33" s="341">
        <v>0</v>
      </c>
      <c r="DX33" s="342">
        <v>167438</v>
      </c>
      <c r="DY33" s="342">
        <v>195977</v>
      </c>
      <c r="DZ33" s="342">
        <v>637640</v>
      </c>
      <c r="EA33" s="342">
        <v>372234</v>
      </c>
      <c r="EB33" s="342">
        <v>31786</v>
      </c>
      <c r="EC33" s="343">
        <v>1405075</v>
      </c>
      <c r="ED33" s="345">
        <v>1435057</v>
      </c>
      <c r="EE33" s="341">
        <v>0</v>
      </c>
      <c r="EF33" s="346">
        <v>0</v>
      </c>
      <c r="EG33" s="343">
        <v>0</v>
      </c>
      <c r="EH33" s="341">
        <v>0</v>
      </c>
      <c r="EI33" s="342">
        <v>19683</v>
      </c>
      <c r="EJ33" s="342">
        <v>27303</v>
      </c>
      <c r="EK33" s="342">
        <v>515740</v>
      </c>
      <c r="EL33" s="342">
        <v>0</v>
      </c>
      <c r="EM33" s="342">
        <v>0</v>
      </c>
      <c r="EN33" s="346">
        <v>562726</v>
      </c>
      <c r="EO33" s="345">
        <v>562726</v>
      </c>
      <c r="EP33" s="341">
        <v>0</v>
      </c>
      <c r="EQ33" s="342">
        <v>0</v>
      </c>
      <c r="ER33" s="346">
        <v>0</v>
      </c>
      <c r="ES33" s="347">
        <v>0</v>
      </c>
      <c r="ET33" s="342">
        <v>0</v>
      </c>
      <c r="EU33" s="342">
        <v>0</v>
      </c>
      <c r="EV33" s="342">
        <v>0</v>
      </c>
      <c r="EW33" s="342">
        <v>0</v>
      </c>
      <c r="EX33" s="342">
        <v>0</v>
      </c>
      <c r="EY33" s="343">
        <v>0</v>
      </c>
      <c r="EZ33" s="345">
        <v>0</v>
      </c>
      <c r="FA33" s="341">
        <v>0</v>
      </c>
      <c r="FB33" s="342">
        <v>0</v>
      </c>
      <c r="FC33" s="346">
        <v>0</v>
      </c>
      <c r="FD33" s="347">
        <v>0</v>
      </c>
      <c r="FE33" s="342">
        <v>0</v>
      </c>
      <c r="FF33" s="342">
        <v>0</v>
      </c>
      <c r="FG33" s="342">
        <v>0</v>
      </c>
      <c r="FH33" s="342">
        <v>0</v>
      </c>
      <c r="FI33" s="342">
        <v>0</v>
      </c>
      <c r="FJ33" s="343">
        <v>0</v>
      </c>
      <c r="FK33" s="345">
        <v>0</v>
      </c>
      <c r="FL33" s="341">
        <v>46530</v>
      </c>
      <c r="FM33" s="342">
        <v>117616</v>
      </c>
      <c r="FN33" s="343">
        <v>164146</v>
      </c>
      <c r="FO33" s="341">
        <v>0</v>
      </c>
      <c r="FP33" s="342">
        <v>328699</v>
      </c>
      <c r="FQ33" s="342">
        <v>1058581</v>
      </c>
      <c r="FR33" s="342">
        <v>483588</v>
      </c>
      <c r="FS33" s="342">
        <v>515702</v>
      </c>
      <c r="FT33" s="342">
        <v>508770</v>
      </c>
      <c r="FU33" s="343">
        <v>2895340</v>
      </c>
      <c r="FV33" s="345">
        <v>3059486</v>
      </c>
      <c r="FW33" s="348">
        <v>46530</v>
      </c>
      <c r="FX33" s="342">
        <v>117616</v>
      </c>
      <c r="FY33" s="346">
        <v>164146</v>
      </c>
      <c r="FZ33" s="347">
        <v>0</v>
      </c>
      <c r="GA33" s="342">
        <v>306424</v>
      </c>
      <c r="GB33" s="342">
        <v>902539</v>
      </c>
      <c r="GC33" s="342">
        <v>473688</v>
      </c>
      <c r="GD33" s="342">
        <v>515702</v>
      </c>
      <c r="GE33" s="342">
        <v>324630</v>
      </c>
      <c r="GF33" s="343">
        <v>2522983</v>
      </c>
      <c r="GG33" s="349">
        <v>2687129</v>
      </c>
      <c r="GH33" s="348">
        <v>0</v>
      </c>
      <c r="GI33" s="342">
        <v>0</v>
      </c>
      <c r="GJ33" s="346">
        <v>0</v>
      </c>
      <c r="GK33" s="347">
        <v>0</v>
      </c>
      <c r="GL33" s="342">
        <v>22275</v>
      </c>
      <c r="GM33" s="342">
        <v>89892</v>
      </c>
      <c r="GN33" s="342">
        <v>0</v>
      </c>
      <c r="GO33" s="342">
        <v>0</v>
      </c>
      <c r="GP33" s="342">
        <v>79200</v>
      </c>
      <c r="GQ33" s="343">
        <v>191367</v>
      </c>
      <c r="GR33" s="345">
        <v>191367</v>
      </c>
      <c r="GS33" s="341">
        <v>0</v>
      </c>
      <c r="GT33" s="342">
        <v>0</v>
      </c>
      <c r="GU33" s="343">
        <v>0</v>
      </c>
      <c r="GV33" s="341">
        <v>0</v>
      </c>
      <c r="GW33" s="342">
        <v>0</v>
      </c>
      <c r="GX33" s="342">
        <v>66150</v>
      </c>
      <c r="GY33" s="342">
        <v>9900</v>
      </c>
      <c r="GZ33" s="342">
        <v>0</v>
      </c>
      <c r="HA33" s="342">
        <v>104940</v>
      </c>
      <c r="HB33" s="346">
        <v>180990</v>
      </c>
      <c r="HC33" s="345">
        <v>180990</v>
      </c>
      <c r="HD33" s="341">
        <v>0</v>
      </c>
      <c r="HE33" s="342">
        <v>0</v>
      </c>
      <c r="HF33" s="346">
        <v>0</v>
      </c>
      <c r="HG33" s="347">
        <v>0</v>
      </c>
      <c r="HH33" s="342">
        <v>776509</v>
      </c>
      <c r="HI33" s="342">
        <v>1491085</v>
      </c>
      <c r="HJ33" s="342">
        <v>624929</v>
      </c>
      <c r="HK33" s="342">
        <v>852146</v>
      </c>
      <c r="HL33" s="342">
        <v>427245</v>
      </c>
      <c r="HM33" s="343">
        <v>4171914</v>
      </c>
      <c r="HN33" s="344">
        <v>4171914</v>
      </c>
      <c r="HO33" s="348">
        <v>39420</v>
      </c>
      <c r="HP33" s="342">
        <v>90600</v>
      </c>
      <c r="HQ33" s="343">
        <v>130020</v>
      </c>
      <c r="HR33" s="341">
        <v>0</v>
      </c>
      <c r="HS33" s="342">
        <v>1026559</v>
      </c>
      <c r="HT33" s="342">
        <v>1154673</v>
      </c>
      <c r="HU33" s="342">
        <v>709186</v>
      </c>
      <c r="HV33" s="342">
        <v>468324</v>
      </c>
      <c r="HW33" s="342">
        <v>243483</v>
      </c>
      <c r="HX33" s="346">
        <v>3602225</v>
      </c>
      <c r="HY33" s="345">
        <v>3732245</v>
      </c>
      <c r="HZ33" s="350">
        <v>0</v>
      </c>
      <c r="IA33" s="351">
        <v>0</v>
      </c>
      <c r="IB33" s="352">
        <v>0</v>
      </c>
      <c r="IC33" s="353">
        <v>0</v>
      </c>
      <c r="ID33" s="351">
        <v>1201906</v>
      </c>
      <c r="IE33" s="354">
        <v>1547135</v>
      </c>
      <c r="IF33" s="352">
        <v>1068864</v>
      </c>
      <c r="IG33" s="351">
        <v>1557198</v>
      </c>
      <c r="IH33" s="352">
        <v>821976</v>
      </c>
      <c r="II33" s="355">
        <v>6197079</v>
      </c>
      <c r="IJ33" s="356">
        <v>6197079</v>
      </c>
      <c r="IK33" s="357">
        <v>0</v>
      </c>
      <c r="IL33" s="358">
        <v>0</v>
      </c>
      <c r="IM33" s="359">
        <v>0</v>
      </c>
      <c r="IN33" s="436">
        <v>0</v>
      </c>
      <c r="IO33" s="360">
        <v>0</v>
      </c>
      <c r="IP33" s="360">
        <v>0</v>
      </c>
      <c r="IQ33" s="360">
        <v>0</v>
      </c>
      <c r="IR33" s="360">
        <v>0</v>
      </c>
      <c r="IS33" s="360">
        <v>0</v>
      </c>
      <c r="IT33" s="361">
        <v>0</v>
      </c>
      <c r="IU33" s="362">
        <v>0</v>
      </c>
      <c r="IV33" s="363">
        <v>0</v>
      </c>
      <c r="IW33" s="360">
        <v>0</v>
      </c>
      <c r="IX33" s="364">
        <v>0</v>
      </c>
      <c r="IY33" s="439">
        <v>0</v>
      </c>
      <c r="IZ33" s="360">
        <v>0</v>
      </c>
      <c r="JA33" s="360">
        <v>0</v>
      </c>
      <c r="JB33" s="360">
        <v>0</v>
      </c>
      <c r="JC33" s="360">
        <v>0</v>
      </c>
      <c r="JD33" s="360">
        <v>0</v>
      </c>
      <c r="JE33" s="364">
        <v>0</v>
      </c>
      <c r="JF33" s="365">
        <v>0</v>
      </c>
      <c r="JG33" s="363">
        <v>0</v>
      </c>
      <c r="JH33" s="360">
        <v>0</v>
      </c>
      <c r="JI33" s="361">
        <v>0</v>
      </c>
      <c r="JJ33" s="366">
        <v>0</v>
      </c>
      <c r="JK33" s="360">
        <v>764227</v>
      </c>
      <c r="JL33" s="360">
        <v>427703</v>
      </c>
      <c r="JM33" s="360">
        <v>248715</v>
      </c>
      <c r="JN33" s="360">
        <v>152721</v>
      </c>
      <c r="JO33" s="360">
        <v>26091</v>
      </c>
      <c r="JP33" s="364">
        <v>1619457</v>
      </c>
      <c r="JQ33" s="362">
        <v>1619457</v>
      </c>
      <c r="JR33" s="363">
        <v>0</v>
      </c>
      <c r="JS33" s="360">
        <v>0</v>
      </c>
      <c r="JT33" s="361">
        <v>0</v>
      </c>
      <c r="JU33" s="366">
        <v>0</v>
      </c>
      <c r="JV33" s="360">
        <v>172836</v>
      </c>
      <c r="JW33" s="360">
        <v>145332</v>
      </c>
      <c r="JX33" s="360">
        <v>105894</v>
      </c>
      <c r="JY33" s="360">
        <v>324477</v>
      </c>
      <c r="JZ33" s="360">
        <v>0</v>
      </c>
      <c r="KA33" s="364">
        <v>748539</v>
      </c>
      <c r="KB33" s="362">
        <v>748539</v>
      </c>
      <c r="KC33" s="367">
        <v>0</v>
      </c>
      <c r="KD33" s="368">
        <v>0</v>
      </c>
      <c r="KE33" s="364">
        <v>0</v>
      </c>
      <c r="KF33" s="366">
        <v>0</v>
      </c>
      <c r="KG33" s="360">
        <v>0</v>
      </c>
      <c r="KH33" s="360">
        <v>0</v>
      </c>
      <c r="KI33" s="360">
        <v>0</v>
      </c>
      <c r="KJ33" s="360">
        <v>0</v>
      </c>
      <c r="KK33" s="360">
        <v>0</v>
      </c>
      <c r="KL33" s="364">
        <v>0</v>
      </c>
      <c r="KM33" s="369">
        <v>0</v>
      </c>
      <c r="KN33" s="357">
        <v>0</v>
      </c>
      <c r="KO33" s="358">
        <v>0</v>
      </c>
      <c r="KP33" s="359">
        <v>0</v>
      </c>
      <c r="KQ33" s="439">
        <v>0</v>
      </c>
      <c r="KR33" s="360">
        <v>264843</v>
      </c>
      <c r="KS33" s="360">
        <v>974100</v>
      </c>
      <c r="KT33" s="360">
        <v>714255</v>
      </c>
      <c r="KU33" s="360">
        <v>1080000</v>
      </c>
      <c r="KV33" s="360">
        <v>795885</v>
      </c>
      <c r="KW33" s="364">
        <v>3829083</v>
      </c>
      <c r="KX33" s="362">
        <v>3829083</v>
      </c>
      <c r="KY33" s="363">
        <v>0</v>
      </c>
      <c r="KZ33" s="360">
        <v>0</v>
      </c>
      <c r="LA33" s="364">
        <v>0</v>
      </c>
      <c r="LB33" s="439">
        <v>0</v>
      </c>
      <c r="LC33" s="360">
        <v>0</v>
      </c>
      <c r="LD33" s="360">
        <v>0</v>
      </c>
      <c r="LE33" s="360">
        <v>0</v>
      </c>
      <c r="LF33" s="360">
        <v>0</v>
      </c>
      <c r="LG33" s="360">
        <v>0</v>
      </c>
      <c r="LH33" s="364">
        <v>0</v>
      </c>
      <c r="LI33" s="365">
        <v>0</v>
      </c>
      <c r="LJ33" s="363">
        <v>0</v>
      </c>
      <c r="LK33" s="360">
        <v>0</v>
      </c>
      <c r="LL33" s="364">
        <v>0</v>
      </c>
      <c r="LM33" s="439">
        <v>0</v>
      </c>
      <c r="LN33" s="360">
        <v>0</v>
      </c>
      <c r="LO33" s="360">
        <v>0</v>
      </c>
      <c r="LP33" s="360">
        <v>0</v>
      </c>
      <c r="LQ33" s="360">
        <v>0</v>
      </c>
      <c r="LR33" s="360">
        <v>0</v>
      </c>
      <c r="LS33" s="364">
        <v>0</v>
      </c>
      <c r="LT33" s="362">
        <v>0</v>
      </c>
      <c r="LU33" s="363">
        <v>0</v>
      </c>
      <c r="LV33" s="360">
        <v>0</v>
      </c>
      <c r="LW33" s="364">
        <v>0</v>
      </c>
      <c r="LX33" s="439">
        <v>0</v>
      </c>
      <c r="LY33" s="360">
        <v>0</v>
      </c>
      <c r="LZ33" s="360">
        <v>0</v>
      </c>
      <c r="MA33" s="360">
        <v>0</v>
      </c>
      <c r="MB33" s="360">
        <v>0</v>
      </c>
      <c r="MC33" s="360">
        <v>0</v>
      </c>
      <c r="MD33" s="364">
        <v>0</v>
      </c>
      <c r="ME33" s="365">
        <v>0</v>
      </c>
      <c r="MF33" s="363">
        <v>0</v>
      </c>
      <c r="MG33" s="360">
        <v>0</v>
      </c>
      <c r="MH33" s="364">
        <v>0</v>
      </c>
      <c r="MI33" s="439">
        <v>0</v>
      </c>
      <c r="MJ33" s="360">
        <v>508808</v>
      </c>
      <c r="MK33" s="360">
        <v>2701373</v>
      </c>
      <c r="ML33" s="360">
        <v>5559023</v>
      </c>
      <c r="MM33" s="360">
        <v>6532304</v>
      </c>
      <c r="MN33" s="360">
        <v>5207171</v>
      </c>
      <c r="MO33" s="364">
        <v>20508679</v>
      </c>
      <c r="MP33" s="369">
        <v>20508679</v>
      </c>
      <c r="MQ33" s="363">
        <v>0</v>
      </c>
      <c r="MR33" s="360">
        <v>0</v>
      </c>
      <c r="MS33" s="364">
        <v>0</v>
      </c>
      <c r="MT33" s="439">
        <v>0</v>
      </c>
      <c r="MU33" s="360">
        <v>0</v>
      </c>
      <c r="MV33" s="360">
        <v>245484</v>
      </c>
      <c r="MW33" s="360">
        <v>2428477</v>
      </c>
      <c r="MX33" s="360">
        <v>4744493</v>
      </c>
      <c r="MY33" s="360">
        <v>4858034</v>
      </c>
      <c r="MZ33" s="364">
        <v>12276488</v>
      </c>
      <c r="NA33" s="369">
        <v>12276488</v>
      </c>
      <c r="NB33" s="363">
        <v>0</v>
      </c>
      <c r="NC33" s="360">
        <v>0</v>
      </c>
      <c r="ND33" s="364">
        <v>0</v>
      </c>
      <c r="NE33" s="439">
        <v>0</v>
      </c>
      <c r="NF33" s="360">
        <v>508808</v>
      </c>
      <c r="NG33" s="360">
        <v>2455889</v>
      </c>
      <c r="NH33" s="360">
        <v>3130546</v>
      </c>
      <c r="NI33" s="360">
        <v>1787811</v>
      </c>
      <c r="NJ33" s="360">
        <v>349137</v>
      </c>
      <c r="NK33" s="364">
        <v>8232191</v>
      </c>
      <c r="NL33" s="362">
        <v>8232191</v>
      </c>
      <c r="NM33" s="363">
        <v>0</v>
      </c>
      <c r="NN33" s="360">
        <v>0</v>
      </c>
      <c r="NO33" s="364">
        <v>0</v>
      </c>
      <c r="NP33" s="439">
        <v>0</v>
      </c>
      <c r="NQ33" s="360">
        <v>0</v>
      </c>
      <c r="NR33" s="360">
        <v>0</v>
      </c>
      <c r="NS33" s="360">
        <v>0</v>
      </c>
      <c r="NT33" s="360">
        <v>0</v>
      </c>
      <c r="NU33" s="360">
        <v>0</v>
      </c>
      <c r="NV33" s="364">
        <v>0</v>
      </c>
      <c r="NW33" s="365">
        <v>0</v>
      </c>
      <c r="NX33" s="363">
        <v>0</v>
      </c>
      <c r="NY33" s="360">
        <v>0</v>
      </c>
      <c r="NZ33" s="364">
        <v>0</v>
      </c>
      <c r="OA33" s="439">
        <v>0</v>
      </c>
      <c r="OB33" s="360">
        <v>0</v>
      </c>
      <c r="OC33" s="360">
        <v>0</v>
      </c>
      <c r="OD33" s="360">
        <v>0</v>
      </c>
      <c r="OE33" s="360">
        <v>0</v>
      </c>
      <c r="OF33" s="360">
        <v>0</v>
      </c>
      <c r="OG33" s="364">
        <v>0</v>
      </c>
      <c r="OH33" s="365">
        <v>0</v>
      </c>
      <c r="OI33" s="363">
        <v>141734</v>
      </c>
      <c r="OJ33" s="360">
        <v>509650</v>
      </c>
      <c r="OK33" s="361">
        <v>651384</v>
      </c>
      <c r="OL33" s="366">
        <v>0</v>
      </c>
      <c r="OM33" s="360">
        <v>6698922</v>
      </c>
      <c r="ON33" s="360">
        <v>13232403</v>
      </c>
      <c r="OO33" s="360">
        <v>13300411</v>
      </c>
      <c r="OP33" s="360">
        <v>14047823</v>
      </c>
      <c r="OQ33" s="360">
        <v>9848075</v>
      </c>
      <c r="OR33" s="364">
        <v>57127634</v>
      </c>
      <c r="OS33" s="369">
        <v>57779018</v>
      </c>
    </row>
    <row r="34" spans="2:409" s="137" customFormat="1" ht="21" customHeight="1" x14ac:dyDescent="0.2">
      <c r="B34" s="421" t="s">
        <v>29</v>
      </c>
      <c r="C34" s="341">
        <v>758729</v>
      </c>
      <c r="D34" s="342">
        <v>981837</v>
      </c>
      <c r="E34" s="343">
        <v>1740566</v>
      </c>
      <c r="F34" s="344">
        <v>0</v>
      </c>
      <c r="G34" s="342">
        <v>7802223</v>
      </c>
      <c r="H34" s="342">
        <v>9253679</v>
      </c>
      <c r="I34" s="342">
        <v>9996404</v>
      </c>
      <c r="J34" s="342">
        <v>7602812</v>
      </c>
      <c r="K34" s="342">
        <v>6787845</v>
      </c>
      <c r="L34" s="382">
        <v>41442963</v>
      </c>
      <c r="M34" s="345">
        <v>43183529</v>
      </c>
      <c r="N34" s="341">
        <v>50631</v>
      </c>
      <c r="O34" s="342">
        <v>237880</v>
      </c>
      <c r="P34" s="343">
        <v>288511</v>
      </c>
      <c r="Q34" s="341">
        <v>0</v>
      </c>
      <c r="R34" s="342">
        <v>2133309</v>
      </c>
      <c r="S34" s="342">
        <v>2239405</v>
      </c>
      <c r="T34" s="342">
        <v>2170498</v>
      </c>
      <c r="U34" s="342">
        <v>2521418</v>
      </c>
      <c r="V34" s="342">
        <v>3333330</v>
      </c>
      <c r="W34" s="343">
        <v>12397960</v>
      </c>
      <c r="X34" s="345">
        <v>12686471</v>
      </c>
      <c r="Y34" s="341">
        <v>0</v>
      </c>
      <c r="Z34" s="342">
        <v>0</v>
      </c>
      <c r="AA34" s="343">
        <v>0</v>
      </c>
      <c r="AB34" s="341">
        <v>0</v>
      </c>
      <c r="AC34" s="342">
        <v>711467</v>
      </c>
      <c r="AD34" s="342">
        <v>1009776</v>
      </c>
      <c r="AE34" s="342">
        <v>1240270</v>
      </c>
      <c r="AF34" s="342">
        <v>1635172</v>
      </c>
      <c r="AG34" s="342">
        <v>1808498</v>
      </c>
      <c r="AH34" s="343">
        <v>6405183</v>
      </c>
      <c r="AI34" s="345">
        <v>6405183</v>
      </c>
      <c r="AJ34" s="341">
        <v>0</v>
      </c>
      <c r="AK34" s="342">
        <v>0</v>
      </c>
      <c r="AL34" s="343">
        <v>0</v>
      </c>
      <c r="AM34" s="341">
        <v>0</v>
      </c>
      <c r="AN34" s="342">
        <v>0</v>
      </c>
      <c r="AO34" s="342">
        <v>0</v>
      </c>
      <c r="AP34" s="342">
        <v>0</v>
      </c>
      <c r="AQ34" s="342">
        <v>188004</v>
      </c>
      <c r="AR34" s="342">
        <v>594019</v>
      </c>
      <c r="AS34" s="343">
        <v>782023</v>
      </c>
      <c r="AT34" s="345">
        <v>782023</v>
      </c>
      <c r="AU34" s="341">
        <v>23832</v>
      </c>
      <c r="AV34" s="342">
        <v>159346</v>
      </c>
      <c r="AW34" s="343">
        <v>183178</v>
      </c>
      <c r="AX34" s="341">
        <v>0</v>
      </c>
      <c r="AY34" s="342">
        <v>989699</v>
      </c>
      <c r="AZ34" s="342">
        <v>877005</v>
      </c>
      <c r="BA34" s="342">
        <v>603531</v>
      </c>
      <c r="BB34" s="342">
        <v>360082</v>
      </c>
      <c r="BC34" s="342">
        <v>773489</v>
      </c>
      <c r="BD34" s="343">
        <v>3603806</v>
      </c>
      <c r="BE34" s="345">
        <v>3786984</v>
      </c>
      <c r="BF34" s="341">
        <v>0</v>
      </c>
      <c r="BG34" s="342">
        <v>33264</v>
      </c>
      <c r="BH34" s="346">
        <v>33264</v>
      </c>
      <c r="BI34" s="347">
        <v>0</v>
      </c>
      <c r="BJ34" s="342">
        <v>137664</v>
      </c>
      <c r="BK34" s="342">
        <v>22944</v>
      </c>
      <c r="BL34" s="342">
        <v>81018</v>
      </c>
      <c r="BM34" s="342">
        <v>54815</v>
      </c>
      <c r="BN34" s="342">
        <v>0</v>
      </c>
      <c r="BO34" s="343">
        <v>296441</v>
      </c>
      <c r="BP34" s="345">
        <v>329705</v>
      </c>
      <c r="BQ34" s="341">
        <v>26799</v>
      </c>
      <c r="BR34" s="342">
        <v>45270</v>
      </c>
      <c r="BS34" s="343">
        <v>72069</v>
      </c>
      <c r="BT34" s="341">
        <v>0</v>
      </c>
      <c r="BU34" s="342">
        <v>294479</v>
      </c>
      <c r="BV34" s="342">
        <v>329680</v>
      </c>
      <c r="BW34" s="342">
        <v>245679</v>
      </c>
      <c r="BX34" s="342">
        <v>283345</v>
      </c>
      <c r="BY34" s="342">
        <v>157324</v>
      </c>
      <c r="BZ34" s="343">
        <v>1310507</v>
      </c>
      <c r="CA34" s="345">
        <v>1382576</v>
      </c>
      <c r="CB34" s="341">
        <v>40596</v>
      </c>
      <c r="CC34" s="342">
        <v>247277</v>
      </c>
      <c r="CD34" s="343">
        <v>287873</v>
      </c>
      <c r="CE34" s="341">
        <v>0</v>
      </c>
      <c r="CF34" s="342">
        <v>2276098</v>
      </c>
      <c r="CG34" s="342">
        <v>2863759</v>
      </c>
      <c r="CH34" s="342">
        <v>3306567</v>
      </c>
      <c r="CI34" s="342">
        <v>1223467</v>
      </c>
      <c r="CJ34" s="342">
        <v>794865</v>
      </c>
      <c r="CK34" s="343">
        <v>10464756</v>
      </c>
      <c r="CL34" s="345">
        <v>10752629</v>
      </c>
      <c r="CM34" s="341">
        <v>0</v>
      </c>
      <c r="CN34" s="342">
        <v>0</v>
      </c>
      <c r="CO34" s="343">
        <v>0</v>
      </c>
      <c r="CP34" s="347">
        <v>0</v>
      </c>
      <c r="CQ34" s="342">
        <v>1789537</v>
      </c>
      <c r="CR34" s="342">
        <v>2295838</v>
      </c>
      <c r="CS34" s="342">
        <v>2175694</v>
      </c>
      <c r="CT34" s="342">
        <v>1040272</v>
      </c>
      <c r="CU34" s="342">
        <v>695343</v>
      </c>
      <c r="CV34" s="343">
        <v>7996684</v>
      </c>
      <c r="CW34" s="345">
        <v>7996684</v>
      </c>
      <c r="CX34" s="341">
        <v>40596</v>
      </c>
      <c r="CY34" s="342">
        <v>247277</v>
      </c>
      <c r="CZ34" s="343">
        <v>287873</v>
      </c>
      <c r="DA34" s="341">
        <v>0</v>
      </c>
      <c r="DB34" s="342">
        <v>486561</v>
      </c>
      <c r="DC34" s="342">
        <v>567921</v>
      </c>
      <c r="DD34" s="342">
        <v>1130873</v>
      </c>
      <c r="DE34" s="342">
        <v>183195</v>
      </c>
      <c r="DF34" s="342">
        <v>99522</v>
      </c>
      <c r="DG34" s="343">
        <v>2468072</v>
      </c>
      <c r="DH34" s="345">
        <v>2755945</v>
      </c>
      <c r="DI34" s="341">
        <v>0</v>
      </c>
      <c r="DJ34" s="342">
        <v>0</v>
      </c>
      <c r="DK34" s="346">
        <v>0</v>
      </c>
      <c r="DL34" s="347">
        <v>0</v>
      </c>
      <c r="DM34" s="342">
        <v>330222</v>
      </c>
      <c r="DN34" s="342">
        <v>621947</v>
      </c>
      <c r="DO34" s="342">
        <v>1429526</v>
      </c>
      <c r="DP34" s="342">
        <v>937301</v>
      </c>
      <c r="DQ34" s="342">
        <v>631845</v>
      </c>
      <c r="DR34" s="343">
        <v>3950841</v>
      </c>
      <c r="DS34" s="345">
        <v>3950841</v>
      </c>
      <c r="DT34" s="341">
        <v>0</v>
      </c>
      <c r="DU34" s="342">
        <v>0</v>
      </c>
      <c r="DV34" s="343">
        <v>0</v>
      </c>
      <c r="DW34" s="341">
        <v>0</v>
      </c>
      <c r="DX34" s="342">
        <v>168645</v>
      </c>
      <c r="DY34" s="342">
        <v>581160</v>
      </c>
      <c r="DZ34" s="342">
        <v>1269934</v>
      </c>
      <c r="EA34" s="342">
        <v>901346</v>
      </c>
      <c r="EB34" s="342">
        <v>631845</v>
      </c>
      <c r="EC34" s="343">
        <v>3552930</v>
      </c>
      <c r="ED34" s="345">
        <v>3552930</v>
      </c>
      <c r="EE34" s="341">
        <v>0</v>
      </c>
      <c r="EF34" s="346">
        <v>0</v>
      </c>
      <c r="EG34" s="343">
        <v>0</v>
      </c>
      <c r="EH34" s="341">
        <v>0</v>
      </c>
      <c r="EI34" s="342">
        <v>161577</v>
      </c>
      <c r="EJ34" s="342">
        <v>40787</v>
      </c>
      <c r="EK34" s="342">
        <v>159592</v>
      </c>
      <c r="EL34" s="342">
        <v>35955</v>
      </c>
      <c r="EM34" s="342">
        <v>0</v>
      </c>
      <c r="EN34" s="346">
        <v>397911</v>
      </c>
      <c r="EO34" s="345">
        <v>397911</v>
      </c>
      <c r="EP34" s="341">
        <v>0</v>
      </c>
      <c r="EQ34" s="342">
        <v>0</v>
      </c>
      <c r="ER34" s="346">
        <v>0</v>
      </c>
      <c r="ES34" s="347">
        <v>0</v>
      </c>
      <c r="ET34" s="342">
        <v>0</v>
      </c>
      <c r="EU34" s="342">
        <v>0</v>
      </c>
      <c r="EV34" s="342">
        <v>0</v>
      </c>
      <c r="EW34" s="342">
        <v>0</v>
      </c>
      <c r="EX34" s="342">
        <v>0</v>
      </c>
      <c r="EY34" s="343">
        <v>0</v>
      </c>
      <c r="EZ34" s="345">
        <v>0</v>
      </c>
      <c r="FA34" s="341">
        <v>0</v>
      </c>
      <c r="FB34" s="342">
        <v>0</v>
      </c>
      <c r="FC34" s="346">
        <v>0</v>
      </c>
      <c r="FD34" s="347">
        <v>0</v>
      </c>
      <c r="FE34" s="342">
        <v>0</v>
      </c>
      <c r="FF34" s="342">
        <v>0</v>
      </c>
      <c r="FG34" s="342">
        <v>0</v>
      </c>
      <c r="FH34" s="342">
        <v>0</v>
      </c>
      <c r="FI34" s="342">
        <v>0</v>
      </c>
      <c r="FJ34" s="343">
        <v>0</v>
      </c>
      <c r="FK34" s="345">
        <v>0</v>
      </c>
      <c r="FL34" s="341">
        <v>428294</v>
      </c>
      <c r="FM34" s="342">
        <v>312480</v>
      </c>
      <c r="FN34" s="343">
        <v>740774</v>
      </c>
      <c r="FO34" s="341">
        <v>0</v>
      </c>
      <c r="FP34" s="342">
        <v>463160</v>
      </c>
      <c r="FQ34" s="342">
        <v>1039479</v>
      </c>
      <c r="FR34" s="342">
        <v>814036</v>
      </c>
      <c r="FS34" s="342">
        <v>738352</v>
      </c>
      <c r="FT34" s="342">
        <v>705143</v>
      </c>
      <c r="FU34" s="343">
        <v>3760170</v>
      </c>
      <c r="FV34" s="345">
        <v>4500944</v>
      </c>
      <c r="FW34" s="348">
        <v>174210</v>
      </c>
      <c r="FX34" s="342">
        <v>240660</v>
      </c>
      <c r="FY34" s="346">
        <v>414870</v>
      </c>
      <c r="FZ34" s="347">
        <v>0</v>
      </c>
      <c r="GA34" s="342">
        <v>417870</v>
      </c>
      <c r="GB34" s="342">
        <v>916179</v>
      </c>
      <c r="GC34" s="342">
        <v>710096</v>
      </c>
      <c r="GD34" s="342">
        <v>738352</v>
      </c>
      <c r="GE34" s="342">
        <v>705143</v>
      </c>
      <c r="GF34" s="343">
        <v>3487640</v>
      </c>
      <c r="GG34" s="349">
        <v>3902510</v>
      </c>
      <c r="GH34" s="348">
        <v>49104</v>
      </c>
      <c r="GI34" s="342">
        <v>32670</v>
      </c>
      <c r="GJ34" s="346">
        <v>81774</v>
      </c>
      <c r="GK34" s="347">
        <v>0</v>
      </c>
      <c r="GL34" s="342">
        <v>0</v>
      </c>
      <c r="GM34" s="342">
        <v>0</v>
      </c>
      <c r="GN34" s="342">
        <v>44000</v>
      </c>
      <c r="GO34" s="342">
        <v>0</v>
      </c>
      <c r="GP34" s="342">
        <v>0</v>
      </c>
      <c r="GQ34" s="343">
        <v>44000</v>
      </c>
      <c r="GR34" s="345">
        <v>125774</v>
      </c>
      <c r="GS34" s="341">
        <v>204980</v>
      </c>
      <c r="GT34" s="342">
        <v>39150</v>
      </c>
      <c r="GU34" s="343">
        <v>244130</v>
      </c>
      <c r="GV34" s="341">
        <v>0</v>
      </c>
      <c r="GW34" s="342">
        <v>45290</v>
      </c>
      <c r="GX34" s="342">
        <v>123300</v>
      </c>
      <c r="GY34" s="342">
        <v>59940</v>
      </c>
      <c r="GZ34" s="342">
        <v>0</v>
      </c>
      <c r="HA34" s="342">
        <v>0</v>
      </c>
      <c r="HB34" s="346">
        <v>228530</v>
      </c>
      <c r="HC34" s="345">
        <v>472660</v>
      </c>
      <c r="HD34" s="341">
        <v>104808</v>
      </c>
      <c r="HE34" s="342">
        <v>0</v>
      </c>
      <c r="HF34" s="346">
        <v>104808</v>
      </c>
      <c r="HG34" s="347">
        <v>0</v>
      </c>
      <c r="HH34" s="342">
        <v>1369397</v>
      </c>
      <c r="HI34" s="342">
        <v>1242606</v>
      </c>
      <c r="HJ34" s="342">
        <v>1096063</v>
      </c>
      <c r="HK34" s="342">
        <v>1616913</v>
      </c>
      <c r="HL34" s="342">
        <v>855430</v>
      </c>
      <c r="HM34" s="343">
        <v>6180409</v>
      </c>
      <c r="HN34" s="344">
        <v>6285217</v>
      </c>
      <c r="HO34" s="348">
        <v>134400</v>
      </c>
      <c r="HP34" s="342">
        <v>184200</v>
      </c>
      <c r="HQ34" s="343">
        <v>318600</v>
      </c>
      <c r="HR34" s="341">
        <v>0</v>
      </c>
      <c r="HS34" s="342">
        <v>1230037</v>
      </c>
      <c r="HT34" s="342">
        <v>1246483</v>
      </c>
      <c r="HU34" s="342">
        <v>1179714</v>
      </c>
      <c r="HV34" s="342">
        <v>565361</v>
      </c>
      <c r="HW34" s="342">
        <v>467232</v>
      </c>
      <c r="HX34" s="346">
        <v>4688827</v>
      </c>
      <c r="HY34" s="345">
        <v>5007427</v>
      </c>
      <c r="HZ34" s="373">
        <v>0</v>
      </c>
      <c r="IA34" s="371">
        <v>88056</v>
      </c>
      <c r="IB34" s="373">
        <v>88056</v>
      </c>
      <c r="IC34" s="370">
        <v>0</v>
      </c>
      <c r="ID34" s="371">
        <v>3102646</v>
      </c>
      <c r="IE34" s="372">
        <v>3826266</v>
      </c>
      <c r="IF34" s="373">
        <v>8115317</v>
      </c>
      <c r="IG34" s="371">
        <v>4555295</v>
      </c>
      <c r="IH34" s="373">
        <v>1950921</v>
      </c>
      <c r="II34" s="374">
        <v>21550445</v>
      </c>
      <c r="IJ34" s="373">
        <v>21638501</v>
      </c>
      <c r="IK34" s="357">
        <v>0</v>
      </c>
      <c r="IL34" s="358">
        <v>0</v>
      </c>
      <c r="IM34" s="359">
        <v>0</v>
      </c>
      <c r="IN34" s="436">
        <v>0</v>
      </c>
      <c r="IO34" s="360">
        <v>111450</v>
      </c>
      <c r="IP34" s="360">
        <v>0</v>
      </c>
      <c r="IQ34" s="360">
        <v>150280</v>
      </c>
      <c r="IR34" s="360">
        <v>0</v>
      </c>
      <c r="IS34" s="360">
        <v>0</v>
      </c>
      <c r="IT34" s="361">
        <v>261730</v>
      </c>
      <c r="IU34" s="362">
        <v>261730</v>
      </c>
      <c r="IV34" s="363">
        <v>0</v>
      </c>
      <c r="IW34" s="360">
        <v>0</v>
      </c>
      <c r="IX34" s="364">
        <v>0</v>
      </c>
      <c r="IY34" s="439">
        <v>0</v>
      </c>
      <c r="IZ34" s="360">
        <v>0</v>
      </c>
      <c r="JA34" s="360">
        <v>0</v>
      </c>
      <c r="JB34" s="360">
        <v>0</v>
      </c>
      <c r="JC34" s="360">
        <v>0</v>
      </c>
      <c r="JD34" s="360">
        <v>0</v>
      </c>
      <c r="JE34" s="364">
        <v>0</v>
      </c>
      <c r="JF34" s="365">
        <v>0</v>
      </c>
      <c r="JG34" s="363">
        <v>0</v>
      </c>
      <c r="JH34" s="360">
        <v>0</v>
      </c>
      <c r="JI34" s="361">
        <v>0</v>
      </c>
      <c r="JJ34" s="366">
        <v>0</v>
      </c>
      <c r="JK34" s="360">
        <v>686792</v>
      </c>
      <c r="JL34" s="360">
        <v>1077587</v>
      </c>
      <c r="JM34" s="360">
        <v>677922</v>
      </c>
      <c r="JN34" s="360">
        <v>196928</v>
      </c>
      <c r="JO34" s="360">
        <v>35766</v>
      </c>
      <c r="JP34" s="364">
        <v>2674995</v>
      </c>
      <c r="JQ34" s="362">
        <v>2674995</v>
      </c>
      <c r="JR34" s="363">
        <v>0</v>
      </c>
      <c r="JS34" s="360">
        <v>0</v>
      </c>
      <c r="JT34" s="361">
        <v>0</v>
      </c>
      <c r="JU34" s="366">
        <v>0</v>
      </c>
      <c r="JV34" s="360">
        <v>95094</v>
      </c>
      <c r="JW34" s="360">
        <v>72657</v>
      </c>
      <c r="JX34" s="360">
        <v>0</v>
      </c>
      <c r="JY34" s="360">
        <v>0</v>
      </c>
      <c r="JZ34" s="360">
        <v>0</v>
      </c>
      <c r="KA34" s="364">
        <v>167751</v>
      </c>
      <c r="KB34" s="362">
        <v>167751</v>
      </c>
      <c r="KC34" s="367">
        <v>0</v>
      </c>
      <c r="KD34" s="368">
        <v>88056</v>
      </c>
      <c r="KE34" s="364">
        <v>88056</v>
      </c>
      <c r="KF34" s="366">
        <v>0</v>
      </c>
      <c r="KG34" s="360">
        <v>818108</v>
      </c>
      <c r="KH34" s="360">
        <v>709360</v>
      </c>
      <c r="KI34" s="360">
        <v>1876261</v>
      </c>
      <c r="KJ34" s="360">
        <v>1462194</v>
      </c>
      <c r="KK34" s="360">
        <v>321453</v>
      </c>
      <c r="KL34" s="364">
        <v>5187376</v>
      </c>
      <c r="KM34" s="369">
        <v>5275432</v>
      </c>
      <c r="KN34" s="357">
        <v>0</v>
      </c>
      <c r="KO34" s="358">
        <v>0</v>
      </c>
      <c r="KP34" s="359">
        <v>0</v>
      </c>
      <c r="KQ34" s="439">
        <v>0</v>
      </c>
      <c r="KR34" s="360">
        <v>1391202</v>
      </c>
      <c r="KS34" s="360">
        <v>1966662</v>
      </c>
      <c r="KT34" s="360">
        <v>2007630</v>
      </c>
      <c r="KU34" s="360">
        <v>792000</v>
      </c>
      <c r="KV34" s="360">
        <v>166716</v>
      </c>
      <c r="KW34" s="364">
        <v>6324210</v>
      </c>
      <c r="KX34" s="362">
        <v>6324210</v>
      </c>
      <c r="KY34" s="363">
        <v>0</v>
      </c>
      <c r="KZ34" s="360">
        <v>0</v>
      </c>
      <c r="LA34" s="364">
        <v>0</v>
      </c>
      <c r="LB34" s="439">
        <v>0</v>
      </c>
      <c r="LC34" s="360">
        <v>0</v>
      </c>
      <c r="LD34" s="360">
        <v>0</v>
      </c>
      <c r="LE34" s="360">
        <v>0</v>
      </c>
      <c r="LF34" s="360">
        <v>0</v>
      </c>
      <c r="LG34" s="360">
        <v>0</v>
      </c>
      <c r="LH34" s="364">
        <v>0</v>
      </c>
      <c r="LI34" s="365">
        <v>0</v>
      </c>
      <c r="LJ34" s="363">
        <v>0</v>
      </c>
      <c r="LK34" s="360">
        <v>0</v>
      </c>
      <c r="LL34" s="364">
        <v>0</v>
      </c>
      <c r="LM34" s="439">
        <v>0</v>
      </c>
      <c r="LN34" s="360">
        <v>0</v>
      </c>
      <c r="LO34" s="360">
        <v>0</v>
      </c>
      <c r="LP34" s="360">
        <v>3403224</v>
      </c>
      <c r="LQ34" s="360">
        <v>2104173</v>
      </c>
      <c r="LR34" s="360">
        <v>1426986</v>
      </c>
      <c r="LS34" s="364">
        <v>6934383</v>
      </c>
      <c r="LT34" s="362">
        <v>6934383</v>
      </c>
      <c r="LU34" s="363">
        <v>0</v>
      </c>
      <c r="LV34" s="360">
        <v>0</v>
      </c>
      <c r="LW34" s="364">
        <v>0</v>
      </c>
      <c r="LX34" s="439">
        <v>0</v>
      </c>
      <c r="LY34" s="360">
        <v>0</v>
      </c>
      <c r="LZ34" s="360">
        <v>0</v>
      </c>
      <c r="MA34" s="360">
        <v>0</v>
      </c>
      <c r="MB34" s="360">
        <v>0</v>
      </c>
      <c r="MC34" s="360">
        <v>0</v>
      </c>
      <c r="MD34" s="364">
        <v>0</v>
      </c>
      <c r="ME34" s="365">
        <v>0</v>
      </c>
      <c r="MF34" s="363">
        <v>0</v>
      </c>
      <c r="MG34" s="360">
        <v>0</v>
      </c>
      <c r="MH34" s="364">
        <v>0</v>
      </c>
      <c r="MI34" s="439">
        <v>0</v>
      </c>
      <c r="MJ34" s="360">
        <v>706594</v>
      </c>
      <c r="MK34" s="360">
        <v>2156958</v>
      </c>
      <c r="ML34" s="360">
        <v>4461078</v>
      </c>
      <c r="MM34" s="360">
        <v>10159187</v>
      </c>
      <c r="MN34" s="360">
        <v>6788036</v>
      </c>
      <c r="MO34" s="364">
        <v>24271853</v>
      </c>
      <c r="MP34" s="369">
        <v>24271853</v>
      </c>
      <c r="MQ34" s="363">
        <v>0</v>
      </c>
      <c r="MR34" s="360">
        <v>0</v>
      </c>
      <c r="MS34" s="364">
        <v>0</v>
      </c>
      <c r="MT34" s="439">
        <v>0</v>
      </c>
      <c r="MU34" s="360">
        <v>0</v>
      </c>
      <c r="MV34" s="360">
        <v>403623</v>
      </c>
      <c r="MW34" s="360">
        <v>2489600</v>
      </c>
      <c r="MX34" s="360">
        <v>6395485</v>
      </c>
      <c r="MY34" s="360">
        <v>4552736</v>
      </c>
      <c r="MZ34" s="364">
        <v>13841444</v>
      </c>
      <c r="NA34" s="369">
        <v>13841444</v>
      </c>
      <c r="NB34" s="363">
        <v>0</v>
      </c>
      <c r="NC34" s="360">
        <v>0</v>
      </c>
      <c r="ND34" s="364">
        <v>0</v>
      </c>
      <c r="NE34" s="439">
        <v>0</v>
      </c>
      <c r="NF34" s="360">
        <v>706594</v>
      </c>
      <c r="NG34" s="360">
        <v>1753335</v>
      </c>
      <c r="NH34" s="360">
        <v>1971478</v>
      </c>
      <c r="NI34" s="360">
        <v>3763702</v>
      </c>
      <c r="NJ34" s="360">
        <v>2235300</v>
      </c>
      <c r="NK34" s="364">
        <v>10430409</v>
      </c>
      <c r="NL34" s="362">
        <v>10430409</v>
      </c>
      <c r="NM34" s="363">
        <v>0</v>
      </c>
      <c r="NN34" s="360">
        <v>0</v>
      </c>
      <c r="NO34" s="364">
        <v>0</v>
      </c>
      <c r="NP34" s="439">
        <v>0</v>
      </c>
      <c r="NQ34" s="360">
        <v>0</v>
      </c>
      <c r="NR34" s="360">
        <v>0</v>
      </c>
      <c r="NS34" s="360">
        <v>0</v>
      </c>
      <c r="NT34" s="360">
        <v>0</v>
      </c>
      <c r="NU34" s="360">
        <v>0</v>
      </c>
      <c r="NV34" s="364">
        <v>0</v>
      </c>
      <c r="NW34" s="365">
        <v>0</v>
      </c>
      <c r="NX34" s="363">
        <v>0</v>
      </c>
      <c r="NY34" s="360">
        <v>0</v>
      </c>
      <c r="NZ34" s="364">
        <v>0</v>
      </c>
      <c r="OA34" s="439">
        <v>0</v>
      </c>
      <c r="OB34" s="360">
        <v>0</v>
      </c>
      <c r="OC34" s="360">
        <v>0</v>
      </c>
      <c r="OD34" s="360">
        <v>0</v>
      </c>
      <c r="OE34" s="360">
        <v>0</v>
      </c>
      <c r="OF34" s="360">
        <v>0</v>
      </c>
      <c r="OG34" s="364">
        <v>0</v>
      </c>
      <c r="OH34" s="365">
        <v>0</v>
      </c>
      <c r="OI34" s="363">
        <v>758729</v>
      </c>
      <c r="OJ34" s="360">
        <v>1069893</v>
      </c>
      <c r="OK34" s="361">
        <v>1828622</v>
      </c>
      <c r="OL34" s="366">
        <v>0</v>
      </c>
      <c r="OM34" s="360">
        <v>11611463</v>
      </c>
      <c r="ON34" s="360">
        <v>15236903</v>
      </c>
      <c r="OO34" s="360">
        <v>22572799</v>
      </c>
      <c r="OP34" s="360">
        <v>22317294</v>
      </c>
      <c r="OQ34" s="360">
        <v>15526802</v>
      </c>
      <c r="OR34" s="364">
        <v>87265261</v>
      </c>
      <c r="OS34" s="369">
        <v>89093883</v>
      </c>
    </row>
    <row r="35" spans="2:409" s="137" customFormat="1" ht="21" customHeight="1" x14ac:dyDescent="0.2">
      <c r="B35" s="421" t="s">
        <v>30</v>
      </c>
      <c r="C35" s="341">
        <v>1435891</v>
      </c>
      <c r="D35" s="342">
        <v>1870757</v>
      </c>
      <c r="E35" s="383">
        <v>3306648</v>
      </c>
      <c r="F35" s="385">
        <v>0</v>
      </c>
      <c r="G35" s="384">
        <v>7100953</v>
      </c>
      <c r="H35" s="384">
        <v>7363154</v>
      </c>
      <c r="I35" s="384">
        <v>7841906</v>
      </c>
      <c r="J35" s="384">
        <v>8521502</v>
      </c>
      <c r="K35" s="384">
        <v>3555658</v>
      </c>
      <c r="L35" s="385">
        <v>34383173</v>
      </c>
      <c r="M35" s="345">
        <v>37689821</v>
      </c>
      <c r="N35" s="341">
        <v>210089</v>
      </c>
      <c r="O35" s="342">
        <v>685608</v>
      </c>
      <c r="P35" s="343">
        <v>895697</v>
      </c>
      <c r="Q35" s="341">
        <v>0</v>
      </c>
      <c r="R35" s="342">
        <v>2071073</v>
      </c>
      <c r="S35" s="342">
        <v>2051817</v>
      </c>
      <c r="T35" s="342">
        <v>2674005</v>
      </c>
      <c r="U35" s="342">
        <v>4202761</v>
      </c>
      <c r="V35" s="342">
        <v>1933028</v>
      </c>
      <c r="W35" s="343">
        <v>12932684</v>
      </c>
      <c r="X35" s="345">
        <v>13828381</v>
      </c>
      <c r="Y35" s="341">
        <v>0</v>
      </c>
      <c r="Z35" s="342">
        <v>0</v>
      </c>
      <c r="AA35" s="343">
        <v>0</v>
      </c>
      <c r="AB35" s="341">
        <v>0</v>
      </c>
      <c r="AC35" s="342">
        <v>582242</v>
      </c>
      <c r="AD35" s="342">
        <v>986966</v>
      </c>
      <c r="AE35" s="342">
        <v>1444562</v>
      </c>
      <c r="AF35" s="342">
        <v>2735757</v>
      </c>
      <c r="AG35" s="342">
        <v>1255591</v>
      </c>
      <c r="AH35" s="343">
        <v>7005118</v>
      </c>
      <c r="AI35" s="345">
        <v>7005118</v>
      </c>
      <c r="AJ35" s="341">
        <v>0</v>
      </c>
      <c r="AK35" s="342">
        <v>0</v>
      </c>
      <c r="AL35" s="343">
        <v>0</v>
      </c>
      <c r="AM35" s="341">
        <v>0</v>
      </c>
      <c r="AN35" s="342">
        <v>109695</v>
      </c>
      <c r="AO35" s="342">
        <v>49810</v>
      </c>
      <c r="AP35" s="342">
        <v>154930</v>
      </c>
      <c r="AQ35" s="342">
        <v>405998</v>
      </c>
      <c r="AR35" s="342">
        <v>198189</v>
      </c>
      <c r="AS35" s="343">
        <v>918622</v>
      </c>
      <c r="AT35" s="345">
        <v>918622</v>
      </c>
      <c r="AU35" s="341">
        <v>183872</v>
      </c>
      <c r="AV35" s="342">
        <v>663549</v>
      </c>
      <c r="AW35" s="343">
        <v>847421</v>
      </c>
      <c r="AX35" s="341">
        <v>0</v>
      </c>
      <c r="AY35" s="342">
        <v>974189</v>
      </c>
      <c r="AZ35" s="342">
        <v>710821</v>
      </c>
      <c r="BA35" s="342">
        <v>702410</v>
      </c>
      <c r="BB35" s="342">
        <v>557083</v>
      </c>
      <c r="BC35" s="342">
        <v>349405</v>
      </c>
      <c r="BD35" s="343">
        <v>3293908</v>
      </c>
      <c r="BE35" s="345">
        <v>4141329</v>
      </c>
      <c r="BF35" s="341">
        <v>0</v>
      </c>
      <c r="BG35" s="342">
        <v>0</v>
      </c>
      <c r="BH35" s="346">
        <v>0</v>
      </c>
      <c r="BI35" s="347">
        <v>0</v>
      </c>
      <c r="BJ35" s="342">
        <v>86040</v>
      </c>
      <c r="BK35" s="342">
        <v>62343</v>
      </c>
      <c r="BL35" s="342">
        <v>68832</v>
      </c>
      <c r="BM35" s="342">
        <v>60228</v>
      </c>
      <c r="BN35" s="342">
        <v>0</v>
      </c>
      <c r="BO35" s="343">
        <v>277443</v>
      </c>
      <c r="BP35" s="345">
        <v>277443</v>
      </c>
      <c r="BQ35" s="341">
        <v>26217</v>
      </c>
      <c r="BR35" s="342">
        <v>22059</v>
      </c>
      <c r="BS35" s="343">
        <v>48276</v>
      </c>
      <c r="BT35" s="341">
        <v>0</v>
      </c>
      <c r="BU35" s="342">
        <v>318907</v>
      </c>
      <c r="BV35" s="342">
        <v>241877</v>
      </c>
      <c r="BW35" s="342">
        <v>303271</v>
      </c>
      <c r="BX35" s="342">
        <v>443695</v>
      </c>
      <c r="BY35" s="342">
        <v>129843</v>
      </c>
      <c r="BZ35" s="343">
        <v>1437593</v>
      </c>
      <c r="CA35" s="345">
        <v>1485869</v>
      </c>
      <c r="CB35" s="341">
        <v>187984</v>
      </c>
      <c r="CC35" s="342">
        <v>521396</v>
      </c>
      <c r="CD35" s="343">
        <v>709380</v>
      </c>
      <c r="CE35" s="341">
        <v>0</v>
      </c>
      <c r="CF35" s="342">
        <v>2037815</v>
      </c>
      <c r="CG35" s="342">
        <v>1906797</v>
      </c>
      <c r="CH35" s="342">
        <v>1473562</v>
      </c>
      <c r="CI35" s="342">
        <v>1005929</v>
      </c>
      <c r="CJ35" s="342">
        <v>296533</v>
      </c>
      <c r="CK35" s="343">
        <v>6720636</v>
      </c>
      <c r="CL35" s="345">
        <v>7430016</v>
      </c>
      <c r="CM35" s="341">
        <v>0</v>
      </c>
      <c r="CN35" s="342">
        <v>0</v>
      </c>
      <c r="CO35" s="343">
        <v>0</v>
      </c>
      <c r="CP35" s="347">
        <v>0</v>
      </c>
      <c r="CQ35" s="342">
        <v>1711433</v>
      </c>
      <c r="CR35" s="342">
        <v>1400665</v>
      </c>
      <c r="CS35" s="342">
        <v>1266879</v>
      </c>
      <c r="CT35" s="342">
        <v>683753</v>
      </c>
      <c r="CU35" s="342">
        <v>189117</v>
      </c>
      <c r="CV35" s="343">
        <v>5251847</v>
      </c>
      <c r="CW35" s="345">
        <v>5251847</v>
      </c>
      <c r="CX35" s="341">
        <v>187984</v>
      </c>
      <c r="CY35" s="342">
        <v>521396</v>
      </c>
      <c r="CZ35" s="343">
        <v>709380</v>
      </c>
      <c r="DA35" s="341">
        <v>0</v>
      </c>
      <c r="DB35" s="342">
        <v>326382</v>
      </c>
      <c r="DC35" s="342">
        <v>506132</v>
      </c>
      <c r="DD35" s="342">
        <v>206683</v>
      </c>
      <c r="DE35" s="342">
        <v>322176</v>
      </c>
      <c r="DF35" s="342">
        <v>107416</v>
      </c>
      <c r="DG35" s="343">
        <v>1468789</v>
      </c>
      <c r="DH35" s="345">
        <v>2178169</v>
      </c>
      <c r="DI35" s="341">
        <v>0</v>
      </c>
      <c r="DJ35" s="342">
        <v>0</v>
      </c>
      <c r="DK35" s="346">
        <v>0</v>
      </c>
      <c r="DL35" s="347">
        <v>0</v>
      </c>
      <c r="DM35" s="342">
        <v>209734</v>
      </c>
      <c r="DN35" s="342">
        <v>607498</v>
      </c>
      <c r="DO35" s="342">
        <v>561758</v>
      </c>
      <c r="DP35" s="342">
        <v>408188</v>
      </c>
      <c r="DQ35" s="342">
        <v>101016</v>
      </c>
      <c r="DR35" s="343">
        <v>1888194</v>
      </c>
      <c r="DS35" s="345">
        <v>1888194</v>
      </c>
      <c r="DT35" s="341">
        <v>0</v>
      </c>
      <c r="DU35" s="342">
        <v>0</v>
      </c>
      <c r="DV35" s="343">
        <v>0</v>
      </c>
      <c r="DW35" s="341">
        <v>0</v>
      </c>
      <c r="DX35" s="342">
        <v>169114</v>
      </c>
      <c r="DY35" s="342">
        <v>564495</v>
      </c>
      <c r="DZ35" s="342">
        <v>550275</v>
      </c>
      <c r="EA35" s="342">
        <v>380463</v>
      </c>
      <c r="EB35" s="342">
        <v>49581</v>
      </c>
      <c r="EC35" s="343">
        <v>1713928</v>
      </c>
      <c r="ED35" s="345">
        <v>1713928</v>
      </c>
      <c r="EE35" s="341">
        <v>0</v>
      </c>
      <c r="EF35" s="346">
        <v>0</v>
      </c>
      <c r="EG35" s="343">
        <v>0</v>
      </c>
      <c r="EH35" s="341">
        <v>0</v>
      </c>
      <c r="EI35" s="342">
        <v>40620</v>
      </c>
      <c r="EJ35" s="342">
        <v>43003</v>
      </c>
      <c r="EK35" s="342">
        <v>11483</v>
      </c>
      <c r="EL35" s="342">
        <v>27725</v>
      </c>
      <c r="EM35" s="342">
        <v>51435</v>
      </c>
      <c r="EN35" s="346">
        <v>174266</v>
      </c>
      <c r="EO35" s="345">
        <v>174266</v>
      </c>
      <c r="EP35" s="341">
        <v>0</v>
      </c>
      <c r="EQ35" s="342">
        <v>0</v>
      </c>
      <c r="ER35" s="346">
        <v>0</v>
      </c>
      <c r="ES35" s="347">
        <v>0</v>
      </c>
      <c r="ET35" s="342">
        <v>0</v>
      </c>
      <c r="EU35" s="342">
        <v>0</v>
      </c>
      <c r="EV35" s="342">
        <v>0</v>
      </c>
      <c r="EW35" s="342">
        <v>0</v>
      </c>
      <c r="EX35" s="342">
        <v>0</v>
      </c>
      <c r="EY35" s="343">
        <v>0</v>
      </c>
      <c r="EZ35" s="345">
        <v>0</v>
      </c>
      <c r="FA35" s="341">
        <v>0</v>
      </c>
      <c r="FB35" s="342">
        <v>0</v>
      </c>
      <c r="FC35" s="346">
        <v>0</v>
      </c>
      <c r="FD35" s="347">
        <v>0</v>
      </c>
      <c r="FE35" s="342">
        <v>0</v>
      </c>
      <c r="FF35" s="342">
        <v>0</v>
      </c>
      <c r="FG35" s="342">
        <v>0</v>
      </c>
      <c r="FH35" s="342">
        <v>0</v>
      </c>
      <c r="FI35" s="342">
        <v>0</v>
      </c>
      <c r="FJ35" s="343">
        <v>0</v>
      </c>
      <c r="FK35" s="345">
        <v>0</v>
      </c>
      <c r="FL35" s="341">
        <v>631658</v>
      </c>
      <c r="FM35" s="342">
        <v>377433</v>
      </c>
      <c r="FN35" s="343">
        <v>1009091</v>
      </c>
      <c r="FO35" s="341">
        <v>0</v>
      </c>
      <c r="FP35" s="342">
        <v>628935</v>
      </c>
      <c r="FQ35" s="342">
        <v>612744</v>
      </c>
      <c r="FR35" s="342">
        <v>955639</v>
      </c>
      <c r="FS35" s="342">
        <v>794263</v>
      </c>
      <c r="FT35" s="342">
        <v>392470</v>
      </c>
      <c r="FU35" s="343">
        <v>3384051</v>
      </c>
      <c r="FV35" s="345">
        <v>4393142</v>
      </c>
      <c r="FW35" s="348">
        <v>495280</v>
      </c>
      <c r="FX35" s="342">
        <v>377433</v>
      </c>
      <c r="FY35" s="346">
        <v>872713</v>
      </c>
      <c r="FZ35" s="347">
        <v>0</v>
      </c>
      <c r="GA35" s="342">
        <v>549321</v>
      </c>
      <c r="GB35" s="342">
        <v>537790</v>
      </c>
      <c r="GC35" s="342">
        <v>829207</v>
      </c>
      <c r="GD35" s="342">
        <v>670663</v>
      </c>
      <c r="GE35" s="342">
        <v>368487</v>
      </c>
      <c r="GF35" s="343">
        <v>2955468</v>
      </c>
      <c r="GG35" s="349">
        <v>3828181</v>
      </c>
      <c r="GH35" s="348">
        <v>20988</v>
      </c>
      <c r="GI35" s="342">
        <v>0</v>
      </c>
      <c r="GJ35" s="346">
        <v>20988</v>
      </c>
      <c r="GK35" s="347">
        <v>0</v>
      </c>
      <c r="GL35" s="342">
        <v>79614</v>
      </c>
      <c r="GM35" s="342">
        <v>32384</v>
      </c>
      <c r="GN35" s="342">
        <v>126432</v>
      </c>
      <c r="GO35" s="342">
        <v>39600</v>
      </c>
      <c r="GP35" s="342">
        <v>23983</v>
      </c>
      <c r="GQ35" s="343">
        <v>302013</v>
      </c>
      <c r="GR35" s="345">
        <v>323001</v>
      </c>
      <c r="GS35" s="341">
        <v>115390</v>
      </c>
      <c r="GT35" s="342">
        <v>0</v>
      </c>
      <c r="GU35" s="343">
        <v>115390</v>
      </c>
      <c r="GV35" s="341">
        <v>0</v>
      </c>
      <c r="GW35" s="342">
        <v>0</v>
      </c>
      <c r="GX35" s="342">
        <v>42570</v>
      </c>
      <c r="GY35" s="342">
        <v>0</v>
      </c>
      <c r="GZ35" s="342">
        <v>84000</v>
      </c>
      <c r="HA35" s="342">
        <v>0</v>
      </c>
      <c r="HB35" s="346">
        <v>126570</v>
      </c>
      <c r="HC35" s="345">
        <v>241960</v>
      </c>
      <c r="HD35" s="341">
        <v>55337</v>
      </c>
      <c r="HE35" s="342">
        <v>0</v>
      </c>
      <c r="HF35" s="346">
        <v>55337</v>
      </c>
      <c r="HG35" s="347">
        <v>0</v>
      </c>
      <c r="HH35" s="342">
        <v>932612</v>
      </c>
      <c r="HI35" s="342">
        <v>1440979</v>
      </c>
      <c r="HJ35" s="342">
        <v>1436137</v>
      </c>
      <c r="HK35" s="342">
        <v>1614286</v>
      </c>
      <c r="HL35" s="342">
        <v>531854</v>
      </c>
      <c r="HM35" s="343">
        <v>5955868</v>
      </c>
      <c r="HN35" s="344">
        <v>6011205</v>
      </c>
      <c r="HO35" s="348">
        <v>350823</v>
      </c>
      <c r="HP35" s="342">
        <v>286320</v>
      </c>
      <c r="HQ35" s="343">
        <v>637143</v>
      </c>
      <c r="HR35" s="341">
        <v>0</v>
      </c>
      <c r="HS35" s="342">
        <v>1220784</v>
      </c>
      <c r="HT35" s="342">
        <v>743319</v>
      </c>
      <c r="HU35" s="342">
        <v>740805</v>
      </c>
      <c r="HV35" s="342">
        <v>496075</v>
      </c>
      <c r="HW35" s="342">
        <v>300757</v>
      </c>
      <c r="HX35" s="346">
        <v>3501740</v>
      </c>
      <c r="HY35" s="345">
        <v>4138883</v>
      </c>
      <c r="HZ35" s="350">
        <v>0</v>
      </c>
      <c r="IA35" s="351">
        <v>0</v>
      </c>
      <c r="IB35" s="352">
        <v>0</v>
      </c>
      <c r="IC35" s="353">
        <v>0</v>
      </c>
      <c r="ID35" s="351">
        <v>2227080</v>
      </c>
      <c r="IE35" s="354">
        <v>1911093</v>
      </c>
      <c r="IF35" s="352">
        <v>1420947</v>
      </c>
      <c r="IG35" s="351">
        <v>2675607</v>
      </c>
      <c r="IH35" s="352">
        <v>1391814</v>
      </c>
      <c r="II35" s="355">
        <v>9626541</v>
      </c>
      <c r="IJ35" s="356">
        <v>9626541</v>
      </c>
      <c r="IK35" s="357">
        <v>0</v>
      </c>
      <c r="IL35" s="358">
        <v>0</v>
      </c>
      <c r="IM35" s="359">
        <v>0</v>
      </c>
      <c r="IN35" s="436">
        <v>0</v>
      </c>
      <c r="IO35" s="360">
        <v>0</v>
      </c>
      <c r="IP35" s="360">
        <v>180117</v>
      </c>
      <c r="IQ35" s="360">
        <v>181224</v>
      </c>
      <c r="IR35" s="360">
        <v>0</v>
      </c>
      <c r="IS35" s="360">
        <v>857682</v>
      </c>
      <c r="IT35" s="361">
        <v>1219023</v>
      </c>
      <c r="IU35" s="362">
        <v>1219023</v>
      </c>
      <c r="IV35" s="363">
        <v>0</v>
      </c>
      <c r="IW35" s="360">
        <v>0</v>
      </c>
      <c r="IX35" s="364">
        <v>0</v>
      </c>
      <c r="IY35" s="439">
        <v>0</v>
      </c>
      <c r="IZ35" s="360">
        <v>0</v>
      </c>
      <c r="JA35" s="360">
        <v>0</v>
      </c>
      <c r="JB35" s="360">
        <v>0</v>
      </c>
      <c r="JC35" s="360">
        <v>0</v>
      </c>
      <c r="JD35" s="360">
        <v>0</v>
      </c>
      <c r="JE35" s="364">
        <v>0</v>
      </c>
      <c r="JF35" s="365">
        <v>0</v>
      </c>
      <c r="JG35" s="363">
        <v>0</v>
      </c>
      <c r="JH35" s="360">
        <v>0</v>
      </c>
      <c r="JI35" s="361">
        <v>0</v>
      </c>
      <c r="JJ35" s="366">
        <v>0</v>
      </c>
      <c r="JK35" s="360">
        <v>1460424</v>
      </c>
      <c r="JL35" s="360">
        <v>603249</v>
      </c>
      <c r="JM35" s="360">
        <v>767817</v>
      </c>
      <c r="JN35" s="360">
        <v>563805</v>
      </c>
      <c r="JO35" s="360">
        <v>0</v>
      </c>
      <c r="JP35" s="364">
        <v>3395295</v>
      </c>
      <c r="JQ35" s="362">
        <v>3395295</v>
      </c>
      <c r="JR35" s="363">
        <v>0</v>
      </c>
      <c r="JS35" s="360">
        <v>0</v>
      </c>
      <c r="JT35" s="361">
        <v>0</v>
      </c>
      <c r="JU35" s="366">
        <v>0</v>
      </c>
      <c r="JV35" s="360">
        <v>32958</v>
      </c>
      <c r="JW35" s="360">
        <v>316197</v>
      </c>
      <c r="JX35" s="360">
        <v>0</v>
      </c>
      <c r="JY35" s="360">
        <v>0</v>
      </c>
      <c r="JZ35" s="360">
        <v>0</v>
      </c>
      <c r="KA35" s="364">
        <v>349155</v>
      </c>
      <c r="KB35" s="362">
        <v>349155</v>
      </c>
      <c r="KC35" s="367">
        <v>0</v>
      </c>
      <c r="KD35" s="368">
        <v>0</v>
      </c>
      <c r="KE35" s="364">
        <v>0</v>
      </c>
      <c r="KF35" s="366">
        <v>0</v>
      </c>
      <c r="KG35" s="360">
        <v>0</v>
      </c>
      <c r="KH35" s="360">
        <v>0</v>
      </c>
      <c r="KI35" s="360">
        <v>0</v>
      </c>
      <c r="KJ35" s="360">
        <v>295704</v>
      </c>
      <c r="KK35" s="360">
        <v>0</v>
      </c>
      <c r="KL35" s="364">
        <v>295704</v>
      </c>
      <c r="KM35" s="369">
        <v>295704</v>
      </c>
      <c r="KN35" s="357">
        <v>0</v>
      </c>
      <c r="KO35" s="358">
        <v>0</v>
      </c>
      <c r="KP35" s="359">
        <v>0</v>
      </c>
      <c r="KQ35" s="439">
        <v>0</v>
      </c>
      <c r="KR35" s="360">
        <v>733698</v>
      </c>
      <c r="KS35" s="360">
        <v>811530</v>
      </c>
      <c r="KT35" s="360">
        <v>471906</v>
      </c>
      <c r="KU35" s="360">
        <v>1816098</v>
      </c>
      <c r="KV35" s="360">
        <v>534132</v>
      </c>
      <c r="KW35" s="364">
        <v>4367364</v>
      </c>
      <c r="KX35" s="362">
        <v>4367364</v>
      </c>
      <c r="KY35" s="363">
        <v>0</v>
      </c>
      <c r="KZ35" s="360">
        <v>0</v>
      </c>
      <c r="LA35" s="364">
        <v>0</v>
      </c>
      <c r="LB35" s="439">
        <v>0</v>
      </c>
      <c r="LC35" s="360">
        <v>0</v>
      </c>
      <c r="LD35" s="360">
        <v>0</v>
      </c>
      <c r="LE35" s="360">
        <v>0</v>
      </c>
      <c r="LF35" s="360">
        <v>0</v>
      </c>
      <c r="LG35" s="360">
        <v>0</v>
      </c>
      <c r="LH35" s="364">
        <v>0</v>
      </c>
      <c r="LI35" s="365">
        <v>0</v>
      </c>
      <c r="LJ35" s="363">
        <v>0</v>
      </c>
      <c r="LK35" s="360">
        <v>0</v>
      </c>
      <c r="LL35" s="364">
        <v>0</v>
      </c>
      <c r="LM35" s="439">
        <v>0</v>
      </c>
      <c r="LN35" s="360">
        <v>0</v>
      </c>
      <c r="LO35" s="360">
        <v>0</v>
      </c>
      <c r="LP35" s="360">
        <v>0</v>
      </c>
      <c r="LQ35" s="360">
        <v>0</v>
      </c>
      <c r="LR35" s="360">
        <v>0</v>
      </c>
      <c r="LS35" s="364">
        <v>0</v>
      </c>
      <c r="LT35" s="362">
        <v>0</v>
      </c>
      <c r="LU35" s="363">
        <v>0</v>
      </c>
      <c r="LV35" s="360">
        <v>0</v>
      </c>
      <c r="LW35" s="364">
        <v>0</v>
      </c>
      <c r="LX35" s="439">
        <v>0</v>
      </c>
      <c r="LY35" s="360">
        <v>0</v>
      </c>
      <c r="LZ35" s="360">
        <v>0</v>
      </c>
      <c r="MA35" s="360">
        <v>0</v>
      </c>
      <c r="MB35" s="360">
        <v>0</v>
      </c>
      <c r="MC35" s="360">
        <v>0</v>
      </c>
      <c r="MD35" s="364">
        <v>0</v>
      </c>
      <c r="ME35" s="365">
        <v>0</v>
      </c>
      <c r="MF35" s="363">
        <v>0</v>
      </c>
      <c r="MG35" s="360">
        <v>0</v>
      </c>
      <c r="MH35" s="364">
        <v>0</v>
      </c>
      <c r="MI35" s="439">
        <v>0</v>
      </c>
      <c r="MJ35" s="360">
        <v>2470194</v>
      </c>
      <c r="MK35" s="360">
        <v>2695048</v>
      </c>
      <c r="ML35" s="360">
        <v>7793918</v>
      </c>
      <c r="MM35" s="360">
        <v>11856311</v>
      </c>
      <c r="MN35" s="360">
        <v>7754898</v>
      </c>
      <c r="MO35" s="364">
        <v>32570369</v>
      </c>
      <c r="MP35" s="369">
        <v>32570369</v>
      </c>
      <c r="MQ35" s="363">
        <v>0</v>
      </c>
      <c r="MR35" s="360">
        <v>0</v>
      </c>
      <c r="MS35" s="364">
        <v>0</v>
      </c>
      <c r="MT35" s="439">
        <v>0</v>
      </c>
      <c r="MU35" s="360">
        <v>0</v>
      </c>
      <c r="MV35" s="360">
        <v>1171265</v>
      </c>
      <c r="MW35" s="360">
        <v>4620408</v>
      </c>
      <c r="MX35" s="360">
        <v>7919615</v>
      </c>
      <c r="MY35" s="360">
        <v>5145004</v>
      </c>
      <c r="MZ35" s="364">
        <v>18856292</v>
      </c>
      <c r="NA35" s="369">
        <v>18856292</v>
      </c>
      <c r="NB35" s="363">
        <v>0</v>
      </c>
      <c r="NC35" s="360">
        <v>0</v>
      </c>
      <c r="ND35" s="364">
        <v>0</v>
      </c>
      <c r="NE35" s="439">
        <v>0</v>
      </c>
      <c r="NF35" s="360">
        <v>2470194</v>
      </c>
      <c r="NG35" s="360">
        <v>1523783</v>
      </c>
      <c r="NH35" s="360">
        <v>3173510</v>
      </c>
      <c r="NI35" s="360">
        <v>3570324</v>
      </c>
      <c r="NJ35" s="360">
        <v>1936858</v>
      </c>
      <c r="NK35" s="364">
        <v>12674669</v>
      </c>
      <c r="NL35" s="362">
        <v>12674669</v>
      </c>
      <c r="NM35" s="363">
        <v>0</v>
      </c>
      <c r="NN35" s="360">
        <v>0</v>
      </c>
      <c r="NO35" s="364">
        <v>0</v>
      </c>
      <c r="NP35" s="439">
        <v>0</v>
      </c>
      <c r="NQ35" s="360">
        <v>0</v>
      </c>
      <c r="NR35" s="360">
        <v>0</v>
      </c>
      <c r="NS35" s="360">
        <v>0</v>
      </c>
      <c r="NT35" s="360">
        <v>0</v>
      </c>
      <c r="NU35" s="360">
        <v>0</v>
      </c>
      <c r="NV35" s="364">
        <v>0</v>
      </c>
      <c r="NW35" s="365">
        <v>0</v>
      </c>
      <c r="NX35" s="363">
        <v>0</v>
      </c>
      <c r="NY35" s="360">
        <v>0</v>
      </c>
      <c r="NZ35" s="364">
        <v>0</v>
      </c>
      <c r="OA35" s="439">
        <v>0</v>
      </c>
      <c r="OB35" s="360">
        <v>0</v>
      </c>
      <c r="OC35" s="360">
        <v>0</v>
      </c>
      <c r="OD35" s="360">
        <v>0</v>
      </c>
      <c r="OE35" s="360">
        <v>366372</v>
      </c>
      <c r="OF35" s="360">
        <v>673036</v>
      </c>
      <c r="OG35" s="364">
        <v>1039408</v>
      </c>
      <c r="OH35" s="365">
        <v>1039408</v>
      </c>
      <c r="OI35" s="363">
        <v>1435891</v>
      </c>
      <c r="OJ35" s="360">
        <v>1870757</v>
      </c>
      <c r="OK35" s="361">
        <v>3306648</v>
      </c>
      <c r="OL35" s="366">
        <v>0</v>
      </c>
      <c r="OM35" s="360">
        <v>11798227</v>
      </c>
      <c r="ON35" s="360">
        <v>11969295</v>
      </c>
      <c r="OO35" s="360">
        <v>17056771</v>
      </c>
      <c r="OP35" s="360">
        <v>23053420</v>
      </c>
      <c r="OQ35" s="360">
        <v>12702370</v>
      </c>
      <c r="OR35" s="364">
        <v>76580083</v>
      </c>
      <c r="OS35" s="369">
        <v>79886731</v>
      </c>
    </row>
    <row r="36" spans="2:409" s="137" customFormat="1" ht="21" customHeight="1" x14ac:dyDescent="0.2">
      <c r="B36" s="421" t="s">
        <v>31</v>
      </c>
      <c r="C36" s="341">
        <v>755569</v>
      </c>
      <c r="D36" s="342">
        <v>885597</v>
      </c>
      <c r="E36" s="343">
        <v>1641166</v>
      </c>
      <c r="F36" s="344">
        <v>0</v>
      </c>
      <c r="G36" s="342">
        <v>6785624</v>
      </c>
      <c r="H36" s="342">
        <v>8316372</v>
      </c>
      <c r="I36" s="342">
        <v>8679255</v>
      </c>
      <c r="J36" s="342">
        <v>5983559</v>
      </c>
      <c r="K36" s="342">
        <v>2775800</v>
      </c>
      <c r="L36" s="382">
        <v>32540610</v>
      </c>
      <c r="M36" s="345">
        <v>34181776</v>
      </c>
      <c r="N36" s="341">
        <v>143053</v>
      </c>
      <c r="O36" s="342">
        <v>148464</v>
      </c>
      <c r="P36" s="343">
        <v>291517</v>
      </c>
      <c r="Q36" s="341">
        <v>0</v>
      </c>
      <c r="R36" s="342">
        <v>1434216</v>
      </c>
      <c r="S36" s="342">
        <v>1387991</v>
      </c>
      <c r="T36" s="342">
        <v>2596026</v>
      </c>
      <c r="U36" s="342">
        <v>2161113</v>
      </c>
      <c r="V36" s="342">
        <v>1228803</v>
      </c>
      <c r="W36" s="343">
        <v>8808149</v>
      </c>
      <c r="X36" s="345">
        <v>9099666</v>
      </c>
      <c r="Y36" s="341">
        <v>0</v>
      </c>
      <c r="Z36" s="342">
        <v>0</v>
      </c>
      <c r="AA36" s="343">
        <v>0</v>
      </c>
      <c r="AB36" s="341">
        <v>0</v>
      </c>
      <c r="AC36" s="342">
        <v>539229</v>
      </c>
      <c r="AD36" s="342">
        <v>432300</v>
      </c>
      <c r="AE36" s="342">
        <v>1599021</v>
      </c>
      <c r="AF36" s="342">
        <v>760845</v>
      </c>
      <c r="AG36" s="342">
        <v>635124</v>
      </c>
      <c r="AH36" s="343">
        <v>3966519</v>
      </c>
      <c r="AI36" s="345">
        <v>3966519</v>
      </c>
      <c r="AJ36" s="341">
        <v>0</v>
      </c>
      <c r="AK36" s="342">
        <v>0</v>
      </c>
      <c r="AL36" s="343">
        <v>0</v>
      </c>
      <c r="AM36" s="341">
        <v>0</v>
      </c>
      <c r="AN36" s="342">
        <v>51174</v>
      </c>
      <c r="AO36" s="342">
        <v>56856</v>
      </c>
      <c r="AP36" s="342">
        <v>319226</v>
      </c>
      <c r="AQ36" s="342">
        <v>508795</v>
      </c>
      <c r="AR36" s="342">
        <v>184017</v>
      </c>
      <c r="AS36" s="343">
        <v>1120068</v>
      </c>
      <c r="AT36" s="345">
        <v>1120068</v>
      </c>
      <c r="AU36" s="341">
        <v>65986</v>
      </c>
      <c r="AV36" s="342">
        <v>90252</v>
      </c>
      <c r="AW36" s="343">
        <v>156238</v>
      </c>
      <c r="AX36" s="341">
        <v>0</v>
      </c>
      <c r="AY36" s="342">
        <v>627867</v>
      </c>
      <c r="AZ36" s="342">
        <v>611055</v>
      </c>
      <c r="BA36" s="342">
        <v>465032</v>
      </c>
      <c r="BB36" s="342">
        <v>625772</v>
      </c>
      <c r="BC36" s="342">
        <v>291564</v>
      </c>
      <c r="BD36" s="343">
        <v>2621290</v>
      </c>
      <c r="BE36" s="345">
        <v>2777528</v>
      </c>
      <c r="BF36" s="341">
        <v>42255</v>
      </c>
      <c r="BG36" s="342">
        <v>58212</v>
      </c>
      <c r="BH36" s="346">
        <v>100467</v>
      </c>
      <c r="BI36" s="347">
        <v>0</v>
      </c>
      <c r="BJ36" s="342">
        <v>86040</v>
      </c>
      <c r="BK36" s="342">
        <v>34416</v>
      </c>
      <c r="BL36" s="342">
        <v>43925</v>
      </c>
      <c r="BM36" s="342">
        <v>103248</v>
      </c>
      <c r="BN36" s="342">
        <v>0</v>
      </c>
      <c r="BO36" s="343">
        <v>267629</v>
      </c>
      <c r="BP36" s="345">
        <v>368096</v>
      </c>
      <c r="BQ36" s="341">
        <v>34812</v>
      </c>
      <c r="BR36" s="342">
        <v>0</v>
      </c>
      <c r="BS36" s="343">
        <v>34812</v>
      </c>
      <c r="BT36" s="341">
        <v>0</v>
      </c>
      <c r="BU36" s="342">
        <v>129906</v>
      </c>
      <c r="BV36" s="342">
        <v>253364</v>
      </c>
      <c r="BW36" s="342">
        <v>168822</v>
      </c>
      <c r="BX36" s="342">
        <v>162453</v>
      </c>
      <c r="BY36" s="342">
        <v>118098</v>
      </c>
      <c r="BZ36" s="343">
        <v>832643</v>
      </c>
      <c r="CA36" s="345">
        <v>867455</v>
      </c>
      <c r="CB36" s="341">
        <v>0</v>
      </c>
      <c r="CC36" s="342">
        <v>38376</v>
      </c>
      <c r="CD36" s="343">
        <v>38376</v>
      </c>
      <c r="CE36" s="341">
        <v>0</v>
      </c>
      <c r="CF36" s="342">
        <v>2464706</v>
      </c>
      <c r="CG36" s="342">
        <v>2683661</v>
      </c>
      <c r="CH36" s="342">
        <v>1792680</v>
      </c>
      <c r="CI36" s="342">
        <v>621605</v>
      </c>
      <c r="CJ36" s="342">
        <v>583345</v>
      </c>
      <c r="CK36" s="343">
        <v>8145997</v>
      </c>
      <c r="CL36" s="345">
        <v>8184373</v>
      </c>
      <c r="CM36" s="341">
        <v>0</v>
      </c>
      <c r="CN36" s="342">
        <v>0</v>
      </c>
      <c r="CO36" s="343">
        <v>0</v>
      </c>
      <c r="CP36" s="347">
        <v>0</v>
      </c>
      <c r="CQ36" s="342">
        <v>2179151</v>
      </c>
      <c r="CR36" s="342">
        <v>2302146</v>
      </c>
      <c r="CS36" s="342">
        <v>1042023</v>
      </c>
      <c r="CT36" s="342">
        <v>454400</v>
      </c>
      <c r="CU36" s="342">
        <v>489355</v>
      </c>
      <c r="CV36" s="343">
        <v>6467075</v>
      </c>
      <c r="CW36" s="345">
        <v>6467075</v>
      </c>
      <c r="CX36" s="341">
        <v>0</v>
      </c>
      <c r="CY36" s="342">
        <v>38376</v>
      </c>
      <c r="CZ36" s="343">
        <v>38376</v>
      </c>
      <c r="DA36" s="341">
        <v>0</v>
      </c>
      <c r="DB36" s="342">
        <v>285555</v>
      </c>
      <c r="DC36" s="342">
        <v>381515</v>
      </c>
      <c r="DD36" s="342">
        <v>750657</v>
      </c>
      <c r="DE36" s="342">
        <v>167205</v>
      </c>
      <c r="DF36" s="342">
        <v>93990</v>
      </c>
      <c r="DG36" s="343">
        <v>1678922</v>
      </c>
      <c r="DH36" s="345">
        <v>1717298</v>
      </c>
      <c r="DI36" s="341">
        <v>0</v>
      </c>
      <c r="DJ36" s="342">
        <v>21392</v>
      </c>
      <c r="DK36" s="346">
        <v>21392</v>
      </c>
      <c r="DL36" s="347">
        <v>0</v>
      </c>
      <c r="DM36" s="342">
        <v>303346</v>
      </c>
      <c r="DN36" s="342">
        <v>596069</v>
      </c>
      <c r="DO36" s="342">
        <v>1796682</v>
      </c>
      <c r="DP36" s="342">
        <v>922574</v>
      </c>
      <c r="DQ36" s="342">
        <v>354726</v>
      </c>
      <c r="DR36" s="343">
        <v>3973397</v>
      </c>
      <c r="DS36" s="345">
        <v>3994789</v>
      </c>
      <c r="DT36" s="341">
        <v>0</v>
      </c>
      <c r="DU36" s="342">
        <v>21392</v>
      </c>
      <c r="DV36" s="343">
        <v>21392</v>
      </c>
      <c r="DW36" s="341">
        <v>0</v>
      </c>
      <c r="DX36" s="342">
        <v>209203</v>
      </c>
      <c r="DY36" s="342">
        <v>548222</v>
      </c>
      <c r="DZ36" s="342">
        <v>1796682</v>
      </c>
      <c r="EA36" s="342">
        <v>922574</v>
      </c>
      <c r="EB36" s="342">
        <v>263871</v>
      </c>
      <c r="EC36" s="343">
        <v>3740552</v>
      </c>
      <c r="ED36" s="345">
        <v>3761944</v>
      </c>
      <c r="EE36" s="341">
        <v>0</v>
      </c>
      <c r="EF36" s="346">
        <v>0</v>
      </c>
      <c r="EG36" s="343">
        <v>0</v>
      </c>
      <c r="EH36" s="341">
        <v>0</v>
      </c>
      <c r="EI36" s="342">
        <v>94143</v>
      </c>
      <c r="EJ36" s="342">
        <v>47847</v>
      </c>
      <c r="EK36" s="342">
        <v>0</v>
      </c>
      <c r="EL36" s="342">
        <v>0</v>
      </c>
      <c r="EM36" s="342">
        <v>90855</v>
      </c>
      <c r="EN36" s="346">
        <v>232845</v>
      </c>
      <c r="EO36" s="345">
        <v>232845</v>
      </c>
      <c r="EP36" s="341">
        <v>0</v>
      </c>
      <c r="EQ36" s="342">
        <v>0</v>
      </c>
      <c r="ER36" s="346">
        <v>0</v>
      </c>
      <c r="ES36" s="347">
        <v>0</v>
      </c>
      <c r="ET36" s="342">
        <v>0</v>
      </c>
      <c r="EU36" s="342">
        <v>0</v>
      </c>
      <c r="EV36" s="342">
        <v>0</v>
      </c>
      <c r="EW36" s="342">
        <v>0</v>
      </c>
      <c r="EX36" s="342">
        <v>0</v>
      </c>
      <c r="EY36" s="343">
        <v>0</v>
      </c>
      <c r="EZ36" s="345">
        <v>0</v>
      </c>
      <c r="FA36" s="341">
        <v>0</v>
      </c>
      <c r="FB36" s="342">
        <v>0</v>
      </c>
      <c r="FC36" s="346">
        <v>0</v>
      </c>
      <c r="FD36" s="347">
        <v>0</v>
      </c>
      <c r="FE36" s="342">
        <v>0</v>
      </c>
      <c r="FF36" s="342">
        <v>0</v>
      </c>
      <c r="FG36" s="342">
        <v>0</v>
      </c>
      <c r="FH36" s="342">
        <v>0</v>
      </c>
      <c r="FI36" s="342">
        <v>0</v>
      </c>
      <c r="FJ36" s="343">
        <v>0</v>
      </c>
      <c r="FK36" s="345">
        <v>0</v>
      </c>
      <c r="FL36" s="341">
        <v>284002</v>
      </c>
      <c r="FM36" s="342">
        <v>395445</v>
      </c>
      <c r="FN36" s="343">
        <v>679447</v>
      </c>
      <c r="FO36" s="341">
        <v>0</v>
      </c>
      <c r="FP36" s="342">
        <v>408793</v>
      </c>
      <c r="FQ36" s="342">
        <v>813875</v>
      </c>
      <c r="FR36" s="342">
        <v>743847</v>
      </c>
      <c r="FS36" s="342">
        <v>744379</v>
      </c>
      <c r="FT36" s="342">
        <v>385444</v>
      </c>
      <c r="FU36" s="343">
        <v>3096338</v>
      </c>
      <c r="FV36" s="345">
        <v>3775785</v>
      </c>
      <c r="FW36" s="348">
        <v>135502</v>
      </c>
      <c r="FX36" s="342">
        <v>395445</v>
      </c>
      <c r="FY36" s="346">
        <v>530947</v>
      </c>
      <c r="FZ36" s="347">
        <v>0</v>
      </c>
      <c r="GA36" s="342">
        <v>408793</v>
      </c>
      <c r="GB36" s="342">
        <v>813875</v>
      </c>
      <c r="GC36" s="342">
        <v>743847</v>
      </c>
      <c r="GD36" s="342">
        <v>744379</v>
      </c>
      <c r="GE36" s="342">
        <v>385444</v>
      </c>
      <c r="GF36" s="343">
        <v>3096338</v>
      </c>
      <c r="GG36" s="349">
        <v>3627285</v>
      </c>
      <c r="GH36" s="348">
        <v>0</v>
      </c>
      <c r="GI36" s="342">
        <v>0</v>
      </c>
      <c r="GJ36" s="346">
        <v>0</v>
      </c>
      <c r="GK36" s="347">
        <v>0</v>
      </c>
      <c r="GL36" s="342">
        <v>0</v>
      </c>
      <c r="GM36" s="342">
        <v>0</v>
      </c>
      <c r="GN36" s="342">
        <v>0</v>
      </c>
      <c r="GO36" s="342">
        <v>0</v>
      </c>
      <c r="GP36" s="342">
        <v>0</v>
      </c>
      <c r="GQ36" s="343">
        <v>0</v>
      </c>
      <c r="GR36" s="345">
        <v>0</v>
      </c>
      <c r="GS36" s="341">
        <v>148500</v>
      </c>
      <c r="GT36" s="342">
        <v>0</v>
      </c>
      <c r="GU36" s="343">
        <v>148500</v>
      </c>
      <c r="GV36" s="341">
        <v>0</v>
      </c>
      <c r="GW36" s="342">
        <v>0</v>
      </c>
      <c r="GX36" s="342">
        <v>0</v>
      </c>
      <c r="GY36" s="342">
        <v>0</v>
      </c>
      <c r="GZ36" s="342">
        <v>0</v>
      </c>
      <c r="HA36" s="342">
        <v>0</v>
      </c>
      <c r="HB36" s="346">
        <v>0</v>
      </c>
      <c r="HC36" s="345">
        <v>148500</v>
      </c>
      <c r="HD36" s="341">
        <v>222618</v>
      </c>
      <c r="HE36" s="342">
        <v>0</v>
      </c>
      <c r="HF36" s="346">
        <v>222618</v>
      </c>
      <c r="HG36" s="347">
        <v>0</v>
      </c>
      <c r="HH36" s="342">
        <v>790028</v>
      </c>
      <c r="HI36" s="342">
        <v>1677742</v>
      </c>
      <c r="HJ36" s="342">
        <v>803317</v>
      </c>
      <c r="HK36" s="342">
        <v>1058412</v>
      </c>
      <c r="HL36" s="342">
        <v>0</v>
      </c>
      <c r="HM36" s="343">
        <v>4329499</v>
      </c>
      <c r="HN36" s="344">
        <v>4552117</v>
      </c>
      <c r="HO36" s="348">
        <v>105896</v>
      </c>
      <c r="HP36" s="342">
        <v>281920</v>
      </c>
      <c r="HQ36" s="343">
        <v>387816</v>
      </c>
      <c r="HR36" s="341">
        <v>0</v>
      </c>
      <c r="HS36" s="342">
        <v>1384535</v>
      </c>
      <c r="HT36" s="342">
        <v>1157034</v>
      </c>
      <c r="HU36" s="342">
        <v>946703</v>
      </c>
      <c r="HV36" s="342">
        <v>475476</v>
      </c>
      <c r="HW36" s="342">
        <v>223482</v>
      </c>
      <c r="HX36" s="346">
        <v>4187230</v>
      </c>
      <c r="HY36" s="345">
        <v>4575046</v>
      </c>
      <c r="HZ36" s="373">
        <v>0</v>
      </c>
      <c r="IA36" s="371">
        <v>163910</v>
      </c>
      <c r="IB36" s="373">
        <v>163910</v>
      </c>
      <c r="IC36" s="370">
        <v>0</v>
      </c>
      <c r="ID36" s="371">
        <v>3986377</v>
      </c>
      <c r="IE36" s="372">
        <v>4411426</v>
      </c>
      <c r="IF36" s="373">
        <v>4556072</v>
      </c>
      <c r="IG36" s="371">
        <v>3629254</v>
      </c>
      <c r="IH36" s="373">
        <v>1827724</v>
      </c>
      <c r="II36" s="374">
        <v>18410853</v>
      </c>
      <c r="IJ36" s="373">
        <v>18574763</v>
      </c>
      <c r="IK36" s="357">
        <v>0</v>
      </c>
      <c r="IL36" s="358">
        <v>0</v>
      </c>
      <c r="IM36" s="359">
        <v>0</v>
      </c>
      <c r="IN36" s="436">
        <v>0</v>
      </c>
      <c r="IO36" s="360">
        <v>0</v>
      </c>
      <c r="IP36" s="360">
        <v>181865</v>
      </c>
      <c r="IQ36" s="360">
        <v>0</v>
      </c>
      <c r="IR36" s="360">
        <v>0</v>
      </c>
      <c r="IS36" s="360">
        <v>0</v>
      </c>
      <c r="IT36" s="361">
        <v>181865</v>
      </c>
      <c r="IU36" s="362">
        <v>181865</v>
      </c>
      <c r="IV36" s="363">
        <v>0</v>
      </c>
      <c r="IW36" s="360">
        <v>0</v>
      </c>
      <c r="IX36" s="364">
        <v>0</v>
      </c>
      <c r="IY36" s="439">
        <v>0</v>
      </c>
      <c r="IZ36" s="360">
        <v>0</v>
      </c>
      <c r="JA36" s="360">
        <v>0</v>
      </c>
      <c r="JB36" s="360">
        <v>0</v>
      </c>
      <c r="JC36" s="360">
        <v>0</v>
      </c>
      <c r="JD36" s="360">
        <v>0</v>
      </c>
      <c r="JE36" s="364">
        <v>0</v>
      </c>
      <c r="JF36" s="365">
        <v>0</v>
      </c>
      <c r="JG36" s="363">
        <v>0</v>
      </c>
      <c r="JH36" s="360">
        <v>0</v>
      </c>
      <c r="JI36" s="361">
        <v>0</v>
      </c>
      <c r="JJ36" s="366">
        <v>0</v>
      </c>
      <c r="JK36" s="360">
        <v>740305</v>
      </c>
      <c r="JL36" s="360">
        <v>707090</v>
      </c>
      <c r="JM36" s="360">
        <v>425466</v>
      </c>
      <c r="JN36" s="360">
        <v>180318</v>
      </c>
      <c r="JO36" s="360">
        <v>0</v>
      </c>
      <c r="JP36" s="364">
        <v>2053179</v>
      </c>
      <c r="JQ36" s="362">
        <v>2053179</v>
      </c>
      <c r="JR36" s="363">
        <v>0</v>
      </c>
      <c r="JS36" s="360">
        <v>0</v>
      </c>
      <c r="JT36" s="361">
        <v>0</v>
      </c>
      <c r="JU36" s="366">
        <v>0</v>
      </c>
      <c r="JV36" s="360">
        <v>0</v>
      </c>
      <c r="JW36" s="360">
        <v>58464</v>
      </c>
      <c r="JX36" s="360">
        <v>40230</v>
      </c>
      <c r="JY36" s="360">
        <v>181983</v>
      </c>
      <c r="JZ36" s="360">
        <v>247797</v>
      </c>
      <c r="KA36" s="364">
        <v>528474</v>
      </c>
      <c r="KB36" s="362">
        <v>528474</v>
      </c>
      <c r="KC36" s="367">
        <v>0</v>
      </c>
      <c r="KD36" s="368">
        <v>89552</v>
      </c>
      <c r="KE36" s="364">
        <v>89552</v>
      </c>
      <c r="KF36" s="366">
        <v>0</v>
      </c>
      <c r="KG36" s="360">
        <v>860865</v>
      </c>
      <c r="KH36" s="360">
        <v>961051</v>
      </c>
      <c r="KI36" s="360">
        <v>1712120</v>
      </c>
      <c r="KJ36" s="360">
        <v>354778</v>
      </c>
      <c r="KK36" s="360">
        <v>249144</v>
      </c>
      <c r="KL36" s="364">
        <v>4137958</v>
      </c>
      <c r="KM36" s="369">
        <v>4227510</v>
      </c>
      <c r="KN36" s="357">
        <v>0</v>
      </c>
      <c r="KO36" s="358">
        <v>74358</v>
      </c>
      <c r="KP36" s="359">
        <v>74358</v>
      </c>
      <c r="KQ36" s="439">
        <v>0</v>
      </c>
      <c r="KR36" s="360">
        <v>2385207</v>
      </c>
      <c r="KS36" s="360">
        <v>2502956</v>
      </c>
      <c r="KT36" s="360">
        <v>2378256</v>
      </c>
      <c r="KU36" s="360">
        <v>2912175</v>
      </c>
      <c r="KV36" s="360">
        <v>1330783</v>
      </c>
      <c r="KW36" s="364">
        <v>11509377</v>
      </c>
      <c r="KX36" s="362">
        <v>11583735</v>
      </c>
      <c r="KY36" s="363">
        <v>0</v>
      </c>
      <c r="KZ36" s="360">
        <v>0</v>
      </c>
      <c r="LA36" s="364">
        <v>0</v>
      </c>
      <c r="LB36" s="439">
        <v>0</v>
      </c>
      <c r="LC36" s="360">
        <v>0</v>
      </c>
      <c r="LD36" s="360">
        <v>0</v>
      </c>
      <c r="LE36" s="360">
        <v>0</v>
      </c>
      <c r="LF36" s="360">
        <v>0</v>
      </c>
      <c r="LG36" s="360">
        <v>0</v>
      </c>
      <c r="LH36" s="364">
        <v>0</v>
      </c>
      <c r="LI36" s="365">
        <v>0</v>
      </c>
      <c r="LJ36" s="363">
        <v>0</v>
      </c>
      <c r="LK36" s="360">
        <v>0</v>
      </c>
      <c r="LL36" s="364">
        <v>0</v>
      </c>
      <c r="LM36" s="439">
        <v>0</v>
      </c>
      <c r="LN36" s="360">
        <v>0</v>
      </c>
      <c r="LO36" s="360">
        <v>0</v>
      </c>
      <c r="LP36" s="360">
        <v>0</v>
      </c>
      <c r="LQ36" s="360">
        <v>0</v>
      </c>
      <c r="LR36" s="360">
        <v>0</v>
      </c>
      <c r="LS36" s="364">
        <v>0</v>
      </c>
      <c r="LT36" s="362">
        <v>0</v>
      </c>
      <c r="LU36" s="363">
        <v>0</v>
      </c>
      <c r="LV36" s="360">
        <v>0</v>
      </c>
      <c r="LW36" s="364">
        <v>0</v>
      </c>
      <c r="LX36" s="439">
        <v>0</v>
      </c>
      <c r="LY36" s="360">
        <v>0</v>
      </c>
      <c r="LZ36" s="360">
        <v>0</v>
      </c>
      <c r="MA36" s="360">
        <v>0</v>
      </c>
      <c r="MB36" s="360">
        <v>0</v>
      </c>
      <c r="MC36" s="360">
        <v>0</v>
      </c>
      <c r="MD36" s="364">
        <v>0</v>
      </c>
      <c r="ME36" s="365">
        <v>0</v>
      </c>
      <c r="MF36" s="363">
        <v>0</v>
      </c>
      <c r="MG36" s="360">
        <v>0</v>
      </c>
      <c r="MH36" s="364">
        <v>0</v>
      </c>
      <c r="MI36" s="439">
        <v>0</v>
      </c>
      <c r="MJ36" s="360">
        <v>1154439</v>
      </c>
      <c r="MK36" s="360">
        <v>2168256</v>
      </c>
      <c r="ML36" s="360">
        <v>8702221</v>
      </c>
      <c r="MM36" s="360">
        <v>11262825</v>
      </c>
      <c r="MN36" s="360">
        <v>7736014</v>
      </c>
      <c r="MO36" s="364">
        <v>31023755</v>
      </c>
      <c r="MP36" s="369">
        <v>31023755</v>
      </c>
      <c r="MQ36" s="363">
        <v>0</v>
      </c>
      <c r="MR36" s="360">
        <v>0</v>
      </c>
      <c r="MS36" s="364">
        <v>0</v>
      </c>
      <c r="MT36" s="439">
        <v>0</v>
      </c>
      <c r="MU36" s="360">
        <v>412875</v>
      </c>
      <c r="MV36" s="360">
        <v>399397</v>
      </c>
      <c r="MW36" s="360">
        <v>5195323</v>
      </c>
      <c r="MX36" s="360">
        <v>7217463</v>
      </c>
      <c r="MY36" s="360">
        <v>6095047</v>
      </c>
      <c r="MZ36" s="364">
        <v>19320105</v>
      </c>
      <c r="NA36" s="369">
        <v>19320105</v>
      </c>
      <c r="NB36" s="363">
        <v>0</v>
      </c>
      <c r="NC36" s="360">
        <v>0</v>
      </c>
      <c r="ND36" s="364">
        <v>0</v>
      </c>
      <c r="NE36" s="439">
        <v>0</v>
      </c>
      <c r="NF36" s="360">
        <v>476566</v>
      </c>
      <c r="NG36" s="360">
        <v>1768859</v>
      </c>
      <c r="NH36" s="360">
        <v>3506898</v>
      </c>
      <c r="NI36" s="360">
        <v>3303626</v>
      </c>
      <c r="NJ36" s="360">
        <v>940761</v>
      </c>
      <c r="NK36" s="364">
        <v>9996710</v>
      </c>
      <c r="NL36" s="362">
        <v>9996710</v>
      </c>
      <c r="NM36" s="363">
        <v>0</v>
      </c>
      <c r="NN36" s="360">
        <v>0</v>
      </c>
      <c r="NO36" s="364">
        <v>0</v>
      </c>
      <c r="NP36" s="439">
        <v>0</v>
      </c>
      <c r="NQ36" s="360">
        <v>0</v>
      </c>
      <c r="NR36" s="360">
        <v>0</v>
      </c>
      <c r="NS36" s="360">
        <v>0</v>
      </c>
      <c r="NT36" s="360">
        <v>0</v>
      </c>
      <c r="NU36" s="360">
        <v>0</v>
      </c>
      <c r="NV36" s="364">
        <v>0</v>
      </c>
      <c r="NW36" s="365">
        <v>0</v>
      </c>
      <c r="NX36" s="363">
        <v>0</v>
      </c>
      <c r="NY36" s="360">
        <v>0</v>
      </c>
      <c r="NZ36" s="364">
        <v>0</v>
      </c>
      <c r="OA36" s="439">
        <v>0</v>
      </c>
      <c r="OB36" s="360">
        <v>264998</v>
      </c>
      <c r="OC36" s="360">
        <v>0</v>
      </c>
      <c r="OD36" s="360">
        <v>0</v>
      </c>
      <c r="OE36" s="360">
        <v>741736</v>
      </c>
      <c r="OF36" s="360">
        <v>700206</v>
      </c>
      <c r="OG36" s="364">
        <v>1706940</v>
      </c>
      <c r="OH36" s="365">
        <v>1706940</v>
      </c>
      <c r="OI36" s="363">
        <v>755569</v>
      </c>
      <c r="OJ36" s="360">
        <v>1049507</v>
      </c>
      <c r="OK36" s="361">
        <v>1805076</v>
      </c>
      <c r="OL36" s="366">
        <v>0</v>
      </c>
      <c r="OM36" s="360">
        <v>11926440</v>
      </c>
      <c r="ON36" s="360">
        <v>14896054</v>
      </c>
      <c r="OO36" s="360">
        <v>21937548</v>
      </c>
      <c r="OP36" s="360">
        <v>20875638</v>
      </c>
      <c r="OQ36" s="360">
        <v>12339538</v>
      </c>
      <c r="OR36" s="364">
        <v>81975218</v>
      </c>
      <c r="OS36" s="369">
        <v>83780294</v>
      </c>
    </row>
    <row r="37" spans="2:409" s="137" customFormat="1" ht="21" customHeight="1" x14ac:dyDescent="0.2">
      <c r="B37" s="421" t="s">
        <v>32</v>
      </c>
      <c r="C37" s="341">
        <v>753142</v>
      </c>
      <c r="D37" s="342">
        <v>1520907</v>
      </c>
      <c r="E37" s="383">
        <v>2274049</v>
      </c>
      <c r="F37" s="385">
        <v>0</v>
      </c>
      <c r="G37" s="384">
        <v>10387312</v>
      </c>
      <c r="H37" s="384">
        <v>10889684</v>
      </c>
      <c r="I37" s="384">
        <v>7774852</v>
      </c>
      <c r="J37" s="384">
        <v>9563585</v>
      </c>
      <c r="K37" s="384">
        <v>6247071</v>
      </c>
      <c r="L37" s="385">
        <v>44862504</v>
      </c>
      <c r="M37" s="345">
        <v>47136553</v>
      </c>
      <c r="N37" s="341">
        <v>168669</v>
      </c>
      <c r="O37" s="342">
        <v>202580</v>
      </c>
      <c r="P37" s="343">
        <v>371249</v>
      </c>
      <c r="Q37" s="341">
        <v>0</v>
      </c>
      <c r="R37" s="342">
        <v>2769251</v>
      </c>
      <c r="S37" s="342">
        <v>2337494</v>
      </c>
      <c r="T37" s="342">
        <v>2045383</v>
      </c>
      <c r="U37" s="342">
        <v>1648820</v>
      </c>
      <c r="V37" s="342">
        <v>2625443</v>
      </c>
      <c r="W37" s="343">
        <v>11426391</v>
      </c>
      <c r="X37" s="345">
        <v>11797640</v>
      </c>
      <c r="Y37" s="341">
        <v>0</v>
      </c>
      <c r="Z37" s="342">
        <v>0</v>
      </c>
      <c r="AA37" s="343">
        <v>0</v>
      </c>
      <c r="AB37" s="341">
        <v>0</v>
      </c>
      <c r="AC37" s="342">
        <v>1093328</v>
      </c>
      <c r="AD37" s="342">
        <v>921757</v>
      </c>
      <c r="AE37" s="342">
        <v>1283382</v>
      </c>
      <c r="AF37" s="342">
        <v>424098</v>
      </c>
      <c r="AG37" s="342">
        <v>1552504</v>
      </c>
      <c r="AH37" s="343">
        <v>5275069</v>
      </c>
      <c r="AI37" s="345">
        <v>5275069</v>
      </c>
      <c r="AJ37" s="341">
        <v>0</v>
      </c>
      <c r="AK37" s="342">
        <v>0</v>
      </c>
      <c r="AL37" s="343">
        <v>0</v>
      </c>
      <c r="AM37" s="341">
        <v>0</v>
      </c>
      <c r="AN37" s="342">
        <v>0</v>
      </c>
      <c r="AO37" s="342">
        <v>49167</v>
      </c>
      <c r="AP37" s="342">
        <v>12970</v>
      </c>
      <c r="AQ37" s="342">
        <v>240075</v>
      </c>
      <c r="AR37" s="342">
        <v>376916</v>
      </c>
      <c r="AS37" s="343">
        <v>679128</v>
      </c>
      <c r="AT37" s="345">
        <v>679128</v>
      </c>
      <c r="AU37" s="341">
        <v>99810</v>
      </c>
      <c r="AV37" s="342">
        <v>176660</v>
      </c>
      <c r="AW37" s="343">
        <v>276470</v>
      </c>
      <c r="AX37" s="341">
        <v>0</v>
      </c>
      <c r="AY37" s="342">
        <v>1266516</v>
      </c>
      <c r="AZ37" s="342">
        <v>1072832</v>
      </c>
      <c r="BA37" s="342">
        <v>381170</v>
      </c>
      <c r="BB37" s="342">
        <v>541530</v>
      </c>
      <c r="BC37" s="342">
        <v>369163</v>
      </c>
      <c r="BD37" s="343">
        <v>3631211</v>
      </c>
      <c r="BE37" s="345">
        <v>3907681</v>
      </c>
      <c r="BF37" s="341">
        <v>0</v>
      </c>
      <c r="BG37" s="342">
        <v>0</v>
      </c>
      <c r="BH37" s="346">
        <v>0</v>
      </c>
      <c r="BI37" s="347">
        <v>0</v>
      </c>
      <c r="BJ37" s="342">
        <v>169713</v>
      </c>
      <c r="BK37" s="342">
        <v>49712</v>
      </c>
      <c r="BL37" s="342">
        <v>0</v>
      </c>
      <c r="BM37" s="342">
        <v>61184</v>
      </c>
      <c r="BN37" s="342">
        <v>81018</v>
      </c>
      <c r="BO37" s="343">
        <v>361627</v>
      </c>
      <c r="BP37" s="345">
        <v>361627</v>
      </c>
      <c r="BQ37" s="341">
        <v>68859</v>
      </c>
      <c r="BR37" s="342">
        <v>25920</v>
      </c>
      <c r="BS37" s="343">
        <v>94779</v>
      </c>
      <c r="BT37" s="341">
        <v>0</v>
      </c>
      <c r="BU37" s="342">
        <v>239694</v>
      </c>
      <c r="BV37" s="342">
        <v>244026</v>
      </c>
      <c r="BW37" s="342">
        <v>367861</v>
      </c>
      <c r="BX37" s="342">
        <v>381933</v>
      </c>
      <c r="BY37" s="342">
        <v>245842</v>
      </c>
      <c r="BZ37" s="343">
        <v>1479356</v>
      </c>
      <c r="CA37" s="345">
        <v>1574135</v>
      </c>
      <c r="CB37" s="341">
        <v>44893</v>
      </c>
      <c r="CC37" s="342">
        <v>236184</v>
      </c>
      <c r="CD37" s="343">
        <v>281077</v>
      </c>
      <c r="CE37" s="341">
        <v>0</v>
      </c>
      <c r="CF37" s="342">
        <v>3543543</v>
      </c>
      <c r="CG37" s="342">
        <v>3934823</v>
      </c>
      <c r="CH37" s="342">
        <v>1727924</v>
      </c>
      <c r="CI37" s="342">
        <v>2266914</v>
      </c>
      <c r="CJ37" s="342">
        <v>872133</v>
      </c>
      <c r="CK37" s="343">
        <v>12345337</v>
      </c>
      <c r="CL37" s="345">
        <v>12626414</v>
      </c>
      <c r="CM37" s="341">
        <v>0</v>
      </c>
      <c r="CN37" s="342">
        <v>0</v>
      </c>
      <c r="CO37" s="343">
        <v>0</v>
      </c>
      <c r="CP37" s="347">
        <v>0</v>
      </c>
      <c r="CQ37" s="342">
        <v>3139906</v>
      </c>
      <c r="CR37" s="342">
        <v>3226972</v>
      </c>
      <c r="CS37" s="342">
        <v>1586318</v>
      </c>
      <c r="CT37" s="342">
        <v>1842564</v>
      </c>
      <c r="CU37" s="342">
        <v>552524</v>
      </c>
      <c r="CV37" s="343">
        <v>10348284</v>
      </c>
      <c r="CW37" s="345">
        <v>10348284</v>
      </c>
      <c r="CX37" s="341">
        <v>44893</v>
      </c>
      <c r="CY37" s="342">
        <v>236184</v>
      </c>
      <c r="CZ37" s="343">
        <v>281077</v>
      </c>
      <c r="DA37" s="341">
        <v>0</v>
      </c>
      <c r="DB37" s="342">
        <v>403637</v>
      </c>
      <c r="DC37" s="342">
        <v>707851</v>
      </c>
      <c r="DD37" s="342">
        <v>141606</v>
      </c>
      <c r="DE37" s="342">
        <v>424350</v>
      </c>
      <c r="DF37" s="342">
        <v>319609</v>
      </c>
      <c r="DG37" s="343">
        <v>1997053</v>
      </c>
      <c r="DH37" s="345">
        <v>2278130</v>
      </c>
      <c r="DI37" s="341">
        <v>0</v>
      </c>
      <c r="DJ37" s="342">
        <v>30401</v>
      </c>
      <c r="DK37" s="346">
        <v>30401</v>
      </c>
      <c r="DL37" s="347">
        <v>0</v>
      </c>
      <c r="DM37" s="342">
        <v>291346</v>
      </c>
      <c r="DN37" s="342">
        <v>614587</v>
      </c>
      <c r="DO37" s="342">
        <v>1151064</v>
      </c>
      <c r="DP37" s="342">
        <v>1663078</v>
      </c>
      <c r="DQ37" s="342">
        <v>643884</v>
      </c>
      <c r="DR37" s="343">
        <v>4363959</v>
      </c>
      <c r="DS37" s="345">
        <v>4394360</v>
      </c>
      <c r="DT37" s="341">
        <v>0</v>
      </c>
      <c r="DU37" s="342">
        <v>30401</v>
      </c>
      <c r="DV37" s="343">
        <v>30401</v>
      </c>
      <c r="DW37" s="341">
        <v>0</v>
      </c>
      <c r="DX37" s="342">
        <v>254225</v>
      </c>
      <c r="DY37" s="342">
        <v>353980</v>
      </c>
      <c r="DZ37" s="342">
        <v>1151064</v>
      </c>
      <c r="EA37" s="342">
        <v>1590999</v>
      </c>
      <c r="EB37" s="342">
        <v>614897</v>
      </c>
      <c r="EC37" s="343">
        <v>3965165</v>
      </c>
      <c r="ED37" s="345">
        <v>3995566</v>
      </c>
      <c r="EE37" s="341">
        <v>0</v>
      </c>
      <c r="EF37" s="346">
        <v>0</v>
      </c>
      <c r="EG37" s="343">
        <v>0</v>
      </c>
      <c r="EH37" s="341">
        <v>0</v>
      </c>
      <c r="EI37" s="342">
        <v>37121</v>
      </c>
      <c r="EJ37" s="342">
        <v>260607</v>
      </c>
      <c r="EK37" s="342">
        <v>0</v>
      </c>
      <c r="EL37" s="342">
        <v>72079</v>
      </c>
      <c r="EM37" s="342">
        <v>28987</v>
      </c>
      <c r="EN37" s="346">
        <v>398794</v>
      </c>
      <c r="EO37" s="345">
        <v>398794</v>
      </c>
      <c r="EP37" s="341">
        <v>0</v>
      </c>
      <c r="EQ37" s="342">
        <v>0</v>
      </c>
      <c r="ER37" s="346">
        <v>0</v>
      </c>
      <c r="ES37" s="347">
        <v>0</v>
      </c>
      <c r="ET37" s="342">
        <v>0</v>
      </c>
      <c r="EU37" s="342">
        <v>0</v>
      </c>
      <c r="EV37" s="342">
        <v>0</v>
      </c>
      <c r="EW37" s="342">
        <v>0</v>
      </c>
      <c r="EX37" s="342">
        <v>0</v>
      </c>
      <c r="EY37" s="343">
        <v>0</v>
      </c>
      <c r="EZ37" s="345">
        <v>0</v>
      </c>
      <c r="FA37" s="341">
        <v>0</v>
      </c>
      <c r="FB37" s="342">
        <v>0</v>
      </c>
      <c r="FC37" s="346">
        <v>0</v>
      </c>
      <c r="FD37" s="347">
        <v>0</v>
      </c>
      <c r="FE37" s="342">
        <v>0</v>
      </c>
      <c r="FF37" s="342">
        <v>0</v>
      </c>
      <c r="FG37" s="342">
        <v>0</v>
      </c>
      <c r="FH37" s="342">
        <v>0</v>
      </c>
      <c r="FI37" s="342">
        <v>0</v>
      </c>
      <c r="FJ37" s="343">
        <v>0</v>
      </c>
      <c r="FK37" s="345">
        <v>0</v>
      </c>
      <c r="FL37" s="341">
        <v>176160</v>
      </c>
      <c r="FM37" s="342">
        <v>406763</v>
      </c>
      <c r="FN37" s="343">
        <v>582923</v>
      </c>
      <c r="FO37" s="341">
        <v>0</v>
      </c>
      <c r="FP37" s="342">
        <v>799590</v>
      </c>
      <c r="FQ37" s="342">
        <v>1093918</v>
      </c>
      <c r="FR37" s="342">
        <v>700380</v>
      </c>
      <c r="FS37" s="342">
        <v>728769</v>
      </c>
      <c r="FT37" s="342">
        <v>426427</v>
      </c>
      <c r="FU37" s="343">
        <v>3749084</v>
      </c>
      <c r="FV37" s="345">
        <v>4332007</v>
      </c>
      <c r="FW37" s="348">
        <v>176160</v>
      </c>
      <c r="FX37" s="342">
        <v>363995</v>
      </c>
      <c r="FY37" s="346">
        <v>540155</v>
      </c>
      <c r="FZ37" s="347">
        <v>0</v>
      </c>
      <c r="GA37" s="342">
        <v>597018</v>
      </c>
      <c r="GB37" s="342">
        <v>1066918</v>
      </c>
      <c r="GC37" s="342">
        <v>682560</v>
      </c>
      <c r="GD37" s="342">
        <v>728769</v>
      </c>
      <c r="GE37" s="342">
        <v>426427</v>
      </c>
      <c r="GF37" s="343">
        <v>3501692</v>
      </c>
      <c r="GG37" s="349">
        <v>4041847</v>
      </c>
      <c r="GH37" s="348">
        <v>0</v>
      </c>
      <c r="GI37" s="342">
        <v>42768</v>
      </c>
      <c r="GJ37" s="346">
        <v>42768</v>
      </c>
      <c r="GK37" s="347">
        <v>0</v>
      </c>
      <c r="GL37" s="342">
        <v>22572</v>
      </c>
      <c r="GM37" s="342">
        <v>0</v>
      </c>
      <c r="GN37" s="342">
        <v>17820</v>
      </c>
      <c r="GO37" s="342">
        <v>0</v>
      </c>
      <c r="GP37" s="342">
        <v>0</v>
      </c>
      <c r="GQ37" s="343">
        <v>40392</v>
      </c>
      <c r="GR37" s="345">
        <v>83160</v>
      </c>
      <c r="GS37" s="341">
        <v>0</v>
      </c>
      <c r="GT37" s="342">
        <v>0</v>
      </c>
      <c r="GU37" s="343">
        <v>0</v>
      </c>
      <c r="GV37" s="341">
        <v>0</v>
      </c>
      <c r="GW37" s="342">
        <v>180000</v>
      </c>
      <c r="GX37" s="342">
        <v>27000</v>
      </c>
      <c r="GY37" s="342">
        <v>0</v>
      </c>
      <c r="GZ37" s="342">
        <v>0</v>
      </c>
      <c r="HA37" s="342">
        <v>0</v>
      </c>
      <c r="HB37" s="346">
        <v>207000</v>
      </c>
      <c r="HC37" s="345">
        <v>207000</v>
      </c>
      <c r="HD37" s="341">
        <v>226020</v>
      </c>
      <c r="HE37" s="342">
        <v>375939</v>
      </c>
      <c r="HF37" s="346">
        <v>601959</v>
      </c>
      <c r="HG37" s="347">
        <v>0</v>
      </c>
      <c r="HH37" s="342">
        <v>1112489</v>
      </c>
      <c r="HI37" s="342">
        <v>1439509</v>
      </c>
      <c r="HJ37" s="342">
        <v>1408356</v>
      </c>
      <c r="HK37" s="342">
        <v>2699151</v>
      </c>
      <c r="HL37" s="342">
        <v>1376875</v>
      </c>
      <c r="HM37" s="343">
        <v>8036380</v>
      </c>
      <c r="HN37" s="344">
        <v>8638339</v>
      </c>
      <c r="HO37" s="348">
        <v>137400</v>
      </c>
      <c r="HP37" s="342">
        <v>269040</v>
      </c>
      <c r="HQ37" s="343">
        <v>406440</v>
      </c>
      <c r="HR37" s="341">
        <v>0</v>
      </c>
      <c r="HS37" s="342">
        <v>1871093</v>
      </c>
      <c r="HT37" s="342">
        <v>1469353</v>
      </c>
      <c r="HU37" s="342">
        <v>741745</v>
      </c>
      <c r="HV37" s="342">
        <v>556853</v>
      </c>
      <c r="HW37" s="342">
        <v>302309</v>
      </c>
      <c r="HX37" s="346">
        <v>4941353</v>
      </c>
      <c r="HY37" s="345">
        <v>5347793</v>
      </c>
      <c r="HZ37" s="350">
        <v>0</v>
      </c>
      <c r="IA37" s="351">
        <v>255771</v>
      </c>
      <c r="IB37" s="352">
        <v>255771</v>
      </c>
      <c r="IC37" s="353">
        <v>0</v>
      </c>
      <c r="ID37" s="351">
        <v>4851904</v>
      </c>
      <c r="IE37" s="354">
        <v>2957527</v>
      </c>
      <c r="IF37" s="352">
        <v>5172861</v>
      </c>
      <c r="IG37" s="351">
        <v>4769964</v>
      </c>
      <c r="IH37" s="352">
        <v>2676501</v>
      </c>
      <c r="II37" s="355">
        <v>20428757</v>
      </c>
      <c r="IJ37" s="356">
        <v>20684528</v>
      </c>
      <c r="IK37" s="357">
        <v>0</v>
      </c>
      <c r="IL37" s="358">
        <v>0</v>
      </c>
      <c r="IM37" s="359">
        <v>0</v>
      </c>
      <c r="IN37" s="436">
        <v>0</v>
      </c>
      <c r="IO37" s="360">
        <v>128241</v>
      </c>
      <c r="IP37" s="360">
        <v>380977</v>
      </c>
      <c r="IQ37" s="360">
        <v>197433</v>
      </c>
      <c r="IR37" s="360">
        <v>0</v>
      </c>
      <c r="IS37" s="360">
        <v>0</v>
      </c>
      <c r="IT37" s="361">
        <v>706651</v>
      </c>
      <c r="IU37" s="362">
        <v>706651</v>
      </c>
      <c r="IV37" s="363">
        <v>0</v>
      </c>
      <c r="IW37" s="360">
        <v>0</v>
      </c>
      <c r="IX37" s="364">
        <v>0</v>
      </c>
      <c r="IY37" s="439">
        <v>0</v>
      </c>
      <c r="IZ37" s="360">
        <v>0</v>
      </c>
      <c r="JA37" s="360">
        <v>0</v>
      </c>
      <c r="JB37" s="360">
        <v>0</v>
      </c>
      <c r="JC37" s="360">
        <v>0</v>
      </c>
      <c r="JD37" s="360">
        <v>0</v>
      </c>
      <c r="JE37" s="364">
        <v>0</v>
      </c>
      <c r="JF37" s="365">
        <v>0</v>
      </c>
      <c r="JG37" s="363">
        <v>0</v>
      </c>
      <c r="JH37" s="360">
        <v>0</v>
      </c>
      <c r="JI37" s="361">
        <v>0</v>
      </c>
      <c r="JJ37" s="366">
        <v>0</v>
      </c>
      <c r="JK37" s="360">
        <v>2263639</v>
      </c>
      <c r="JL37" s="360">
        <v>1532222</v>
      </c>
      <c r="JM37" s="360">
        <v>582527</v>
      </c>
      <c r="JN37" s="360">
        <v>271548</v>
      </c>
      <c r="JO37" s="360">
        <v>174007</v>
      </c>
      <c r="JP37" s="364">
        <v>4823943</v>
      </c>
      <c r="JQ37" s="362">
        <v>4823943</v>
      </c>
      <c r="JR37" s="363">
        <v>0</v>
      </c>
      <c r="JS37" s="360">
        <v>0</v>
      </c>
      <c r="JT37" s="361">
        <v>0</v>
      </c>
      <c r="JU37" s="366">
        <v>0</v>
      </c>
      <c r="JV37" s="360">
        <v>497222</v>
      </c>
      <c r="JW37" s="360">
        <v>96885</v>
      </c>
      <c r="JX37" s="360">
        <v>0</v>
      </c>
      <c r="JY37" s="360">
        <v>0</v>
      </c>
      <c r="JZ37" s="360">
        <v>178154</v>
      </c>
      <c r="KA37" s="364">
        <v>772261</v>
      </c>
      <c r="KB37" s="362">
        <v>772261</v>
      </c>
      <c r="KC37" s="367">
        <v>0</v>
      </c>
      <c r="KD37" s="368">
        <v>255771</v>
      </c>
      <c r="KE37" s="364">
        <v>255771</v>
      </c>
      <c r="KF37" s="366">
        <v>0</v>
      </c>
      <c r="KG37" s="360">
        <v>1061262</v>
      </c>
      <c r="KH37" s="360">
        <v>183231</v>
      </c>
      <c r="KI37" s="360">
        <v>695197</v>
      </c>
      <c r="KJ37" s="360">
        <v>548622</v>
      </c>
      <c r="KK37" s="360">
        <v>0</v>
      </c>
      <c r="KL37" s="364">
        <v>2488312</v>
      </c>
      <c r="KM37" s="369">
        <v>2744083</v>
      </c>
      <c r="KN37" s="357">
        <v>0</v>
      </c>
      <c r="KO37" s="358">
        <v>0</v>
      </c>
      <c r="KP37" s="359">
        <v>0</v>
      </c>
      <c r="KQ37" s="439">
        <v>0</v>
      </c>
      <c r="KR37" s="360">
        <v>729352</v>
      </c>
      <c r="KS37" s="360">
        <v>764212</v>
      </c>
      <c r="KT37" s="360">
        <v>1403001</v>
      </c>
      <c r="KU37" s="360">
        <v>2106279</v>
      </c>
      <c r="KV37" s="360">
        <v>1075113</v>
      </c>
      <c r="KW37" s="364">
        <v>6077957</v>
      </c>
      <c r="KX37" s="362">
        <v>6077957</v>
      </c>
      <c r="KY37" s="363">
        <v>0</v>
      </c>
      <c r="KZ37" s="360">
        <v>0</v>
      </c>
      <c r="LA37" s="364">
        <v>0</v>
      </c>
      <c r="LB37" s="439">
        <v>0</v>
      </c>
      <c r="LC37" s="360">
        <v>0</v>
      </c>
      <c r="LD37" s="360">
        <v>0</v>
      </c>
      <c r="LE37" s="360">
        <v>0</v>
      </c>
      <c r="LF37" s="360">
        <v>0</v>
      </c>
      <c r="LG37" s="360">
        <v>0</v>
      </c>
      <c r="LH37" s="364">
        <v>0</v>
      </c>
      <c r="LI37" s="365">
        <v>0</v>
      </c>
      <c r="LJ37" s="363">
        <v>0</v>
      </c>
      <c r="LK37" s="360">
        <v>0</v>
      </c>
      <c r="LL37" s="364">
        <v>0</v>
      </c>
      <c r="LM37" s="439">
        <v>0</v>
      </c>
      <c r="LN37" s="360">
        <v>172188</v>
      </c>
      <c r="LO37" s="360">
        <v>0</v>
      </c>
      <c r="LP37" s="360">
        <v>2294703</v>
      </c>
      <c r="LQ37" s="360">
        <v>1843515</v>
      </c>
      <c r="LR37" s="360">
        <v>1249227</v>
      </c>
      <c r="LS37" s="364">
        <v>5559633</v>
      </c>
      <c r="LT37" s="362">
        <v>5559633</v>
      </c>
      <c r="LU37" s="363">
        <v>0</v>
      </c>
      <c r="LV37" s="360">
        <v>0</v>
      </c>
      <c r="LW37" s="364">
        <v>0</v>
      </c>
      <c r="LX37" s="439">
        <v>0</v>
      </c>
      <c r="LY37" s="360">
        <v>0</v>
      </c>
      <c r="LZ37" s="360">
        <v>0</v>
      </c>
      <c r="MA37" s="360">
        <v>0</v>
      </c>
      <c r="MB37" s="360">
        <v>0</v>
      </c>
      <c r="MC37" s="360">
        <v>0</v>
      </c>
      <c r="MD37" s="364">
        <v>0</v>
      </c>
      <c r="ME37" s="365">
        <v>0</v>
      </c>
      <c r="MF37" s="363">
        <v>0</v>
      </c>
      <c r="MG37" s="360">
        <v>0</v>
      </c>
      <c r="MH37" s="364">
        <v>0</v>
      </c>
      <c r="MI37" s="439">
        <v>0</v>
      </c>
      <c r="MJ37" s="360">
        <v>1462018</v>
      </c>
      <c r="MK37" s="360">
        <v>2078352</v>
      </c>
      <c r="ML37" s="360">
        <v>6645038</v>
      </c>
      <c r="MM37" s="360">
        <v>11420682</v>
      </c>
      <c r="MN37" s="360">
        <v>7846182</v>
      </c>
      <c r="MO37" s="364">
        <v>29452272</v>
      </c>
      <c r="MP37" s="369">
        <v>29452272</v>
      </c>
      <c r="MQ37" s="363">
        <v>0</v>
      </c>
      <c r="MR37" s="360">
        <v>0</v>
      </c>
      <c r="MS37" s="364">
        <v>0</v>
      </c>
      <c r="MT37" s="439">
        <v>0</v>
      </c>
      <c r="MU37" s="360">
        <v>405764</v>
      </c>
      <c r="MV37" s="360">
        <v>0</v>
      </c>
      <c r="MW37" s="360">
        <v>2901139</v>
      </c>
      <c r="MX37" s="360">
        <v>5840474</v>
      </c>
      <c r="MY37" s="360">
        <v>5103653</v>
      </c>
      <c r="MZ37" s="364">
        <v>14251030</v>
      </c>
      <c r="NA37" s="369">
        <v>14251030</v>
      </c>
      <c r="NB37" s="363">
        <v>0</v>
      </c>
      <c r="NC37" s="360">
        <v>0</v>
      </c>
      <c r="ND37" s="364">
        <v>0</v>
      </c>
      <c r="NE37" s="439">
        <v>0</v>
      </c>
      <c r="NF37" s="360">
        <v>1056254</v>
      </c>
      <c r="NG37" s="360">
        <v>1508920</v>
      </c>
      <c r="NH37" s="360">
        <v>3113935</v>
      </c>
      <c r="NI37" s="360">
        <v>5580208</v>
      </c>
      <c r="NJ37" s="360">
        <v>2351189</v>
      </c>
      <c r="NK37" s="364">
        <v>13610506</v>
      </c>
      <c r="NL37" s="362">
        <v>13610506</v>
      </c>
      <c r="NM37" s="363">
        <v>0</v>
      </c>
      <c r="NN37" s="360">
        <v>0</v>
      </c>
      <c r="NO37" s="364">
        <v>0</v>
      </c>
      <c r="NP37" s="439">
        <v>0</v>
      </c>
      <c r="NQ37" s="360">
        <v>0</v>
      </c>
      <c r="NR37" s="360">
        <v>0</v>
      </c>
      <c r="NS37" s="360">
        <v>0</v>
      </c>
      <c r="NT37" s="360">
        <v>0</v>
      </c>
      <c r="NU37" s="360">
        <v>0</v>
      </c>
      <c r="NV37" s="364">
        <v>0</v>
      </c>
      <c r="NW37" s="365">
        <v>0</v>
      </c>
      <c r="NX37" s="363">
        <v>0</v>
      </c>
      <c r="NY37" s="360">
        <v>0</v>
      </c>
      <c r="NZ37" s="364">
        <v>0</v>
      </c>
      <c r="OA37" s="439">
        <v>0</v>
      </c>
      <c r="OB37" s="360">
        <v>0</v>
      </c>
      <c r="OC37" s="360">
        <v>569432</v>
      </c>
      <c r="OD37" s="360">
        <v>629964</v>
      </c>
      <c r="OE37" s="360">
        <v>0</v>
      </c>
      <c r="OF37" s="360">
        <v>391340</v>
      </c>
      <c r="OG37" s="364">
        <v>1590736</v>
      </c>
      <c r="OH37" s="365">
        <v>1590736</v>
      </c>
      <c r="OI37" s="363">
        <v>753142</v>
      </c>
      <c r="OJ37" s="360">
        <v>1776678</v>
      </c>
      <c r="OK37" s="361">
        <v>2529820</v>
      </c>
      <c r="OL37" s="366">
        <v>0</v>
      </c>
      <c r="OM37" s="360">
        <v>16701234</v>
      </c>
      <c r="ON37" s="360">
        <v>15925563</v>
      </c>
      <c r="OO37" s="360">
        <v>19592751</v>
      </c>
      <c r="OP37" s="360">
        <v>25754231</v>
      </c>
      <c r="OQ37" s="360">
        <v>16769754</v>
      </c>
      <c r="OR37" s="364">
        <v>94743533</v>
      </c>
      <c r="OS37" s="369">
        <v>97273353</v>
      </c>
    </row>
    <row r="38" spans="2:409" s="137" customFormat="1" ht="21" customHeight="1" x14ac:dyDescent="0.2">
      <c r="B38" s="421" t="s">
        <v>33</v>
      </c>
      <c r="C38" s="341">
        <v>1052431</v>
      </c>
      <c r="D38" s="342">
        <v>2221206</v>
      </c>
      <c r="E38" s="343">
        <v>3273637</v>
      </c>
      <c r="F38" s="344">
        <v>0</v>
      </c>
      <c r="G38" s="342">
        <v>9940056</v>
      </c>
      <c r="H38" s="342">
        <v>8772288</v>
      </c>
      <c r="I38" s="342">
        <v>8967445</v>
      </c>
      <c r="J38" s="342">
        <v>4457684</v>
      </c>
      <c r="K38" s="342">
        <v>5666577</v>
      </c>
      <c r="L38" s="382">
        <v>37804050</v>
      </c>
      <c r="M38" s="345">
        <v>41077687</v>
      </c>
      <c r="N38" s="341">
        <v>389636</v>
      </c>
      <c r="O38" s="342">
        <v>780643</v>
      </c>
      <c r="P38" s="343">
        <v>1170279</v>
      </c>
      <c r="Q38" s="341">
        <v>0</v>
      </c>
      <c r="R38" s="342">
        <v>3387863</v>
      </c>
      <c r="S38" s="342">
        <v>2396769</v>
      </c>
      <c r="T38" s="342">
        <v>2535545</v>
      </c>
      <c r="U38" s="342">
        <v>1099837</v>
      </c>
      <c r="V38" s="342">
        <v>2251109</v>
      </c>
      <c r="W38" s="343">
        <v>11671123</v>
      </c>
      <c r="X38" s="345">
        <v>12841402</v>
      </c>
      <c r="Y38" s="341">
        <v>0</v>
      </c>
      <c r="Z38" s="342">
        <v>0</v>
      </c>
      <c r="AA38" s="343">
        <v>0</v>
      </c>
      <c r="AB38" s="341">
        <v>0</v>
      </c>
      <c r="AC38" s="342">
        <v>878399</v>
      </c>
      <c r="AD38" s="342">
        <v>723660</v>
      </c>
      <c r="AE38" s="342">
        <v>1495102</v>
      </c>
      <c r="AF38" s="342">
        <v>457165</v>
      </c>
      <c r="AG38" s="342">
        <v>1423481</v>
      </c>
      <c r="AH38" s="343">
        <v>4977807</v>
      </c>
      <c r="AI38" s="345">
        <v>4977807</v>
      </c>
      <c r="AJ38" s="341">
        <v>0</v>
      </c>
      <c r="AK38" s="342">
        <v>0</v>
      </c>
      <c r="AL38" s="343">
        <v>0</v>
      </c>
      <c r="AM38" s="341">
        <v>0</v>
      </c>
      <c r="AN38" s="342">
        <v>102339</v>
      </c>
      <c r="AO38" s="342">
        <v>38376</v>
      </c>
      <c r="AP38" s="342">
        <v>38376</v>
      </c>
      <c r="AQ38" s="342">
        <v>36882</v>
      </c>
      <c r="AR38" s="342">
        <v>292703</v>
      </c>
      <c r="AS38" s="343">
        <v>508676</v>
      </c>
      <c r="AT38" s="345">
        <v>508676</v>
      </c>
      <c r="AU38" s="341">
        <v>0</v>
      </c>
      <c r="AV38" s="342">
        <v>87168</v>
      </c>
      <c r="AW38" s="343">
        <v>87168</v>
      </c>
      <c r="AX38" s="341">
        <v>0</v>
      </c>
      <c r="AY38" s="342">
        <v>635491</v>
      </c>
      <c r="AZ38" s="342">
        <v>403231</v>
      </c>
      <c r="BA38" s="342">
        <v>228390</v>
      </c>
      <c r="BB38" s="342">
        <v>259960</v>
      </c>
      <c r="BC38" s="342">
        <v>159222</v>
      </c>
      <c r="BD38" s="343">
        <v>1686294</v>
      </c>
      <c r="BE38" s="345">
        <v>1773462</v>
      </c>
      <c r="BF38" s="341">
        <v>252008</v>
      </c>
      <c r="BG38" s="342">
        <v>585544</v>
      </c>
      <c r="BH38" s="346">
        <v>837552</v>
      </c>
      <c r="BI38" s="347">
        <v>0</v>
      </c>
      <c r="BJ38" s="342">
        <v>1300520</v>
      </c>
      <c r="BK38" s="342">
        <v>654613</v>
      </c>
      <c r="BL38" s="342">
        <v>361922</v>
      </c>
      <c r="BM38" s="342">
        <v>181439</v>
      </c>
      <c r="BN38" s="342">
        <v>68756</v>
      </c>
      <c r="BO38" s="343">
        <v>2567250</v>
      </c>
      <c r="BP38" s="345">
        <v>3404802</v>
      </c>
      <c r="BQ38" s="341">
        <v>137628</v>
      </c>
      <c r="BR38" s="342">
        <v>107931</v>
      </c>
      <c r="BS38" s="343">
        <v>245559</v>
      </c>
      <c r="BT38" s="341">
        <v>0</v>
      </c>
      <c r="BU38" s="342">
        <v>471114</v>
      </c>
      <c r="BV38" s="342">
        <v>576889</v>
      </c>
      <c r="BW38" s="342">
        <v>411755</v>
      </c>
      <c r="BX38" s="342">
        <v>164391</v>
      </c>
      <c r="BY38" s="342">
        <v>306947</v>
      </c>
      <c r="BZ38" s="343">
        <v>1931096</v>
      </c>
      <c r="CA38" s="345">
        <v>2176655</v>
      </c>
      <c r="CB38" s="341">
        <v>132939</v>
      </c>
      <c r="CC38" s="342">
        <v>551082</v>
      </c>
      <c r="CD38" s="343">
        <v>684021</v>
      </c>
      <c r="CE38" s="341">
        <v>0</v>
      </c>
      <c r="CF38" s="342">
        <v>1584696</v>
      </c>
      <c r="CG38" s="342">
        <v>1230485</v>
      </c>
      <c r="CH38" s="342">
        <v>996871</v>
      </c>
      <c r="CI38" s="342">
        <v>473205</v>
      </c>
      <c r="CJ38" s="342">
        <v>608905</v>
      </c>
      <c r="CK38" s="343">
        <v>4894162</v>
      </c>
      <c r="CL38" s="345">
        <v>5578183</v>
      </c>
      <c r="CM38" s="341">
        <v>0</v>
      </c>
      <c r="CN38" s="342">
        <v>0</v>
      </c>
      <c r="CO38" s="343">
        <v>0</v>
      </c>
      <c r="CP38" s="347">
        <v>0</v>
      </c>
      <c r="CQ38" s="342">
        <v>382023</v>
      </c>
      <c r="CR38" s="342">
        <v>486502</v>
      </c>
      <c r="CS38" s="342">
        <v>473034</v>
      </c>
      <c r="CT38" s="342">
        <v>328384</v>
      </c>
      <c r="CU38" s="342">
        <v>516671</v>
      </c>
      <c r="CV38" s="343">
        <v>2186614</v>
      </c>
      <c r="CW38" s="345">
        <v>2186614</v>
      </c>
      <c r="CX38" s="341">
        <v>132939</v>
      </c>
      <c r="CY38" s="342">
        <v>551082</v>
      </c>
      <c r="CZ38" s="343">
        <v>684021</v>
      </c>
      <c r="DA38" s="341">
        <v>0</v>
      </c>
      <c r="DB38" s="342">
        <v>1202673</v>
      </c>
      <c r="DC38" s="342">
        <v>743983</v>
      </c>
      <c r="DD38" s="342">
        <v>523837</v>
      </c>
      <c r="DE38" s="342">
        <v>144821</v>
      </c>
      <c r="DF38" s="342">
        <v>92234</v>
      </c>
      <c r="DG38" s="343">
        <v>2707548</v>
      </c>
      <c r="DH38" s="345">
        <v>3391569</v>
      </c>
      <c r="DI38" s="341">
        <v>0</v>
      </c>
      <c r="DJ38" s="342">
        <v>0</v>
      </c>
      <c r="DK38" s="346">
        <v>0</v>
      </c>
      <c r="DL38" s="347">
        <v>0</v>
      </c>
      <c r="DM38" s="342">
        <v>391696</v>
      </c>
      <c r="DN38" s="342">
        <v>362856</v>
      </c>
      <c r="DO38" s="342">
        <v>970972</v>
      </c>
      <c r="DP38" s="342">
        <v>414858</v>
      </c>
      <c r="DQ38" s="342">
        <v>348069</v>
      </c>
      <c r="DR38" s="343">
        <v>2488451</v>
      </c>
      <c r="DS38" s="345">
        <v>2488451</v>
      </c>
      <c r="DT38" s="341">
        <v>0</v>
      </c>
      <c r="DU38" s="342">
        <v>0</v>
      </c>
      <c r="DV38" s="343">
        <v>0</v>
      </c>
      <c r="DW38" s="341">
        <v>0</v>
      </c>
      <c r="DX38" s="342">
        <v>328589</v>
      </c>
      <c r="DY38" s="342">
        <v>241445</v>
      </c>
      <c r="DZ38" s="342">
        <v>970972</v>
      </c>
      <c r="EA38" s="342">
        <v>245006</v>
      </c>
      <c r="EB38" s="342">
        <v>348069</v>
      </c>
      <c r="EC38" s="343">
        <v>2134081</v>
      </c>
      <c r="ED38" s="345">
        <v>2134081</v>
      </c>
      <c r="EE38" s="341">
        <v>0</v>
      </c>
      <c r="EF38" s="346">
        <v>0</v>
      </c>
      <c r="EG38" s="343">
        <v>0</v>
      </c>
      <c r="EH38" s="341">
        <v>0</v>
      </c>
      <c r="EI38" s="342">
        <v>63107</v>
      </c>
      <c r="EJ38" s="342">
        <v>121411</v>
      </c>
      <c r="EK38" s="342">
        <v>0</v>
      </c>
      <c r="EL38" s="342">
        <v>169852</v>
      </c>
      <c r="EM38" s="342">
        <v>0</v>
      </c>
      <c r="EN38" s="346">
        <v>354370</v>
      </c>
      <c r="EO38" s="345">
        <v>354370</v>
      </c>
      <c r="EP38" s="341">
        <v>0</v>
      </c>
      <c r="EQ38" s="342">
        <v>0</v>
      </c>
      <c r="ER38" s="346">
        <v>0</v>
      </c>
      <c r="ES38" s="347">
        <v>0</v>
      </c>
      <c r="ET38" s="342">
        <v>0</v>
      </c>
      <c r="EU38" s="342">
        <v>0</v>
      </c>
      <c r="EV38" s="342">
        <v>0</v>
      </c>
      <c r="EW38" s="342">
        <v>0</v>
      </c>
      <c r="EX38" s="342">
        <v>0</v>
      </c>
      <c r="EY38" s="343">
        <v>0</v>
      </c>
      <c r="EZ38" s="345">
        <v>0</v>
      </c>
      <c r="FA38" s="341">
        <v>0</v>
      </c>
      <c r="FB38" s="342">
        <v>0</v>
      </c>
      <c r="FC38" s="346">
        <v>0</v>
      </c>
      <c r="FD38" s="347">
        <v>0</v>
      </c>
      <c r="FE38" s="342">
        <v>0</v>
      </c>
      <c r="FF38" s="342">
        <v>0</v>
      </c>
      <c r="FG38" s="342">
        <v>0</v>
      </c>
      <c r="FH38" s="342">
        <v>0</v>
      </c>
      <c r="FI38" s="342">
        <v>0</v>
      </c>
      <c r="FJ38" s="343">
        <v>0</v>
      </c>
      <c r="FK38" s="345">
        <v>0</v>
      </c>
      <c r="FL38" s="341">
        <v>286050</v>
      </c>
      <c r="FM38" s="342">
        <v>297087</v>
      </c>
      <c r="FN38" s="343">
        <v>583137</v>
      </c>
      <c r="FO38" s="341">
        <v>0</v>
      </c>
      <c r="FP38" s="342">
        <v>697854</v>
      </c>
      <c r="FQ38" s="342">
        <v>521113</v>
      </c>
      <c r="FR38" s="342">
        <v>442916</v>
      </c>
      <c r="FS38" s="342">
        <v>257759</v>
      </c>
      <c r="FT38" s="342">
        <v>441918</v>
      </c>
      <c r="FU38" s="343">
        <v>2361560</v>
      </c>
      <c r="FV38" s="345">
        <v>2944697</v>
      </c>
      <c r="FW38" s="348">
        <v>94350</v>
      </c>
      <c r="FX38" s="342">
        <v>297087</v>
      </c>
      <c r="FY38" s="346">
        <v>391437</v>
      </c>
      <c r="FZ38" s="347">
        <v>0</v>
      </c>
      <c r="GA38" s="342">
        <v>589107</v>
      </c>
      <c r="GB38" s="342">
        <v>521113</v>
      </c>
      <c r="GC38" s="342">
        <v>391832</v>
      </c>
      <c r="GD38" s="342">
        <v>257759</v>
      </c>
      <c r="GE38" s="342">
        <v>419518</v>
      </c>
      <c r="GF38" s="343">
        <v>2179329</v>
      </c>
      <c r="GG38" s="349">
        <v>2570766</v>
      </c>
      <c r="GH38" s="348">
        <v>16200</v>
      </c>
      <c r="GI38" s="342">
        <v>0</v>
      </c>
      <c r="GJ38" s="346">
        <v>16200</v>
      </c>
      <c r="GK38" s="347">
        <v>0</v>
      </c>
      <c r="GL38" s="342">
        <v>43803</v>
      </c>
      <c r="GM38" s="342">
        <v>0</v>
      </c>
      <c r="GN38" s="342">
        <v>51084</v>
      </c>
      <c r="GO38" s="342">
        <v>0</v>
      </c>
      <c r="GP38" s="342">
        <v>22400</v>
      </c>
      <c r="GQ38" s="343">
        <v>117287</v>
      </c>
      <c r="GR38" s="345">
        <v>133487</v>
      </c>
      <c r="GS38" s="341">
        <v>175500</v>
      </c>
      <c r="GT38" s="342">
        <v>0</v>
      </c>
      <c r="GU38" s="343">
        <v>175500</v>
      </c>
      <c r="GV38" s="341">
        <v>0</v>
      </c>
      <c r="GW38" s="342">
        <v>64944</v>
      </c>
      <c r="GX38" s="342">
        <v>0</v>
      </c>
      <c r="GY38" s="342">
        <v>0</v>
      </c>
      <c r="GZ38" s="342">
        <v>0</v>
      </c>
      <c r="HA38" s="342">
        <v>0</v>
      </c>
      <c r="HB38" s="346">
        <v>64944</v>
      </c>
      <c r="HC38" s="345">
        <v>240444</v>
      </c>
      <c r="HD38" s="341">
        <v>118618</v>
      </c>
      <c r="HE38" s="342">
        <v>342109</v>
      </c>
      <c r="HF38" s="346">
        <v>460727</v>
      </c>
      <c r="HG38" s="347">
        <v>0</v>
      </c>
      <c r="HH38" s="342">
        <v>2513072</v>
      </c>
      <c r="HI38" s="342">
        <v>3522482</v>
      </c>
      <c r="HJ38" s="342">
        <v>3428419</v>
      </c>
      <c r="HK38" s="342">
        <v>1931258</v>
      </c>
      <c r="HL38" s="342">
        <v>1757433</v>
      </c>
      <c r="HM38" s="343">
        <v>13152664</v>
      </c>
      <c r="HN38" s="344">
        <v>13613391</v>
      </c>
      <c r="HO38" s="348">
        <v>125188</v>
      </c>
      <c r="HP38" s="342">
        <v>250285</v>
      </c>
      <c r="HQ38" s="343">
        <v>375473</v>
      </c>
      <c r="HR38" s="341">
        <v>0</v>
      </c>
      <c r="HS38" s="342">
        <v>1364875</v>
      </c>
      <c r="HT38" s="342">
        <v>738583</v>
      </c>
      <c r="HU38" s="342">
        <v>592722</v>
      </c>
      <c r="HV38" s="342">
        <v>280767</v>
      </c>
      <c r="HW38" s="342">
        <v>259143</v>
      </c>
      <c r="HX38" s="346">
        <v>3236090</v>
      </c>
      <c r="HY38" s="345">
        <v>3611563</v>
      </c>
      <c r="HZ38" s="373">
        <v>0</v>
      </c>
      <c r="IA38" s="371">
        <v>230093</v>
      </c>
      <c r="IB38" s="373">
        <v>230093</v>
      </c>
      <c r="IC38" s="353">
        <v>0</v>
      </c>
      <c r="ID38" s="351">
        <v>2388918</v>
      </c>
      <c r="IE38" s="354">
        <v>2234801</v>
      </c>
      <c r="IF38" s="352">
        <v>3323825</v>
      </c>
      <c r="IG38" s="351">
        <v>2038542</v>
      </c>
      <c r="IH38" s="352">
        <v>1510731</v>
      </c>
      <c r="II38" s="355">
        <v>11496817</v>
      </c>
      <c r="IJ38" s="373">
        <v>11726910</v>
      </c>
      <c r="IK38" s="357">
        <v>0</v>
      </c>
      <c r="IL38" s="358">
        <v>0</v>
      </c>
      <c r="IM38" s="359">
        <v>0</v>
      </c>
      <c r="IN38" s="436">
        <v>0</v>
      </c>
      <c r="IO38" s="360">
        <v>0</v>
      </c>
      <c r="IP38" s="360">
        <v>0</v>
      </c>
      <c r="IQ38" s="360">
        <v>0</v>
      </c>
      <c r="IR38" s="360">
        <v>0</v>
      </c>
      <c r="IS38" s="360">
        <v>0</v>
      </c>
      <c r="IT38" s="361">
        <v>0</v>
      </c>
      <c r="IU38" s="362">
        <v>0</v>
      </c>
      <c r="IV38" s="363">
        <v>0</v>
      </c>
      <c r="IW38" s="360">
        <v>0</v>
      </c>
      <c r="IX38" s="364">
        <v>0</v>
      </c>
      <c r="IY38" s="439">
        <v>0</v>
      </c>
      <c r="IZ38" s="360">
        <v>0</v>
      </c>
      <c r="JA38" s="360">
        <v>0</v>
      </c>
      <c r="JB38" s="360">
        <v>0</v>
      </c>
      <c r="JC38" s="360">
        <v>0</v>
      </c>
      <c r="JD38" s="360">
        <v>0</v>
      </c>
      <c r="JE38" s="364">
        <v>0</v>
      </c>
      <c r="JF38" s="365">
        <v>0</v>
      </c>
      <c r="JG38" s="363">
        <v>0</v>
      </c>
      <c r="JH38" s="360">
        <v>0</v>
      </c>
      <c r="JI38" s="361">
        <v>0</v>
      </c>
      <c r="JJ38" s="366">
        <v>0</v>
      </c>
      <c r="JK38" s="360">
        <v>1031949</v>
      </c>
      <c r="JL38" s="360">
        <v>1066454</v>
      </c>
      <c r="JM38" s="360">
        <v>567008</v>
      </c>
      <c r="JN38" s="360">
        <v>571231</v>
      </c>
      <c r="JO38" s="360">
        <v>66783</v>
      </c>
      <c r="JP38" s="364">
        <v>3303425</v>
      </c>
      <c r="JQ38" s="362">
        <v>3303425</v>
      </c>
      <c r="JR38" s="363">
        <v>0</v>
      </c>
      <c r="JS38" s="360">
        <v>0</v>
      </c>
      <c r="JT38" s="361">
        <v>0</v>
      </c>
      <c r="JU38" s="366">
        <v>0</v>
      </c>
      <c r="JV38" s="360">
        <v>0</v>
      </c>
      <c r="JW38" s="360">
        <v>0</v>
      </c>
      <c r="JX38" s="360">
        <v>0</v>
      </c>
      <c r="JY38" s="360">
        <v>0</v>
      </c>
      <c r="JZ38" s="360">
        <v>0</v>
      </c>
      <c r="KA38" s="364">
        <v>0</v>
      </c>
      <c r="KB38" s="362">
        <v>0</v>
      </c>
      <c r="KC38" s="367">
        <v>0</v>
      </c>
      <c r="KD38" s="368">
        <v>0</v>
      </c>
      <c r="KE38" s="364">
        <v>0</v>
      </c>
      <c r="KF38" s="366">
        <v>0</v>
      </c>
      <c r="KG38" s="360">
        <v>0</v>
      </c>
      <c r="KH38" s="360">
        <v>0</v>
      </c>
      <c r="KI38" s="360">
        <v>0</v>
      </c>
      <c r="KJ38" s="360">
        <v>0</v>
      </c>
      <c r="KK38" s="360">
        <v>0</v>
      </c>
      <c r="KL38" s="364">
        <v>0</v>
      </c>
      <c r="KM38" s="369">
        <v>0</v>
      </c>
      <c r="KN38" s="357">
        <v>0</v>
      </c>
      <c r="KO38" s="358">
        <v>230093</v>
      </c>
      <c r="KP38" s="359">
        <v>230093</v>
      </c>
      <c r="KQ38" s="439">
        <v>0</v>
      </c>
      <c r="KR38" s="360">
        <v>729783</v>
      </c>
      <c r="KS38" s="360">
        <v>761928</v>
      </c>
      <c r="KT38" s="360">
        <v>1679083</v>
      </c>
      <c r="KU38" s="360">
        <v>532464</v>
      </c>
      <c r="KV38" s="360">
        <v>542848</v>
      </c>
      <c r="KW38" s="364">
        <v>4246106</v>
      </c>
      <c r="KX38" s="362">
        <v>4476199</v>
      </c>
      <c r="KY38" s="363">
        <v>0</v>
      </c>
      <c r="KZ38" s="360">
        <v>0</v>
      </c>
      <c r="LA38" s="364">
        <v>0</v>
      </c>
      <c r="LB38" s="439">
        <v>0</v>
      </c>
      <c r="LC38" s="360">
        <v>0</v>
      </c>
      <c r="LD38" s="360">
        <v>0</v>
      </c>
      <c r="LE38" s="360">
        <v>0</v>
      </c>
      <c r="LF38" s="360">
        <v>0</v>
      </c>
      <c r="LG38" s="360">
        <v>0</v>
      </c>
      <c r="LH38" s="364">
        <v>0</v>
      </c>
      <c r="LI38" s="365">
        <v>0</v>
      </c>
      <c r="LJ38" s="363">
        <v>0</v>
      </c>
      <c r="LK38" s="360">
        <v>0</v>
      </c>
      <c r="LL38" s="364">
        <v>0</v>
      </c>
      <c r="LM38" s="439">
        <v>0</v>
      </c>
      <c r="LN38" s="360">
        <v>0</v>
      </c>
      <c r="LO38" s="360">
        <v>0</v>
      </c>
      <c r="LP38" s="360">
        <v>0</v>
      </c>
      <c r="LQ38" s="360">
        <v>0</v>
      </c>
      <c r="LR38" s="360">
        <v>0</v>
      </c>
      <c r="LS38" s="364">
        <v>0</v>
      </c>
      <c r="LT38" s="362">
        <v>0</v>
      </c>
      <c r="LU38" s="363">
        <v>0</v>
      </c>
      <c r="LV38" s="360">
        <v>0</v>
      </c>
      <c r="LW38" s="364">
        <v>0</v>
      </c>
      <c r="LX38" s="439">
        <v>0</v>
      </c>
      <c r="LY38" s="360">
        <v>627186</v>
      </c>
      <c r="LZ38" s="360">
        <v>406419</v>
      </c>
      <c r="MA38" s="360">
        <v>1077734</v>
      </c>
      <c r="MB38" s="360">
        <v>934847</v>
      </c>
      <c r="MC38" s="360">
        <v>901100</v>
      </c>
      <c r="MD38" s="364">
        <v>3947286</v>
      </c>
      <c r="ME38" s="365">
        <v>3947286</v>
      </c>
      <c r="MF38" s="363">
        <v>0</v>
      </c>
      <c r="MG38" s="360">
        <v>0</v>
      </c>
      <c r="MH38" s="364">
        <v>0</v>
      </c>
      <c r="MI38" s="439">
        <v>0</v>
      </c>
      <c r="MJ38" s="360">
        <v>2270365</v>
      </c>
      <c r="MK38" s="360">
        <v>6339546</v>
      </c>
      <c r="ML38" s="360">
        <v>11521769</v>
      </c>
      <c r="MM38" s="360">
        <v>16171944</v>
      </c>
      <c r="MN38" s="360">
        <v>10441561</v>
      </c>
      <c r="MO38" s="364">
        <v>46745185</v>
      </c>
      <c r="MP38" s="369">
        <v>46745185</v>
      </c>
      <c r="MQ38" s="363">
        <v>0</v>
      </c>
      <c r="MR38" s="360">
        <v>0</v>
      </c>
      <c r="MS38" s="364">
        <v>0</v>
      </c>
      <c r="MT38" s="439">
        <v>0</v>
      </c>
      <c r="MU38" s="360">
        <v>0</v>
      </c>
      <c r="MV38" s="360">
        <v>1477412</v>
      </c>
      <c r="MW38" s="360">
        <v>5581095</v>
      </c>
      <c r="MX38" s="360">
        <v>7474465</v>
      </c>
      <c r="MY38" s="360">
        <v>4909433</v>
      </c>
      <c r="MZ38" s="364">
        <v>19442405</v>
      </c>
      <c r="NA38" s="369">
        <v>19442405</v>
      </c>
      <c r="NB38" s="363">
        <v>0</v>
      </c>
      <c r="NC38" s="360">
        <v>0</v>
      </c>
      <c r="ND38" s="364">
        <v>0</v>
      </c>
      <c r="NE38" s="439">
        <v>0</v>
      </c>
      <c r="NF38" s="360">
        <v>1722153</v>
      </c>
      <c r="NG38" s="360">
        <v>2453434</v>
      </c>
      <c r="NH38" s="360">
        <v>3503464</v>
      </c>
      <c r="NI38" s="360">
        <v>5634121</v>
      </c>
      <c r="NJ38" s="360">
        <v>2269970</v>
      </c>
      <c r="NK38" s="364">
        <v>15583142</v>
      </c>
      <c r="NL38" s="362">
        <v>15583142</v>
      </c>
      <c r="NM38" s="363">
        <v>0</v>
      </c>
      <c r="NN38" s="360">
        <v>0</v>
      </c>
      <c r="NO38" s="364">
        <v>0</v>
      </c>
      <c r="NP38" s="439">
        <v>0</v>
      </c>
      <c r="NQ38" s="360">
        <v>0</v>
      </c>
      <c r="NR38" s="360">
        <v>0</v>
      </c>
      <c r="NS38" s="360">
        <v>0</v>
      </c>
      <c r="NT38" s="360">
        <v>0</v>
      </c>
      <c r="NU38" s="360">
        <v>0</v>
      </c>
      <c r="NV38" s="364">
        <v>0</v>
      </c>
      <c r="NW38" s="365">
        <v>0</v>
      </c>
      <c r="NX38" s="363">
        <v>0</v>
      </c>
      <c r="NY38" s="360">
        <v>0</v>
      </c>
      <c r="NZ38" s="364">
        <v>0</v>
      </c>
      <c r="OA38" s="439">
        <v>0</v>
      </c>
      <c r="OB38" s="360">
        <v>548212</v>
      </c>
      <c r="OC38" s="360">
        <v>2408700</v>
      </c>
      <c r="OD38" s="360">
        <v>2437210</v>
      </c>
      <c r="OE38" s="360">
        <v>3063358</v>
      </c>
      <c r="OF38" s="360">
        <v>3262158</v>
      </c>
      <c r="OG38" s="364">
        <v>11719638</v>
      </c>
      <c r="OH38" s="365">
        <v>11719638</v>
      </c>
      <c r="OI38" s="363">
        <v>1052431</v>
      </c>
      <c r="OJ38" s="360">
        <v>2451299</v>
      </c>
      <c r="OK38" s="361">
        <v>3503730</v>
      </c>
      <c r="OL38" s="366">
        <v>0</v>
      </c>
      <c r="OM38" s="360">
        <v>14599339</v>
      </c>
      <c r="ON38" s="360">
        <v>17346635</v>
      </c>
      <c r="OO38" s="360">
        <v>23813039</v>
      </c>
      <c r="OP38" s="360">
        <v>22668170</v>
      </c>
      <c r="OQ38" s="360">
        <v>17618869</v>
      </c>
      <c r="OR38" s="364">
        <v>96046052</v>
      </c>
      <c r="OS38" s="369">
        <v>99549782</v>
      </c>
    </row>
    <row r="39" spans="2:409" s="137" customFormat="1" ht="21" customHeight="1" x14ac:dyDescent="0.2">
      <c r="B39" s="421" t="s">
        <v>34</v>
      </c>
      <c r="C39" s="341">
        <v>304144</v>
      </c>
      <c r="D39" s="342">
        <v>854965</v>
      </c>
      <c r="E39" s="383">
        <v>1159109</v>
      </c>
      <c r="F39" s="385">
        <v>0</v>
      </c>
      <c r="G39" s="384">
        <v>7538094</v>
      </c>
      <c r="H39" s="384">
        <v>6634550</v>
      </c>
      <c r="I39" s="384">
        <v>4156177</v>
      </c>
      <c r="J39" s="384">
        <v>4899693</v>
      </c>
      <c r="K39" s="384">
        <v>3514552</v>
      </c>
      <c r="L39" s="385">
        <v>26743066</v>
      </c>
      <c r="M39" s="345">
        <v>27902175</v>
      </c>
      <c r="N39" s="341">
        <v>38853</v>
      </c>
      <c r="O39" s="342">
        <v>231134</v>
      </c>
      <c r="P39" s="343">
        <v>269987</v>
      </c>
      <c r="Q39" s="341">
        <v>0</v>
      </c>
      <c r="R39" s="342">
        <v>1851721</v>
      </c>
      <c r="S39" s="342">
        <v>1804269</v>
      </c>
      <c r="T39" s="342">
        <v>520602</v>
      </c>
      <c r="U39" s="342">
        <v>1137722</v>
      </c>
      <c r="V39" s="342">
        <v>1643329</v>
      </c>
      <c r="W39" s="343">
        <v>6957643</v>
      </c>
      <c r="X39" s="345">
        <v>7227630</v>
      </c>
      <c r="Y39" s="341">
        <v>0</v>
      </c>
      <c r="Z39" s="342">
        <v>0</v>
      </c>
      <c r="AA39" s="343">
        <v>0</v>
      </c>
      <c r="AB39" s="341">
        <v>0</v>
      </c>
      <c r="AC39" s="342">
        <v>584130</v>
      </c>
      <c r="AD39" s="342">
        <v>724436</v>
      </c>
      <c r="AE39" s="342">
        <v>184098</v>
      </c>
      <c r="AF39" s="342">
        <v>644553</v>
      </c>
      <c r="AG39" s="342">
        <v>549800</v>
      </c>
      <c r="AH39" s="343">
        <v>2687017</v>
      </c>
      <c r="AI39" s="345">
        <v>2687017</v>
      </c>
      <c r="AJ39" s="341">
        <v>0</v>
      </c>
      <c r="AK39" s="342">
        <v>0</v>
      </c>
      <c r="AL39" s="343">
        <v>0</v>
      </c>
      <c r="AM39" s="341">
        <v>0</v>
      </c>
      <c r="AN39" s="342">
        <v>0</v>
      </c>
      <c r="AO39" s="342">
        <v>61461</v>
      </c>
      <c r="AP39" s="342">
        <v>0</v>
      </c>
      <c r="AQ39" s="342">
        <v>89550</v>
      </c>
      <c r="AR39" s="342">
        <v>553644</v>
      </c>
      <c r="AS39" s="343">
        <v>704655</v>
      </c>
      <c r="AT39" s="345">
        <v>704655</v>
      </c>
      <c r="AU39" s="341">
        <v>0</v>
      </c>
      <c r="AV39" s="342">
        <v>130838</v>
      </c>
      <c r="AW39" s="343">
        <v>130838</v>
      </c>
      <c r="AX39" s="341">
        <v>0</v>
      </c>
      <c r="AY39" s="342">
        <v>658020</v>
      </c>
      <c r="AZ39" s="342">
        <v>573537</v>
      </c>
      <c r="BA39" s="342">
        <v>88750</v>
      </c>
      <c r="BB39" s="342">
        <v>197294</v>
      </c>
      <c r="BC39" s="342">
        <v>299367</v>
      </c>
      <c r="BD39" s="343">
        <v>1816968</v>
      </c>
      <c r="BE39" s="345">
        <v>1947806</v>
      </c>
      <c r="BF39" s="341">
        <v>14085</v>
      </c>
      <c r="BG39" s="342">
        <v>25353</v>
      </c>
      <c r="BH39" s="346">
        <v>39438</v>
      </c>
      <c r="BI39" s="347">
        <v>0</v>
      </c>
      <c r="BJ39" s="342">
        <v>239139</v>
      </c>
      <c r="BK39" s="342">
        <v>79502</v>
      </c>
      <c r="BL39" s="342">
        <v>160299</v>
      </c>
      <c r="BM39" s="342">
        <v>8370</v>
      </c>
      <c r="BN39" s="342">
        <v>45072</v>
      </c>
      <c r="BO39" s="343">
        <v>532382</v>
      </c>
      <c r="BP39" s="345">
        <v>571820</v>
      </c>
      <c r="BQ39" s="341">
        <v>24768</v>
      </c>
      <c r="BR39" s="342">
        <v>74943</v>
      </c>
      <c r="BS39" s="343">
        <v>99711</v>
      </c>
      <c r="BT39" s="341">
        <v>0</v>
      </c>
      <c r="BU39" s="342">
        <v>370432</v>
      </c>
      <c r="BV39" s="342">
        <v>365333</v>
      </c>
      <c r="BW39" s="342">
        <v>87455</v>
      </c>
      <c r="BX39" s="342">
        <v>197955</v>
      </c>
      <c r="BY39" s="342">
        <v>195446</v>
      </c>
      <c r="BZ39" s="343">
        <v>1216621</v>
      </c>
      <c r="CA39" s="345">
        <v>1316332</v>
      </c>
      <c r="CB39" s="341">
        <v>0</v>
      </c>
      <c r="CC39" s="342">
        <v>128340</v>
      </c>
      <c r="CD39" s="343">
        <v>128340</v>
      </c>
      <c r="CE39" s="341">
        <v>0</v>
      </c>
      <c r="CF39" s="342">
        <v>1937174</v>
      </c>
      <c r="CG39" s="342">
        <v>1740640</v>
      </c>
      <c r="CH39" s="342">
        <v>1911862</v>
      </c>
      <c r="CI39" s="342">
        <v>1510497</v>
      </c>
      <c r="CJ39" s="342">
        <v>273402</v>
      </c>
      <c r="CK39" s="343">
        <v>7373575</v>
      </c>
      <c r="CL39" s="345">
        <v>7501915</v>
      </c>
      <c r="CM39" s="341">
        <v>0</v>
      </c>
      <c r="CN39" s="342">
        <v>0</v>
      </c>
      <c r="CO39" s="343">
        <v>0</v>
      </c>
      <c r="CP39" s="347">
        <v>0</v>
      </c>
      <c r="CQ39" s="342">
        <v>1552604</v>
      </c>
      <c r="CR39" s="342">
        <v>1562935</v>
      </c>
      <c r="CS39" s="342">
        <v>1737580</v>
      </c>
      <c r="CT39" s="342">
        <v>1073583</v>
      </c>
      <c r="CU39" s="342">
        <v>273402</v>
      </c>
      <c r="CV39" s="343">
        <v>6200104</v>
      </c>
      <c r="CW39" s="345">
        <v>6200104</v>
      </c>
      <c r="CX39" s="341">
        <v>0</v>
      </c>
      <c r="CY39" s="342">
        <v>128340</v>
      </c>
      <c r="CZ39" s="343">
        <v>128340</v>
      </c>
      <c r="DA39" s="341">
        <v>0</v>
      </c>
      <c r="DB39" s="342">
        <v>384570</v>
      </c>
      <c r="DC39" s="342">
        <v>177705</v>
      </c>
      <c r="DD39" s="342">
        <v>174282</v>
      </c>
      <c r="DE39" s="342">
        <v>436914</v>
      </c>
      <c r="DF39" s="342">
        <v>0</v>
      </c>
      <c r="DG39" s="343">
        <v>1173471</v>
      </c>
      <c r="DH39" s="345">
        <v>1301811</v>
      </c>
      <c r="DI39" s="341">
        <v>0</v>
      </c>
      <c r="DJ39" s="342">
        <v>0</v>
      </c>
      <c r="DK39" s="346">
        <v>0</v>
      </c>
      <c r="DL39" s="347">
        <v>0</v>
      </c>
      <c r="DM39" s="342">
        <v>132750</v>
      </c>
      <c r="DN39" s="342">
        <v>304974</v>
      </c>
      <c r="DO39" s="342">
        <v>544378</v>
      </c>
      <c r="DP39" s="342">
        <v>342198</v>
      </c>
      <c r="DQ39" s="342">
        <v>111231</v>
      </c>
      <c r="DR39" s="343">
        <v>1435531</v>
      </c>
      <c r="DS39" s="345">
        <v>1435531</v>
      </c>
      <c r="DT39" s="341">
        <v>0</v>
      </c>
      <c r="DU39" s="342">
        <v>0</v>
      </c>
      <c r="DV39" s="343">
        <v>0</v>
      </c>
      <c r="DW39" s="341">
        <v>0</v>
      </c>
      <c r="DX39" s="342">
        <v>132750</v>
      </c>
      <c r="DY39" s="342">
        <v>112572</v>
      </c>
      <c r="DZ39" s="342">
        <v>544378</v>
      </c>
      <c r="EA39" s="342">
        <v>342198</v>
      </c>
      <c r="EB39" s="342">
        <v>111231</v>
      </c>
      <c r="EC39" s="343">
        <v>1243129</v>
      </c>
      <c r="ED39" s="345">
        <v>1243129</v>
      </c>
      <c r="EE39" s="341">
        <v>0</v>
      </c>
      <c r="EF39" s="346">
        <v>0</v>
      </c>
      <c r="EG39" s="343">
        <v>0</v>
      </c>
      <c r="EH39" s="341">
        <v>0</v>
      </c>
      <c r="EI39" s="342">
        <v>0</v>
      </c>
      <c r="EJ39" s="342">
        <v>192402</v>
      </c>
      <c r="EK39" s="342">
        <v>0</v>
      </c>
      <c r="EL39" s="342">
        <v>0</v>
      </c>
      <c r="EM39" s="342">
        <v>0</v>
      </c>
      <c r="EN39" s="346">
        <v>192402</v>
      </c>
      <c r="EO39" s="345">
        <v>192402</v>
      </c>
      <c r="EP39" s="341">
        <v>0</v>
      </c>
      <c r="EQ39" s="342">
        <v>0</v>
      </c>
      <c r="ER39" s="346">
        <v>0</v>
      </c>
      <c r="ES39" s="347">
        <v>0</v>
      </c>
      <c r="ET39" s="342">
        <v>0</v>
      </c>
      <c r="EU39" s="342">
        <v>0</v>
      </c>
      <c r="EV39" s="342">
        <v>0</v>
      </c>
      <c r="EW39" s="342">
        <v>0</v>
      </c>
      <c r="EX39" s="342">
        <v>0</v>
      </c>
      <c r="EY39" s="343">
        <v>0</v>
      </c>
      <c r="EZ39" s="345">
        <v>0</v>
      </c>
      <c r="FA39" s="341">
        <v>0</v>
      </c>
      <c r="FB39" s="342">
        <v>0</v>
      </c>
      <c r="FC39" s="346">
        <v>0</v>
      </c>
      <c r="FD39" s="347">
        <v>0</v>
      </c>
      <c r="FE39" s="342">
        <v>0</v>
      </c>
      <c r="FF39" s="342">
        <v>0</v>
      </c>
      <c r="FG39" s="342">
        <v>0</v>
      </c>
      <c r="FH39" s="342">
        <v>0</v>
      </c>
      <c r="FI39" s="342">
        <v>0</v>
      </c>
      <c r="FJ39" s="343">
        <v>0</v>
      </c>
      <c r="FK39" s="345">
        <v>0</v>
      </c>
      <c r="FL39" s="341">
        <v>91440</v>
      </c>
      <c r="FM39" s="342">
        <v>113618</v>
      </c>
      <c r="FN39" s="343">
        <v>205058</v>
      </c>
      <c r="FO39" s="341">
        <v>0</v>
      </c>
      <c r="FP39" s="342">
        <v>470449</v>
      </c>
      <c r="FQ39" s="342">
        <v>666062</v>
      </c>
      <c r="FR39" s="342">
        <v>434812</v>
      </c>
      <c r="FS39" s="342">
        <v>457317</v>
      </c>
      <c r="FT39" s="342">
        <v>199170</v>
      </c>
      <c r="FU39" s="343">
        <v>2227810</v>
      </c>
      <c r="FV39" s="345">
        <v>2432868</v>
      </c>
      <c r="FW39" s="348">
        <v>91440</v>
      </c>
      <c r="FX39" s="342">
        <v>113618</v>
      </c>
      <c r="FY39" s="346">
        <v>205058</v>
      </c>
      <c r="FZ39" s="347">
        <v>0</v>
      </c>
      <c r="GA39" s="342">
        <v>421345</v>
      </c>
      <c r="GB39" s="342">
        <v>666062</v>
      </c>
      <c r="GC39" s="342">
        <v>369472</v>
      </c>
      <c r="GD39" s="342">
        <v>398066</v>
      </c>
      <c r="GE39" s="342">
        <v>199170</v>
      </c>
      <c r="GF39" s="343">
        <v>2054115</v>
      </c>
      <c r="GG39" s="349">
        <v>2259173</v>
      </c>
      <c r="GH39" s="348">
        <v>0</v>
      </c>
      <c r="GI39" s="342">
        <v>0</v>
      </c>
      <c r="GJ39" s="346">
        <v>0</v>
      </c>
      <c r="GK39" s="347">
        <v>0</v>
      </c>
      <c r="GL39" s="342">
        <v>49104</v>
      </c>
      <c r="GM39" s="342">
        <v>0</v>
      </c>
      <c r="GN39" s="342">
        <v>0</v>
      </c>
      <c r="GO39" s="342">
        <v>59251</v>
      </c>
      <c r="GP39" s="342">
        <v>0</v>
      </c>
      <c r="GQ39" s="343">
        <v>108355</v>
      </c>
      <c r="GR39" s="345">
        <v>108355</v>
      </c>
      <c r="GS39" s="341">
        <v>0</v>
      </c>
      <c r="GT39" s="342">
        <v>0</v>
      </c>
      <c r="GU39" s="343">
        <v>0</v>
      </c>
      <c r="GV39" s="341">
        <v>0</v>
      </c>
      <c r="GW39" s="342">
        <v>0</v>
      </c>
      <c r="GX39" s="342">
        <v>0</v>
      </c>
      <c r="GY39" s="342">
        <v>65340</v>
      </c>
      <c r="GZ39" s="342">
        <v>0</v>
      </c>
      <c r="HA39" s="342">
        <v>0</v>
      </c>
      <c r="HB39" s="346">
        <v>65340</v>
      </c>
      <c r="HC39" s="345">
        <v>65340</v>
      </c>
      <c r="HD39" s="341">
        <v>113911</v>
      </c>
      <c r="HE39" s="342">
        <v>281133</v>
      </c>
      <c r="HF39" s="346">
        <v>395044</v>
      </c>
      <c r="HG39" s="347">
        <v>0</v>
      </c>
      <c r="HH39" s="342">
        <v>2031533</v>
      </c>
      <c r="HI39" s="342">
        <v>1440110</v>
      </c>
      <c r="HJ39" s="342">
        <v>326757</v>
      </c>
      <c r="HK39" s="342">
        <v>1128925</v>
      </c>
      <c r="HL39" s="342">
        <v>1154866</v>
      </c>
      <c r="HM39" s="343">
        <v>6082191</v>
      </c>
      <c r="HN39" s="344">
        <v>6477235</v>
      </c>
      <c r="HO39" s="348">
        <v>59940</v>
      </c>
      <c r="HP39" s="342">
        <v>100740</v>
      </c>
      <c r="HQ39" s="343">
        <v>160680</v>
      </c>
      <c r="HR39" s="341">
        <v>0</v>
      </c>
      <c r="HS39" s="342">
        <v>1114467</v>
      </c>
      <c r="HT39" s="342">
        <v>678495</v>
      </c>
      <c r="HU39" s="342">
        <v>417766</v>
      </c>
      <c r="HV39" s="342">
        <v>323034</v>
      </c>
      <c r="HW39" s="342">
        <v>132554</v>
      </c>
      <c r="HX39" s="346">
        <v>2666316</v>
      </c>
      <c r="HY39" s="345">
        <v>2826996</v>
      </c>
      <c r="HZ39" s="350">
        <v>45171</v>
      </c>
      <c r="IA39" s="351">
        <v>80901</v>
      </c>
      <c r="IB39" s="352">
        <v>126072</v>
      </c>
      <c r="IC39" s="353">
        <v>0</v>
      </c>
      <c r="ID39" s="351">
        <v>2686293</v>
      </c>
      <c r="IE39" s="354">
        <v>3773169</v>
      </c>
      <c r="IF39" s="352">
        <v>2164484</v>
      </c>
      <c r="IG39" s="351">
        <v>1131642</v>
      </c>
      <c r="IH39" s="352">
        <v>819262</v>
      </c>
      <c r="II39" s="355">
        <v>10574850</v>
      </c>
      <c r="IJ39" s="356">
        <v>10700922</v>
      </c>
      <c r="IK39" s="357">
        <v>0</v>
      </c>
      <c r="IL39" s="358">
        <v>0</v>
      </c>
      <c r="IM39" s="359">
        <v>0</v>
      </c>
      <c r="IN39" s="436">
        <v>0</v>
      </c>
      <c r="IO39" s="360">
        <v>0</v>
      </c>
      <c r="IP39" s="360">
        <v>0</v>
      </c>
      <c r="IQ39" s="360">
        <v>0</v>
      </c>
      <c r="IR39" s="360">
        <v>0</v>
      </c>
      <c r="IS39" s="360">
        <v>0</v>
      </c>
      <c r="IT39" s="361">
        <v>0</v>
      </c>
      <c r="IU39" s="362">
        <v>0</v>
      </c>
      <c r="IV39" s="363">
        <v>0</v>
      </c>
      <c r="IW39" s="360">
        <v>0</v>
      </c>
      <c r="IX39" s="364">
        <v>0</v>
      </c>
      <c r="IY39" s="439">
        <v>0</v>
      </c>
      <c r="IZ39" s="360">
        <v>0</v>
      </c>
      <c r="JA39" s="360">
        <v>0</v>
      </c>
      <c r="JB39" s="360">
        <v>0</v>
      </c>
      <c r="JC39" s="360">
        <v>0</v>
      </c>
      <c r="JD39" s="360">
        <v>0</v>
      </c>
      <c r="JE39" s="364">
        <v>0</v>
      </c>
      <c r="JF39" s="365">
        <v>0</v>
      </c>
      <c r="JG39" s="363">
        <v>0</v>
      </c>
      <c r="JH39" s="360">
        <v>0</v>
      </c>
      <c r="JI39" s="361">
        <v>0</v>
      </c>
      <c r="JJ39" s="366">
        <v>0</v>
      </c>
      <c r="JK39" s="360">
        <v>590024</v>
      </c>
      <c r="JL39" s="360">
        <v>256519</v>
      </c>
      <c r="JM39" s="360">
        <v>270180</v>
      </c>
      <c r="JN39" s="360">
        <v>92619</v>
      </c>
      <c r="JO39" s="360">
        <v>0</v>
      </c>
      <c r="JP39" s="364">
        <v>1209342</v>
      </c>
      <c r="JQ39" s="362">
        <v>1209342</v>
      </c>
      <c r="JR39" s="363">
        <v>0</v>
      </c>
      <c r="JS39" s="360">
        <v>0</v>
      </c>
      <c r="JT39" s="361">
        <v>0</v>
      </c>
      <c r="JU39" s="366">
        <v>0</v>
      </c>
      <c r="JV39" s="360">
        <v>0</v>
      </c>
      <c r="JW39" s="360">
        <v>0</v>
      </c>
      <c r="JX39" s="360">
        <v>0</v>
      </c>
      <c r="JY39" s="360">
        <v>0</v>
      </c>
      <c r="JZ39" s="360">
        <v>115876</v>
      </c>
      <c r="KA39" s="364">
        <v>115876</v>
      </c>
      <c r="KB39" s="362">
        <v>115876</v>
      </c>
      <c r="KC39" s="367">
        <v>45171</v>
      </c>
      <c r="KD39" s="368">
        <v>80901</v>
      </c>
      <c r="KE39" s="364">
        <v>126072</v>
      </c>
      <c r="KF39" s="366">
        <v>0</v>
      </c>
      <c r="KG39" s="360">
        <v>857050</v>
      </c>
      <c r="KH39" s="360">
        <v>1927784</v>
      </c>
      <c r="KI39" s="360">
        <v>977512</v>
      </c>
      <c r="KJ39" s="360">
        <v>727164</v>
      </c>
      <c r="KK39" s="360">
        <v>0</v>
      </c>
      <c r="KL39" s="364">
        <v>4489510</v>
      </c>
      <c r="KM39" s="369">
        <v>4615582</v>
      </c>
      <c r="KN39" s="357">
        <v>0</v>
      </c>
      <c r="KO39" s="358">
        <v>0</v>
      </c>
      <c r="KP39" s="359">
        <v>0</v>
      </c>
      <c r="KQ39" s="439">
        <v>0</v>
      </c>
      <c r="KR39" s="360">
        <v>0</v>
      </c>
      <c r="KS39" s="360">
        <v>0</v>
      </c>
      <c r="KT39" s="360">
        <v>0</v>
      </c>
      <c r="KU39" s="360">
        <v>0</v>
      </c>
      <c r="KV39" s="360">
        <v>0</v>
      </c>
      <c r="KW39" s="364">
        <v>0</v>
      </c>
      <c r="KX39" s="362">
        <v>0</v>
      </c>
      <c r="KY39" s="363">
        <v>0</v>
      </c>
      <c r="KZ39" s="360">
        <v>0</v>
      </c>
      <c r="LA39" s="364">
        <v>0</v>
      </c>
      <c r="LB39" s="439">
        <v>0</v>
      </c>
      <c r="LC39" s="360">
        <v>0</v>
      </c>
      <c r="LD39" s="360">
        <v>0</v>
      </c>
      <c r="LE39" s="360">
        <v>0</v>
      </c>
      <c r="LF39" s="360">
        <v>0</v>
      </c>
      <c r="LG39" s="360">
        <v>0</v>
      </c>
      <c r="LH39" s="364">
        <v>0</v>
      </c>
      <c r="LI39" s="365">
        <v>0</v>
      </c>
      <c r="LJ39" s="363">
        <v>0</v>
      </c>
      <c r="LK39" s="360">
        <v>0</v>
      </c>
      <c r="LL39" s="364">
        <v>0</v>
      </c>
      <c r="LM39" s="439">
        <v>0</v>
      </c>
      <c r="LN39" s="360">
        <v>0</v>
      </c>
      <c r="LO39" s="360">
        <v>0</v>
      </c>
      <c r="LP39" s="360">
        <v>0</v>
      </c>
      <c r="LQ39" s="360">
        <v>0</v>
      </c>
      <c r="LR39" s="360">
        <v>0</v>
      </c>
      <c r="LS39" s="364">
        <v>0</v>
      </c>
      <c r="LT39" s="362">
        <v>0</v>
      </c>
      <c r="LU39" s="363">
        <v>0</v>
      </c>
      <c r="LV39" s="360">
        <v>0</v>
      </c>
      <c r="LW39" s="364">
        <v>0</v>
      </c>
      <c r="LX39" s="439">
        <v>0</v>
      </c>
      <c r="LY39" s="360">
        <v>1239219</v>
      </c>
      <c r="LZ39" s="360">
        <v>1588866</v>
      </c>
      <c r="MA39" s="360">
        <v>916792</v>
      </c>
      <c r="MB39" s="360">
        <v>311859</v>
      </c>
      <c r="MC39" s="360">
        <v>703386</v>
      </c>
      <c r="MD39" s="364">
        <v>4760122</v>
      </c>
      <c r="ME39" s="365">
        <v>4760122</v>
      </c>
      <c r="MF39" s="363">
        <v>0</v>
      </c>
      <c r="MG39" s="360">
        <v>0</v>
      </c>
      <c r="MH39" s="364">
        <v>0</v>
      </c>
      <c r="MI39" s="439">
        <v>0</v>
      </c>
      <c r="MJ39" s="360">
        <v>2094013</v>
      </c>
      <c r="MK39" s="360">
        <v>2779966</v>
      </c>
      <c r="ML39" s="360">
        <v>3469186</v>
      </c>
      <c r="MM39" s="360">
        <v>10237911</v>
      </c>
      <c r="MN39" s="360">
        <v>3624831</v>
      </c>
      <c r="MO39" s="364">
        <v>22205907</v>
      </c>
      <c r="MP39" s="369">
        <v>22205907</v>
      </c>
      <c r="MQ39" s="363">
        <v>0</v>
      </c>
      <c r="MR39" s="360">
        <v>0</v>
      </c>
      <c r="MS39" s="364">
        <v>0</v>
      </c>
      <c r="MT39" s="439">
        <v>0</v>
      </c>
      <c r="MU39" s="360">
        <v>0</v>
      </c>
      <c r="MV39" s="360">
        <v>0</v>
      </c>
      <c r="MW39" s="360">
        <v>1483101</v>
      </c>
      <c r="MX39" s="360">
        <v>6909393</v>
      </c>
      <c r="MY39" s="360">
        <v>2248344</v>
      </c>
      <c r="MZ39" s="364">
        <v>10640838</v>
      </c>
      <c r="NA39" s="369">
        <v>10640838</v>
      </c>
      <c r="NB39" s="363">
        <v>0</v>
      </c>
      <c r="NC39" s="360">
        <v>0</v>
      </c>
      <c r="ND39" s="364">
        <v>0</v>
      </c>
      <c r="NE39" s="439">
        <v>0</v>
      </c>
      <c r="NF39" s="360">
        <v>2094013</v>
      </c>
      <c r="NG39" s="360">
        <v>2779966</v>
      </c>
      <c r="NH39" s="360">
        <v>1986085</v>
      </c>
      <c r="NI39" s="360">
        <v>2686071</v>
      </c>
      <c r="NJ39" s="360">
        <v>1015740</v>
      </c>
      <c r="NK39" s="364">
        <v>10561875</v>
      </c>
      <c r="NL39" s="362">
        <v>10561875</v>
      </c>
      <c r="NM39" s="363">
        <v>0</v>
      </c>
      <c r="NN39" s="360">
        <v>0</v>
      </c>
      <c r="NO39" s="364">
        <v>0</v>
      </c>
      <c r="NP39" s="439">
        <v>0</v>
      </c>
      <c r="NQ39" s="360">
        <v>0</v>
      </c>
      <c r="NR39" s="360">
        <v>0</v>
      </c>
      <c r="NS39" s="360">
        <v>0</v>
      </c>
      <c r="NT39" s="360">
        <v>0</v>
      </c>
      <c r="NU39" s="360">
        <v>0</v>
      </c>
      <c r="NV39" s="364">
        <v>0</v>
      </c>
      <c r="NW39" s="365">
        <v>0</v>
      </c>
      <c r="NX39" s="363">
        <v>0</v>
      </c>
      <c r="NY39" s="360">
        <v>0</v>
      </c>
      <c r="NZ39" s="364">
        <v>0</v>
      </c>
      <c r="OA39" s="439">
        <v>0</v>
      </c>
      <c r="OB39" s="360">
        <v>0</v>
      </c>
      <c r="OC39" s="360">
        <v>0</v>
      </c>
      <c r="OD39" s="360">
        <v>0</v>
      </c>
      <c r="OE39" s="360">
        <v>642447</v>
      </c>
      <c r="OF39" s="360">
        <v>360747</v>
      </c>
      <c r="OG39" s="364">
        <v>1003194</v>
      </c>
      <c r="OH39" s="365">
        <v>1003194</v>
      </c>
      <c r="OI39" s="363">
        <v>349315</v>
      </c>
      <c r="OJ39" s="360">
        <v>935866</v>
      </c>
      <c r="OK39" s="361">
        <v>1285181</v>
      </c>
      <c r="OL39" s="366">
        <v>0</v>
      </c>
      <c r="OM39" s="360">
        <v>12318400</v>
      </c>
      <c r="ON39" s="360">
        <v>13187685</v>
      </c>
      <c r="OO39" s="360">
        <v>9789847</v>
      </c>
      <c r="OP39" s="360">
        <v>16269246</v>
      </c>
      <c r="OQ39" s="360">
        <v>7958645</v>
      </c>
      <c r="OR39" s="364">
        <v>59523823</v>
      </c>
      <c r="OS39" s="369">
        <v>60809004</v>
      </c>
    </row>
    <row r="40" spans="2:409" s="137" customFormat="1" ht="21" customHeight="1" x14ac:dyDescent="0.2">
      <c r="B40" s="421" t="s">
        <v>35</v>
      </c>
      <c r="C40" s="341">
        <v>2944714</v>
      </c>
      <c r="D40" s="342">
        <v>7085026</v>
      </c>
      <c r="E40" s="343">
        <v>10029740</v>
      </c>
      <c r="F40" s="344">
        <v>0</v>
      </c>
      <c r="G40" s="342">
        <v>33723951</v>
      </c>
      <c r="H40" s="342">
        <v>22588587</v>
      </c>
      <c r="I40" s="342">
        <v>25542724</v>
      </c>
      <c r="J40" s="342">
        <v>20319958</v>
      </c>
      <c r="K40" s="342">
        <v>13078810</v>
      </c>
      <c r="L40" s="382">
        <v>115254030</v>
      </c>
      <c r="M40" s="345">
        <v>125283770</v>
      </c>
      <c r="N40" s="341">
        <v>622144</v>
      </c>
      <c r="O40" s="342">
        <v>1654369</v>
      </c>
      <c r="P40" s="343">
        <v>2276513</v>
      </c>
      <c r="Q40" s="341">
        <v>0</v>
      </c>
      <c r="R40" s="342">
        <v>7845666</v>
      </c>
      <c r="S40" s="342">
        <v>5343520</v>
      </c>
      <c r="T40" s="342">
        <v>7930325</v>
      </c>
      <c r="U40" s="342">
        <v>6721446</v>
      </c>
      <c r="V40" s="342">
        <v>5878491</v>
      </c>
      <c r="W40" s="343">
        <v>33719448</v>
      </c>
      <c r="X40" s="345">
        <v>35995961</v>
      </c>
      <c r="Y40" s="341">
        <v>0</v>
      </c>
      <c r="Z40" s="342">
        <v>0</v>
      </c>
      <c r="AA40" s="343">
        <v>0</v>
      </c>
      <c r="AB40" s="341">
        <v>0</v>
      </c>
      <c r="AC40" s="342">
        <v>3739563</v>
      </c>
      <c r="AD40" s="342">
        <v>2776458</v>
      </c>
      <c r="AE40" s="342">
        <v>4830059</v>
      </c>
      <c r="AF40" s="342">
        <v>3392081</v>
      </c>
      <c r="AG40" s="342">
        <v>3279507</v>
      </c>
      <c r="AH40" s="343">
        <v>18017668</v>
      </c>
      <c r="AI40" s="345">
        <v>18017668</v>
      </c>
      <c r="AJ40" s="341">
        <v>0</v>
      </c>
      <c r="AK40" s="342">
        <v>0</v>
      </c>
      <c r="AL40" s="343">
        <v>0</v>
      </c>
      <c r="AM40" s="341">
        <v>0</v>
      </c>
      <c r="AN40" s="342">
        <v>51174</v>
      </c>
      <c r="AO40" s="342">
        <v>193068</v>
      </c>
      <c r="AP40" s="342">
        <v>308988</v>
      </c>
      <c r="AQ40" s="342">
        <v>1067939</v>
      </c>
      <c r="AR40" s="342">
        <v>596709</v>
      </c>
      <c r="AS40" s="343">
        <v>2217878</v>
      </c>
      <c r="AT40" s="345">
        <v>2217878</v>
      </c>
      <c r="AU40" s="341">
        <v>204516</v>
      </c>
      <c r="AV40" s="342">
        <v>795943</v>
      </c>
      <c r="AW40" s="343">
        <v>1000459</v>
      </c>
      <c r="AX40" s="341">
        <v>0</v>
      </c>
      <c r="AY40" s="342">
        <v>1869859</v>
      </c>
      <c r="AZ40" s="342">
        <v>1079610</v>
      </c>
      <c r="BA40" s="342">
        <v>1506888</v>
      </c>
      <c r="BB40" s="342">
        <v>848513</v>
      </c>
      <c r="BC40" s="342">
        <v>1277266</v>
      </c>
      <c r="BD40" s="343">
        <v>6582136</v>
      </c>
      <c r="BE40" s="345">
        <v>7582595</v>
      </c>
      <c r="BF40" s="341">
        <v>229286</v>
      </c>
      <c r="BG40" s="342">
        <v>647690</v>
      </c>
      <c r="BH40" s="346">
        <v>876976</v>
      </c>
      <c r="BI40" s="347">
        <v>0</v>
      </c>
      <c r="BJ40" s="342">
        <v>831504</v>
      </c>
      <c r="BK40" s="342">
        <v>463050</v>
      </c>
      <c r="BL40" s="342">
        <v>166617</v>
      </c>
      <c r="BM40" s="342">
        <v>391728</v>
      </c>
      <c r="BN40" s="342">
        <v>140472</v>
      </c>
      <c r="BO40" s="343">
        <v>1993371</v>
      </c>
      <c r="BP40" s="345">
        <v>2870347</v>
      </c>
      <c r="BQ40" s="341">
        <v>188342</v>
      </c>
      <c r="BR40" s="342">
        <v>210736</v>
      </c>
      <c r="BS40" s="343">
        <v>399078</v>
      </c>
      <c r="BT40" s="341">
        <v>0</v>
      </c>
      <c r="BU40" s="342">
        <v>1353566</v>
      </c>
      <c r="BV40" s="342">
        <v>831334</v>
      </c>
      <c r="BW40" s="342">
        <v>1117773</v>
      </c>
      <c r="BX40" s="342">
        <v>1021185</v>
      </c>
      <c r="BY40" s="342">
        <v>584537</v>
      </c>
      <c r="BZ40" s="343">
        <v>4908395</v>
      </c>
      <c r="CA40" s="345">
        <v>5307473</v>
      </c>
      <c r="CB40" s="341">
        <v>362603</v>
      </c>
      <c r="CC40" s="342">
        <v>1725803</v>
      </c>
      <c r="CD40" s="343">
        <v>2088406</v>
      </c>
      <c r="CE40" s="341">
        <v>0</v>
      </c>
      <c r="CF40" s="342">
        <v>12170395</v>
      </c>
      <c r="CG40" s="342">
        <v>9031718</v>
      </c>
      <c r="CH40" s="342">
        <v>6835831</v>
      </c>
      <c r="CI40" s="342">
        <v>4158870</v>
      </c>
      <c r="CJ40" s="342">
        <v>2632715</v>
      </c>
      <c r="CK40" s="343">
        <v>34829529</v>
      </c>
      <c r="CL40" s="345">
        <v>36917935</v>
      </c>
      <c r="CM40" s="341">
        <v>0</v>
      </c>
      <c r="CN40" s="342">
        <v>0</v>
      </c>
      <c r="CO40" s="343">
        <v>0</v>
      </c>
      <c r="CP40" s="347">
        <v>0</v>
      </c>
      <c r="CQ40" s="342">
        <v>8221116</v>
      </c>
      <c r="CR40" s="342">
        <v>6569455</v>
      </c>
      <c r="CS40" s="342">
        <v>5530913</v>
      </c>
      <c r="CT40" s="342">
        <v>3108941</v>
      </c>
      <c r="CU40" s="342">
        <v>2560814</v>
      </c>
      <c r="CV40" s="343">
        <v>25991239</v>
      </c>
      <c r="CW40" s="345">
        <v>25991239</v>
      </c>
      <c r="CX40" s="341">
        <v>362603</v>
      </c>
      <c r="CY40" s="342">
        <v>1725803</v>
      </c>
      <c r="CZ40" s="343">
        <v>2088406</v>
      </c>
      <c r="DA40" s="341">
        <v>0</v>
      </c>
      <c r="DB40" s="342">
        <v>3949279</v>
      </c>
      <c r="DC40" s="342">
        <v>2462263</v>
      </c>
      <c r="DD40" s="342">
        <v>1304918</v>
      </c>
      <c r="DE40" s="342">
        <v>1049929</v>
      </c>
      <c r="DF40" s="342">
        <v>71901</v>
      </c>
      <c r="DG40" s="343">
        <v>8838290</v>
      </c>
      <c r="DH40" s="345">
        <v>10926696</v>
      </c>
      <c r="DI40" s="341">
        <v>38528</v>
      </c>
      <c r="DJ40" s="342">
        <v>87165</v>
      </c>
      <c r="DK40" s="346">
        <v>125693</v>
      </c>
      <c r="DL40" s="347">
        <v>0</v>
      </c>
      <c r="DM40" s="342">
        <v>491954</v>
      </c>
      <c r="DN40" s="342">
        <v>839190</v>
      </c>
      <c r="DO40" s="342">
        <v>1875643</v>
      </c>
      <c r="DP40" s="342">
        <v>871101</v>
      </c>
      <c r="DQ40" s="342">
        <v>295773</v>
      </c>
      <c r="DR40" s="343">
        <v>4373661</v>
      </c>
      <c r="DS40" s="345">
        <v>4499354</v>
      </c>
      <c r="DT40" s="341">
        <v>38528</v>
      </c>
      <c r="DU40" s="342">
        <v>0</v>
      </c>
      <c r="DV40" s="343">
        <v>38528</v>
      </c>
      <c r="DW40" s="341">
        <v>0</v>
      </c>
      <c r="DX40" s="342">
        <v>428018</v>
      </c>
      <c r="DY40" s="342">
        <v>676839</v>
      </c>
      <c r="DZ40" s="342">
        <v>1469500</v>
      </c>
      <c r="EA40" s="342">
        <v>716526</v>
      </c>
      <c r="EB40" s="342">
        <v>178125</v>
      </c>
      <c r="EC40" s="343">
        <v>3469008</v>
      </c>
      <c r="ED40" s="345">
        <v>3507536</v>
      </c>
      <c r="EE40" s="341">
        <v>0</v>
      </c>
      <c r="EF40" s="346">
        <v>87165</v>
      </c>
      <c r="EG40" s="343">
        <v>87165</v>
      </c>
      <c r="EH40" s="341">
        <v>0</v>
      </c>
      <c r="EI40" s="342">
        <v>63936</v>
      </c>
      <c r="EJ40" s="342">
        <v>162351</v>
      </c>
      <c r="EK40" s="342">
        <v>406143</v>
      </c>
      <c r="EL40" s="342">
        <v>154575</v>
      </c>
      <c r="EM40" s="342">
        <v>117648</v>
      </c>
      <c r="EN40" s="346">
        <v>904653</v>
      </c>
      <c r="EO40" s="345">
        <v>991818</v>
      </c>
      <c r="EP40" s="341">
        <v>0</v>
      </c>
      <c r="EQ40" s="342">
        <v>0</v>
      </c>
      <c r="ER40" s="346">
        <v>0</v>
      </c>
      <c r="ES40" s="347">
        <v>0</v>
      </c>
      <c r="ET40" s="342">
        <v>0</v>
      </c>
      <c r="EU40" s="342">
        <v>0</v>
      </c>
      <c r="EV40" s="342">
        <v>0</v>
      </c>
      <c r="EW40" s="342">
        <v>0</v>
      </c>
      <c r="EX40" s="342">
        <v>0</v>
      </c>
      <c r="EY40" s="343">
        <v>0</v>
      </c>
      <c r="EZ40" s="345">
        <v>0</v>
      </c>
      <c r="FA40" s="341">
        <v>0</v>
      </c>
      <c r="FB40" s="342">
        <v>0</v>
      </c>
      <c r="FC40" s="346">
        <v>0</v>
      </c>
      <c r="FD40" s="347">
        <v>0</v>
      </c>
      <c r="FE40" s="342">
        <v>0</v>
      </c>
      <c r="FF40" s="342">
        <v>0</v>
      </c>
      <c r="FG40" s="342">
        <v>0</v>
      </c>
      <c r="FH40" s="342">
        <v>0</v>
      </c>
      <c r="FI40" s="342">
        <v>0</v>
      </c>
      <c r="FJ40" s="343">
        <v>0</v>
      </c>
      <c r="FK40" s="345">
        <v>0</v>
      </c>
      <c r="FL40" s="341">
        <v>511879</v>
      </c>
      <c r="FM40" s="342">
        <v>1258454</v>
      </c>
      <c r="FN40" s="343">
        <v>1770333</v>
      </c>
      <c r="FO40" s="341">
        <v>0</v>
      </c>
      <c r="FP40" s="342">
        <v>1889229</v>
      </c>
      <c r="FQ40" s="342">
        <v>2142213</v>
      </c>
      <c r="FR40" s="342">
        <v>1732448</v>
      </c>
      <c r="FS40" s="342">
        <v>1401751</v>
      </c>
      <c r="FT40" s="342">
        <v>845143</v>
      </c>
      <c r="FU40" s="343">
        <v>8010784</v>
      </c>
      <c r="FV40" s="345">
        <v>9781117</v>
      </c>
      <c r="FW40" s="348">
        <v>480694</v>
      </c>
      <c r="FX40" s="342">
        <v>1060029</v>
      </c>
      <c r="FY40" s="346">
        <v>1540723</v>
      </c>
      <c r="FZ40" s="347">
        <v>0</v>
      </c>
      <c r="GA40" s="342">
        <v>1624297</v>
      </c>
      <c r="GB40" s="342">
        <v>1963303</v>
      </c>
      <c r="GC40" s="342">
        <v>1680743</v>
      </c>
      <c r="GD40" s="342">
        <v>1283068</v>
      </c>
      <c r="GE40" s="342">
        <v>845143</v>
      </c>
      <c r="GF40" s="343">
        <v>7396554</v>
      </c>
      <c r="GG40" s="349">
        <v>8937277</v>
      </c>
      <c r="GH40" s="348">
        <v>31185</v>
      </c>
      <c r="GI40" s="342">
        <v>136699</v>
      </c>
      <c r="GJ40" s="346">
        <v>167884</v>
      </c>
      <c r="GK40" s="347">
        <v>0</v>
      </c>
      <c r="GL40" s="342">
        <v>142717</v>
      </c>
      <c r="GM40" s="342">
        <v>106820</v>
      </c>
      <c r="GN40" s="342">
        <v>41805</v>
      </c>
      <c r="GO40" s="342">
        <v>118683</v>
      </c>
      <c r="GP40" s="342">
        <v>0</v>
      </c>
      <c r="GQ40" s="343">
        <v>410025</v>
      </c>
      <c r="GR40" s="345">
        <v>577909</v>
      </c>
      <c r="GS40" s="341">
        <v>0</v>
      </c>
      <c r="GT40" s="342">
        <v>61726</v>
      </c>
      <c r="GU40" s="343">
        <v>61726</v>
      </c>
      <c r="GV40" s="341">
        <v>0</v>
      </c>
      <c r="GW40" s="342">
        <v>122215</v>
      </c>
      <c r="GX40" s="342">
        <v>72090</v>
      </c>
      <c r="GY40" s="342">
        <v>9900</v>
      </c>
      <c r="GZ40" s="342">
        <v>0</v>
      </c>
      <c r="HA40" s="342">
        <v>0</v>
      </c>
      <c r="HB40" s="346">
        <v>204205</v>
      </c>
      <c r="HC40" s="345">
        <v>265931</v>
      </c>
      <c r="HD40" s="341">
        <v>821247</v>
      </c>
      <c r="HE40" s="342">
        <v>1311800</v>
      </c>
      <c r="HF40" s="346">
        <v>2133047</v>
      </c>
      <c r="HG40" s="347">
        <v>0</v>
      </c>
      <c r="HH40" s="342">
        <v>6820377</v>
      </c>
      <c r="HI40" s="342">
        <v>2727930</v>
      </c>
      <c r="HJ40" s="342">
        <v>5125638</v>
      </c>
      <c r="HK40" s="342">
        <v>5959851</v>
      </c>
      <c r="HL40" s="342">
        <v>2680803</v>
      </c>
      <c r="HM40" s="343">
        <v>23314599</v>
      </c>
      <c r="HN40" s="344">
        <v>25447646</v>
      </c>
      <c r="HO40" s="348">
        <v>588313</v>
      </c>
      <c r="HP40" s="342">
        <v>1047435</v>
      </c>
      <c r="HQ40" s="343">
        <v>1635748</v>
      </c>
      <c r="HR40" s="341">
        <v>0</v>
      </c>
      <c r="HS40" s="342">
        <v>4506330</v>
      </c>
      <c r="HT40" s="342">
        <v>2504016</v>
      </c>
      <c r="HU40" s="342">
        <v>2042839</v>
      </c>
      <c r="HV40" s="342">
        <v>1206939</v>
      </c>
      <c r="HW40" s="342">
        <v>745885</v>
      </c>
      <c r="HX40" s="346">
        <v>11006009</v>
      </c>
      <c r="HY40" s="345">
        <v>12641757</v>
      </c>
      <c r="HZ40" s="373">
        <v>151803</v>
      </c>
      <c r="IA40" s="371">
        <v>162630</v>
      </c>
      <c r="IB40" s="373">
        <v>314433</v>
      </c>
      <c r="IC40" s="353">
        <v>0</v>
      </c>
      <c r="ID40" s="351">
        <v>5106462</v>
      </c>
      <c r="IE40" s="354">
        <v>6528888</v>
      </c>
      <c r="IF40" s="352">
        <v>7460799</v>
      </c>
      <c r="IG40" s="351">
        <v>4979335</v>
      </c>
      <c r="IH40" s="352">
        <v>2324736</v>
      </c>
      <c r="II40" s="355">
        <v>26400220</v>
      </c>
      <c r="IJ40" s="373">
        <v>26714653</v>
      </c>
      <c r="IK40" s="357">
        <v>0</v>
      </c>
      <c r="IL40" s="358">
        <v>0</v>
      </c>
      <c r="IM40" s="359">
        <v>0</v>
      </c>
      <c r="IN40" s="436">
        <v>0</v>
      </c>
      <c r="IO40" s="360">
        <v>75246</v>
      </c>
      <c r="IP40" s="360">
        <v>0</v>
      </c>
      <c r="IQ40" s="360">
        <v>304014</v>
      </c>
      <c r="IR40" s="360">
        <v>230238</v>
      </c>
      <c r="IS40" s="360">
        <v>0</v>
      </c>
      <c r="IT40" s="361">
        <v>609498</v>
      </c>
      <c r="IU40" s="362">
        <v>609498</v>
      </c>
      <c r="IV40" s="363">
        <v>0</v>
      </c>
      <c r="IW40" s="360">
        <v>0</v>
      </c>
      <c r="IX40" s="364">
        <v>0</v>
      </c>
      <c r="IY40" s="439">
        <v>0</v>
      </c>
      <c r="IZ40" s="360">
        <v>0</v>
      </c>
      <c r="JA40" s="360">
        <v>0</v>
      </c>
      <c r="JB40" s="360">
        <v>0</v>
      </c>
      <c r="JC40" s="360">
        <v>0</v>
      </c>
      <c r="JD40" s="360">
        <v>0</v>
      </c>
      <c r="JE40" s="364">
        <v>0</v>
      </c>
      <c r="JF40" s="365">
        <v>0</v>
      </c>
      <c r="JG40" s="363">
        <v>0</v>
      </c>
      <c r="JH40" s="360">
        <v>0</v>
      </c>
      <c r="JI40" s="361">
        <v>0</v>
      </c>
      <c r="JJ40" s="366">
        <v>0</v>
      </c>
      <c r="JK40" s="360">
        <v>1111167</v>
      </c>
      <c r="JL40" s="360">
        <v>1508028</v>
      </c>
      <c r="JM40" s="360">
        <v>1343811</v>
      </c>
      <c r="JN40" s="360">
        <v>1024519</v>
      </c>
      <c r="JO40" s="360">
        <v>249219</v>
      </c>
      <c r="JP40" s="364">
        <v>5236744</v>
      </c>
      <c r="JQ40" s="362">
        <v>5236744</v>
      </c>
      <c r="JR40" s="363">
        <v>0</v>
      </c>
      <c r="JS40" s="360">
        <v>0</v>
      </c>
      <c r="JT40" s="361">
        <v>0</v>
      </c>
      <c r="JU40" s="366">
        <v>0</v>
      </c>
      <c r="JV40" s="360">
        <v>0</v>
      </c>
      <c r="JW40" s="360">
        <v>0</v>
      </c>
      <c r="JX40" s="360">
        <v>0</v>
      </c>
      <c r="JY40" s="360">
        <v>0</v>
      </c>
      <c r="JZ40" s="360">
        <v>0</v>
      </c>
      <c r="KA40" s="364">
        <v>0</v>
      </c>
      <c r="KB40" s="362">
        <v>0</v>
      </c>
      <c r="KC40" s="367">
        <v>151803</v>
      </c>
      <c r="KD40" s="368">
        <v>162630</v>
      </c>
      <c r="KE40" s="364">
        <v>314433</v>
      </c>
      <c r="KF40" s="366">
        <v>0</v>
      </c>
      <c r="KG40" s="360">
        <v>966179</v>
      </c>
      <c r="KH40" s="360">
        <v>1477969</v>
      </c>
      <c r="KI40" s="360">
        <v>2083608</v>
      </c>
      <c r="KJ40" s="360">
        <v>827559</v>
      </c>
      <c r="KK40" s="360">
        <v>400005</v>
      </c>
      <c r="KL40" s="364">
        <v>5755320</v>
      </c>
      <c r="KM40" s="369">
        <v>6069753</v>
      </c>
      <c r="KN40" s="357">
        <v>0</v>
      </c>
      <c r="KO40" s="358">
        <v>0</v>
      </c>
      <c r="KP40" s="359">
        <v>0</v>
      </c>
      <c r="KQ40" s="439">
        <v>0</v>
      </c>
      <c r="KR40" s="360">
        <v>2953870</v>
      </c>
      <c r="KS40" s="360">
        <v>3542891</v>
      </c>
      <c r="KT40" s="360">
        <v>3729366</v>
      </c>
      <c r="KU40" s="360">
        <v>2897019</v>
      </c>
      <c r="KV40" s="360">
        <v>1675512</v>
      </c>
      <c r="KW40" s="364">
        <v>14798658</v>
      </c>
      <c r="KX40" s="362">
        <v>14798658</v>
      </c>
      <c r="KY40" s="363">
        <v>0</v>
      </c>
      <c r="KZ40" s="360">
        <v>0</v>
      </c>
      <c r="LA40" s="364">
        <v>0</v>
      </c>
      <c r="LB40" s="439">
        <v>0</v>
      </c>
      <c r="LC40" s="360">
        <v>0</v>
      </c>
      <c r="LD40" s="360">
        <v>0</v>
      </c>
      <c r="LE40" s="360">
        <v>0</v>
      </c>
      <c r="LF40" s="360">
        <v>0</v>
      </c>
      <c r="LG40" s="360">
        <v>0</v>
      </c>
      <c r="LH40" s="364">
        <v>0</v>
      </c>
      <c r="LI40" s="365">
        <v>0</v>
      </c>
      <c r="LJ40" s="363">
        <v>0</v>
      </c>
      <c r="LK40" s="360">
        <v>0</v>
      </c>
      <c r="LL40" s="364">
        <v>0</v>
      </c>
      <c r="LM40" s="439">
        <v>0</v>
      </c>
      <c r="LN40" s="360">
        <v>0</v>
      </c>
      <c r="LO40" s="360">
        <v>0</v>
      </c>
      <c r="LP40" s="360">
        <v>0</v>
      </c>
      <c r="LQ40" s="360">
        <v>0</v>
      </c>
      <c r="LR40" s="360">
        <v>0</v>
      </c>
      <c r="LS40" s="364">
        <v>0</v>
      </c>
      <c r="LT40" s="362">
        <v>0</v>
      </c>
      <c r="LU40" s="363">
        <v>0</v>
      </c>
      <c r="LV40" s="360">
        <v>0</v>
      </c>
      <c r="LW40" s="364">
        <v>0</v>
      </c>
      <c r="LX40" s="439">
        <v>0</v>
      </c>
      <c r="LY40" s="360">
        <v>0</v>
      </c>
      <c r="LZ40" s="360">
        <v>0</v>
      </c>
      <c r="MA40" s="360">
        <v>0</v>
      </c>
      <c r="MB40" s="360">
        <v>0</v>
      </c>
      <c r="MC40" s="360">
        <v>0</v>
      </c>
      <c r="MD40" s="364">
        <v>0</v>
      </c>
      <c r="ME40" s="365">
        <v>0</v>
      </c>
      <c r="MF40" s="363">
        <v>0</v>
      </c>
      <c r="MG40" s="360">
        <v>0</v>
      </c>
      <c r="MH40" s="364">
        <v>0</v>
      </c>
      <c r="MI40" s="439">
        <v>0</v>
      </c>
      <c r="MJ40" s="360">
        <v>5926093</v>
      </c>
      <c r="MK40" s="360">
        <v>7557810</v>
      </c>
      <c r="ML40" s="360">
        <v>14944546</v>
      </c>
      <c r="MM40" s="360">
        <v>17491652</v>
      </c>
      <c r="MN40" s="360">
        <v>11326293</v>
      </c>
      <c r="MO40" s="364">
        <v>57246394</v>
      </c>
      <c r="MP40" s="369">
        <v>57246394</v>
      </c>
      <c r="MQ40" s="363">
        <v>0</v>
      </c>
      <c r="MR40" s="360">
        <v>0</v>
      </c>
      <c r="MS40" s="364">
        <v>0</v>
      </c>
      <c r="MT40" s="439">
        <v>0</v>
      </c>
      <c r="MU40" s="360">
        <v>189378</v>
      </c>
      <c r="MV40" s="360">
        <v>237285</v>
      </c>
      <c r="MW40" s="360">
        <v>5538805</v>
      </c>
      <c r="MX40" s="360">
        <v>11816787</v>
      </c>
      <c r="MY40" s="360">
        <v>7982712</v>
      </c>
      <c r="MZ40" s="364">
        <v>25764967</v>
      </c>
      <c r="NA40" s="369">
        <v>25764967</v>
      </c>
      <c r="NB40" s="363">
        <v>0</v>
      </c>
      <c r="NC40" s="360">
        <v>0</v>
      </c>
      <c r="ND40" s="364">
        <v>0</v>
      </c>
      <c r="NE40" s="439">
        <v>0</v>
      </c>
      <c r="NF40" s="360">
        <v>5089912</v>
      </c>
      <c r="NG40" s="360">
        <v>7074600</v>
      </c>
      <c r="NH40" s="360">
        <v>7241889</v>
      </c>
      <c r="NI40" s="360">
        <v>4026087</v>
      </c>
      <c r="NJ40" s="360">
        <v>2277771</v>
      </c>
      <c r="NK40" s="364">
        <v>25710259</v>
      </c>
      <c r="NL40" s="362">
        <v>25710259</v>
      </c>
      <c r="NM40" s="363">
        <v>0</v>
      </c>
      <c r="NN40" s="360">
        <v>0</v>
      </c>
      <c r="NO40" s="364">
        <v>0</v>
      </c>
      <c r="NP40" s="439">
        <v>0</v>
      </c>
      <c r="NQ40" s="360">
        <v>0</v>
      </c>
      <c r="NR40" s="360">
        <v>0</v>
      </c>
      <c r="NS40" s="360">
        <v>0</v>
      </c>
      <c r="NT40" s="360">
        <v>0</v>
      </c>
      <c r="NU40" s="360">
        <v>0</v>
      </c>
      <c r="NV40" s="364">
        <v>0</v>
      </c>
      <c r="NW40" s="365">
        <v>0</v>
      </c>
      <c r="NX40" s="363">
        <v>0</v>
      </c>
      <c r="NY40" s="360">
        <v>0</v>
      </c>
      <c r="NZ40" s="364">
        <v>0</v>
      </c>
      <c r="OA40" s="439">
        <v>0</v>
      </c>
      <c r="OB40" s="360">
        <v>646803</v>
      </c>
      <c r="OC40" s="360">
        <v>245925</v>
      </c>
      <c r="OD40" s="360">
        <v>2163852</v>
      </c>
      <c r="OE40" s="360">
        <v>1648778</v>
      </c>
      <c r="OF40" s="360">
        <v>1065810</v>
      </c>
      <c r="OG40" s="364">
        <v>5771168</v>
      </c>
      <c r="OH40" s="365">
        <v>5771168</v>
      </c>
      <c r="OI40" s="363">
        <v>3096517</v>
      </c>
      <c r="OJ40" s="360">
        <v>7247656</v>
      </c>
      <c r="OK40" s="361">
        <v>10344173</v>
      </c>
      <c r="OL40" s="366">
        <v>0</v>
      </c>
      <c r="OM40" s="360">
        <v>44756506</v>
      </c>
      <c r="ON40" s="360">
        <v>36675285</v>
      </c>
      <c r="OO40" s="360">
        <v>47948069</v>
      </c>
      <c r="OP40" s="360">
        <v>42790945</v>
      </c>
      <c r="OQ40" s="360">
        <v>26729839</v>
      </c>
      <c r="OR40" s="364">
        <v>198900644</v>
      </c>
      <c r="OS40" s="369">
        <v>209244817</v>
      </c>
    </row>
    <row r="41" spans="2:409" s="137" customFormat="1" ht="21" customHeight="1" x14ac:dyDescent="0.2">
      <c r="B41" s="421" t="s">
        <v>36</v>
      </c>
      <c r="C41" s="341">
        <v>1600804</v>
      </c>
      <c r="D41" s="342">
        <v>2886740</v>
      </c>
      <c r="E41" s="343">
        <v>4487544</v>
      </c>
      <c r="F41" s="344">
        <v>0</v>
      </c>
      <c r="G41" s="342">
        <v>21285561</v>
      </c>
      <c r="H41" s="342">
        <v>30305106</v>
      </c>
      <c r="I41" s="342">
        <v>21007754</v>
      </c>
      <c r="J41" s="342">
        <v>16010203</v>
      </c>
      <c r="K41" s="342">
        <v>18593788</v>
      </c>
      <c r="L41" s="382">
        <v>107202412</v>
      </c>
      <c r="M41" s="345">
        <v>111689956</v>
      </c>
      <c r="N41" s="341">
        <v>292879</v>
      </c>
      <c r="O41" s="342">
        <v>1051767</v>
      </c>
      <c r="P41" s="343">
        <v>1344646</v>
      </c>
      <c r="Q41" s="341">
        <v>0</v>
      </c>
      <c r="R41" s="342">
        <v>5352725</v>
      </c>
      <c r="S41" s="342">
        <v>9239987</v>
      </c>
      <c r="T41" s="342">
        <v>7325967</v>
      </c>
      <c r="U41" s="342">
        <v>6457242</v>
      </c>
      <c r="V41" s="342">
        <v>11173986</v>
      </c>
      <c r="W41" s="343">
        <v>39549907</v>
      </c>
      <c r="X41" s="345">
        <v>40894553</v>
      </c>
      <c r="Y41" s="341">
        <v>0</v>
      </c>
      <c r="Z41" s="342">
        <v>0</v>
      </c>
      <c r="AA41" s="343">
        <v>0</v>
      </c>
      <c r="AB41" s="341">
        <v>0</v>
      </c>
      <c r="AC41" s="342">
        <v>2407047</v>
      </c>
      <c r="AD41" s="342">
        <v>4813448</v>
      </c>
      <c r="AE41" s="342">
        <v>3648166</v>
      </c>
      <c r="AF41" s="342">
        <v>3475671</v>
      </c>
      <c r="AG41" s="342">
        <v>7101198</v>
      </c>
      <c r="AH41" s="343">
        <v>21445530</v>
      </c>
      <c r="AI41" s="345">
        <v>21445530</v>
      </c>
      <c r="AJ41" s="341">
        <v>0</v>
      </c>
      <c r="AK41" s="342">
        <v>35541</v>
      </c>
      <c r="AL41" s="343">
        <v>35541</v>
      </c>
      <c r="AM41" s="341">
        <v>0</v>
      </c>
      <c r="AN41" s="342">
        <v>53296</v>
      </c>
      <c r="AO41" s="342">
        <v>141529</v>
      </c>
      <c r="AP41" s="342">
        <v>620716</v>
      </c>
      <c r="AQ41" s="342">
        <v>588733</v>
      </c>
      <c r="AR41" s="342">
        <v>514038</v>
      </c>
      <c r="AS41" s="343">
        <v>1918312</v>
      </c>
      <c r="AT41" s="345">
        <v>1953853</v>
      </c>
      <c r="AU41" s="341">
        <v>189003</v>
      </c>
      <c r="AV41" s="342">
        <v>616584</v>
      </c>
      <c r="AW41" s="343">
        <v>805587</v>
      </c>
      <c r="AX41" s="341">
        <v>0</v>
      </c>
      <c r="AY41" s="342">
        <v>1767318</v>
      </c>
      <c r="AZ41" s="342">
        <v>2541505</v>
      </c>
      <c r="BA41" s="342">
        <v>1925025</v>
      </c>
      <c r="BB41" s="342">
        <v>1518463</v>
      </c>
      <c r="BC41" s="342">
        <v>2519612</v>
      </c>
      <c r="BD41" s="343">
        <v>10271923</v>
      </c>
      <c r="BE41" s="345">
        <v>11077510</v>
      </c>
      <c r="BF41" s="341">
        <v>35035</v>
      </c>
      <c r="BG41" s="342">
        <v>324195</v>
      </c>
      <c r="BH41" s="346">
        <v>359230</v>
      </c>
      <c r="BI41" s="347">
        <v>0</v>
      </c>
      <c r="BJ41" s="342">
        <v>546621</v>
      </c>
      <c r="BK41" s="342">
        <v>651657</v>
      </c>
      <c r="BL41" s="342">
        <v>121660</v>
      </c>
      <c r="BM41" s="342">
        <v>215034</v>
      </c>
      <c r="BN41" s="342">
        <v>205716</v>
      </c>
      <c r="BO41" s="343">
        <v>1740688</v>
      </c>
      <c r="BP41" s="345">
        <v>2099918</v>
      </c>
      <c r="BQ41" s="341">
        <v>68841</v>
      </c>
      <c r="BR41" s="342">
        <v>75447</v>
      </c>
      <c r="BS41" s="343">
        <v>144288</v>
      </c>
      <c r="BT41" s="341">
        <v>0</v>
      </c>
      <c r="BU41" s="342">
        <v>578443</v>
      </c>
      <c r="BV41" s="342">
        <v>1091848</v>
      </c>
      <c r="BW41" s="342">
        <v>1010400</v>
      </c>
      <c r="BX41" s="342">
        <v>659341</v>
      </c>
      <c r="BY41" s="342">
        <v>833422</v>
      </c>
      <c r="BZ41" s="343">
        <v>4173454</v>
      </c>
      <c r="CA41" s="345">
        <v>4317742</v>
      </c>
      <c r="CB41" s="341">
        <v>224822</v>
      </c>
      <c r="CC41" s="342">
        <v>209863</v>
      </c>
      <c r="CD41" s="343">
        <v>434685</v>
      </c>
      <c r="CE41" s="341">
        <v>0</v>
      </c>
      <c r="CF41" s="342">
        <v>6430370</v>
      </c>
      <c r="CG41" s="342">
        <v>10250253</v>
      </c>
      <c r="CH41" s="342">
        <v>5104639</v>
      </c>
      <c r="CI41" s="342">
        <v>3272991</v>
      </c>
      <c r="CJ41" s="342">
        <v>2483356</v>
      </c>
      <c r="CK41" s="343">
        <v>27541609</v>
      </c>
      <c r="CL41" s="345">
        <v>27976294</v>
      </c>
      <c r="CM41" s="341">
        <v>0</v>
      </c>
      <c r="CN41" s="342">
        <v>0</v>
      </c>
      <c r="CO41" s="343">
        <v>0</v>
      </c>
      <c r="CP41" s="347">
        <v>0</v>
      </c>
      <c r="CQ41" s="342">
        <v>5132875</v>
      </c>
      <c r="CR41" s="342">
        <v>7941719</v>
      </c>
      <c r="CS41" s="342">
        <v>3848196</v>
      </c>
      <c r="CT41" s="342">
        <v>2941272</v>
      </c>
      <c r="CU41" s="342">
        <v>2253960</v>
      </c>
      <c r="CV41" s="343">
        <v>22118022</v>
      </c>
      <c r="CW41" s="345">
        <v>22118022</v>
      </c>
      <c r="CX41" s="341">
        <v>224822</v>
      </c>
      <c r="CY41" s="342">
        <v>209863</v>
      </c>
      <c r="CZ41" s="343">
        <v>434685</v>
      </c>
      <c r="DA41" s="341">
        <v>0</v>
      </c>
      <c r="DB41" s="342">
        <v>1297495</v>
      </c>
      <c r="DC41" s="342">
        <v>2308534</v>
      </c>
      <c r="DD41" s="342">
        <v>1256443</v>
      </c>
      <c r="DE41" s="342">
        <v>331719</v>
      </c>
      <c r="DF41" s="342">
        <v>229396</v>
      </c>
      <c r="DG41" s="343">
        <v>5423587</v>
      </c>
      <c r="DH41" s="345">
        <v>5858272</v>
      </c>
      <c r="DI41" s="341">
        <v>0</v>
      </c>
      <c r="DJ41" s="342">
        <v>0</v>
      </c>
      <c r="DK41" s="346">
        <v>0</v>
      </c>
      <c r="DL41" s="347">
        <v>0</v>
      </c>
      <c r="DM41" s="342">
        <v>722697</v>
      </c>
      <c r="DN41" s="342">
        <v>1754869</v>
      </c>
      <c r="DO41" s="342">
        <v>1441207</v>
      </c>
      <c r="DP41" s="342">
        <v>2451311</v>
      </c>
      <c r="DQ41" s="342">
        <v>1345510</v>
      </c>
      <c r="DR41" s="343">
        <v>7715594</v>
      </c>
      <c r="DS41" s="345">
        <v>7715594</v>
      </c>
      <c r="DT41" s="341">
        <v>0</v>
      </c>
      <c r="DU41" s="342">
        <v>0</v>
      </c>
      <c r="DV41" s="343">
        <v>0</v>
      </c>
      <c r="DW41" s="341">
        <v>0</v>
      </c>
      <c r="DX41" s="342">
        <v>677450</v>
      </c>
      <c r="DY41" s="342">
        <v>1661525</v>
      </c>
      <c r="DZ41" s="342">
        <v>1441207</v>
      </c>
      <c r="EA41" s="342">
        <v>2412780</v>
      </c>
      <c r="EB41" s="342">
        <v>1345510</v>
      </c>
      <c r="EC41" s="343">
        <v>7538472</v>
      </c>
      <c r="ED41" s="345">
        <v>7538472</v>
      </c>
      <c r="EE41" s="341">
        <v>0</v>
      </c>
      <c r="EF41" s="346">
        <v>0</v>
      </c>
      <c r="EG41" s="343">
        <v>0</v>
      </c>
      <c r="EH41" s="341">
        <v>0</v>
      </c>
      <c r="EI41" s="342">
        <v>45247</v>
      </c>
      <c r="EJ41" s="342">
        <v>93344</v>
      </c>
      <c r="EK41" s="342">
        <v>0</v>
      </c>
      <c r="EL41" s="342">
        <v>38531</v>
      </c>
      <c r="EM41" s="342">
        <v>0</v>
      </c>
      <c r="EN41" s="346">
        <v>177122</v>
      </c>
      <c r="EO41" s="345">
        <v>177122</v>
      </c>
      <c r="EP41" s="341">
        <v>0</v>
      </c>
      <c r="EQ41" s="342">
        <v>0</v>
      </c>
      <c r="ER41" s="346">
        <v>0</v>
      </c>
      <c r="ES41" s="347">
        <v>0</v>
      </c>
      <c r="ET41" s="342">
        <v>0</v>
      </c>
      <c r="EU41" s="342">
        <v>0</v>
      </c>
      <c r="EV41" s="342">
        <v>0</v>
      </c>
      <c r="EW41" s="342">
        <v>0</v>
      </c>
      <c r="EX41" s="342">
        <v>0</v>
      </c>
      <c r="EY41" s="343">
        <v>0</v>
      </c>
      <c r="EZ41" s="345">
        <v>0</v>
      </c>
      <c r="FA41" s="341">
        <v>0</v>
      </c>
      <c r="FB41" s="342">
        <v>0</v>
      </c>
      <c r="FC41" s="346">
        <v>0</v>
      </c>
      <c r="FD41" s="347">
        <v>0</v>
      </c>
      <c r="FE41" s="342">
        <v>0</v>
      </c>
      <c r="FF41" s="342">
        <v>0</v>
      </c>
      <c r="FG41" s="342">
        <v>0</v>
      </c>
      <c r="FH41" s="342">
        <v>0</v>
      </c>
      <c r="FI41" s="342">
        <v>0</v>
      </c>
      <c r="FJ41" s="343">
        <v>0</v>
      </c>
      <c r="FK41" s="345">
        <v>0</v>
      </c>
      <c r="FL41" s="341">
        <v>617932</v>
      </c>
      <c r="FM41" s="342">
        <v>891330</v>
      </c>
      <c r="FN41" s="343">
        <v>1509262</v>
      </c>
      <c r="FO41" s="341">
        <v>0</v>
      </c>
      <c r="FP41" s="342">
        <v>1838337</v>
      </c>
      <c r="FQ41" s="342">
        <v>3150291</v>
      </c>
      <c r="FR41" s="342">
        <v>2018372</v>
      </c>
      <c r="FS41" s="342">
        <v>1495346</v>
      </c>
      <c r="FT41" s="342">
        <v>1403938</v>
      </c>
      <c r="FU41" s="343">
        <v>9906284</v>
      </c>
      <c r="FV41" s="345">
        <v>11415546</v>
      </c>
      <c r="FW41" s="348">
        <v>215842</v>
      </c>
      <c r="FX41" s="342">
        <v>796301</v>
      </c>
      <c r="FY41" s="346">
        <v>1012143</v>
      </c>
      <c r="FZ41" s="347">
        <v>0</v>
      </c>
      <c r="GA41" s="342">
        <v>1537539</v>
      </c>
      <c r="GB41" s="342">
        <v>2872686</v>
      </c>
      <c r="GC41" s="342">
        <v>1974713</v>
      </c>
      <c r="GD41" s="342">
        <v>1495346</v>
      </c>
      <c r="GE41" s="342">
        <v>1316438</v>
      </c>
      <c r="GF41" s="343">
        <v>9196722</v>
      </c>
      <c r="GG41" s="349">
        <v>10208865</v>
      </c>
      <c r="GH41" s="348">
        <v>0</v>
      </c>
      <c r="GI41" s="342">
        <v>95029</v>
      </c>
      <c r="GJ41" s="346">
        <v>95029</v>
      </c>
      <c r="GK41" s="347">
        <v>0</v>
      </c>
      <c r="GL41" s="342">
        <v>41274</v>
      </c>
      <c r="GM41" s="342">
        <v>185805</v>
      </c>
      <c r="GN41" s="342">
        <v>43659</v>
      </c>
      <c r="GO41" s="342">
        <v>0</v>
      </c>
      <c r="GP41" s="342">
        <v>70400</v>
      </c>
      <c r="GQ41" s="343">
        <v>341138</v>
      </c>
      <c r="GR41" s="345">
        <v>436167</v>
      </c>
      <c r="GS41" s="341">
        <v>402090</v>
      </c>
      <c r="GT41" s="342">
        <v>0</v>
      </c>
      <c r="GU41" s="343">
        <v>402090</v>
      </c>
      <c r="GV41" s="341">
        <v>0</v>
      </c>
      <c r="GW41" s="342">
        <v>259524</v>
      </c>
      <c r="GX41" s="342">
        <v>91800</v>
      </c>
      <c r="GY41" s="342">
        <v>0</v>
      </c>
      <c r="GZ41" s="342">
        <v>0</v>
      </c>
      <c r="HA41" s="342">
        <v>17100</v>
      </c>
      <c r="HB41" s="346">
        <v>368424</v>
      </c>
      <c r="HC41" s="345">
        <v>770514</v>
      </c>
      <c r="HD41" s="341">
        <v>244610</v>
      </c>
      <c r="HE41" s="342">
        <v>97444</v>
      </c>
      <c r="HF41" s="346">
        <v>342054</v>
      </c>
      <c r="HG41" s="347">
        <v>0</v>
      </c>
      <c r="HH41" s="342">
        <v>3039374</v>
      </c>
      <c r="HI41" s="342">
        <v>1975883</v>
      </c>
      <c r="HJ41" s="342">
        <v>2699318</v>
      </c>
      <c r="HK41" s="342">
        <v>802742</v>
      </c>
      <c r="HL41" s="342">
        <v>845476</v>
      </c>
      <c r="HM41" s="343">
        <v>9362793</v>
      </c>
      <c r="HN41" s="344">
        <v>9704847</v>
      </c>
      <c r="HO41" s="348">
        <v>220561</v>
      </c>
      <c r="HP41" s="342">
        <v>636336</v>
      </c>
      <c r="HQ41" s="343">
        <v>856897</v>
      </c>
      <c r="HR41" s="341">
        <v>0</v>
      </c>
      <c r="HS41" s="342">
        <v>3902058</v>
      </c>
      <c r="HT41" s="342">
        <v>3933823</v>
      </c>
      <c r="HU41" s="342">
        <v>2418251</v>
      </c>
      <c r="HV41" s="342">
        <v>1530571</v>
      </c>
      <c r="HW41" s="342">
        <v>1341522</v>
      </c>
      <c r="HX41" s="346">
        <v>13126225</v>
      </c>
      <c r="HY41" s="345">
        <v>13983122</v>
      </c>
      <c r="HZ41" s="350">
        <v>0</v>
      </c>
      <c r="IA41" s="351">
        <v>85349</v>
      </c>
      <c r="IB41" s="352">
        <v>85349</v>
      </c>
      <c r="IC41" s="353">
        <v>0</v>
      </c>
      <c r="ID41" s="351">
        <v>5669658</v>
      </c>
      <c r="IE41" s="354">
        <v>8423006</v>
      </c>
      <c r="IF41" s="352">
        <v>8289832</v>
      </c>
      <c r="IG41" s="351">
        <v>5437554</v>
      </c>
      <c r="IH41" s="352">
        <v>4737383</v>
      </c>
      <c r="II41" s="355">
        <v>32557433</v>
      </c>
      <c r="IJ41" s="356">
        <v>32642782</v>
      </c>
      <c r="IK41" s="357">
        <v>0</v>
      </c>
      <c r="IL41" s="358">
        <v>0</v>
      </c>
      <c r="IM41" s="359">
        <v>0</v>
      </c>
      <c r="IN41" s="436">
        <v>0</v>
      </c>
      <c r="IO41" s="360">
        <v>0</v>
      </c>
      <c r="IP41" s="360">
        <v>108954</v>
      </c>
      <c r="IQ41" s="360">
        <v>0</v>
      </c>
      <c r="IR41" s="360">
        <v>0</v>
      </c>
      <c r="IS41" s="360">
        <v>0</v>
      </c>
      <c r="IT41" s="361">
        <v>108954</v>
      </c>
      <c r="IU41" s="362">
        <v>108954</v>
      </c>
      <c r="IV41" s="363">
        <v>0</v>
      </c>
      <c r="IW41" s="360">
        <v>0</v>
      </c>
      <c r="IX41" s="364">
        <v>0</v>
      </c>
      <c r="IY41" s="439">
        <v>0</v>
      </c>
      <c r="IZ41" s="360">
        <v>0</v>
      </c>
      <c r="JA41" s="360">
        <v>0</v>
      </c>
      <c r="JB41" s="360">
        <v>0</v>
      </c>
      <c r="JC41" s="360">
        <v>0</v>
      </c>
      <c r="JD41" s="360">
        <v>0</v>
      </c>
      <c r="JE41" s="364">
        <v>0</v>
      </c>
      <c r="JF41" s="365">
        <v>0</v>
      </c>
      <c r="JG41" s="363">
        <v>0</v>
      </c>
      <c r="JH41" s="360">
        <v>0</v>
      </c>
      <c r="JI41" s="361">
        <v>0</v>
      </c>
      <c r="JJ41" s="366">
        <v>0</v>
      </c>
      <c r="JK41" s="360">
        <v>2886082</v>
      </c>
      <c r="JL41" s="360">
        <v>1795122</v>
      </c>
      <c r="JM41" s="360">
        <v>3945434</v>
      </c>
      <c r="JN41" s="360">
        <v>2012904</v>
      </c>
      <c r="JO41" s="360">
        <v>2753157</v>
      </c>
      <c r="JP41" s="364">
        <v>13392699</v>
      </c>
      <c r="JQ41" s="362">
        <v>13392699</v>
      </c>
      <c r="JR41" s="363">
        <v>0</v>
      </c>
      <c r="JS41" s="360">
        <v>0</v>
      </c>
      <c r="JT41" s="361">
        <v>0</v>
      </c>
      <c r="JU41" s="366">
        <v>0</v>
      </c>
      <c r="JV41" s="360">
        <v>0</v>
      </c>
      <c r="JW41" s="360">
        <v>0</v>
      </c>
      <c r="JX41" s="360">
        <v>0</v>
      </c>
      <c r="JY41" s="360">
        <v>0</v>
      </c>
      <c r="JZ41" s="360">
        <v>0</v>
      </c>
      <c r="KA41" s="364">
        <v>0</v>
      </c>
      <c r="KB41" s="362">
        <v>0</v>
      </c>
      <c r="KC41" s="367">
        <v>0</v>
      </c>
      <c r="KD41" s="368">
        <v>85349</v>
      </c>
      <c r="KE41" s="364">
        <v>85349</v>
      </c>
      <c r="KF41" s="366">
        <v>0</v>
      </c>
      <c r="KG41" s="360">
        <v>1535491</v>
      </c>
      <c r="KH41" s="360">
        <v>2406326</v>
      </c>
      <c r="KI41" s="360">
        <v>1721705</v>
      </c>
      <c r="KJ41" s="360">
        <v>850305</v>
      </c>
      <c r="KK41" s="360">
        <v>652941</v>
      </c>
      <c r="KL41" s="364">
        <v>7166768</v>
      </c>
      <c r="KM41" s="369">
        <v>7252117</v>
      </c>
      <c r="KN41" s="357">
        <v>0</v>
      </c>
      <c r="KO41" s="358">
        <v>0</v>
      </c>
      <c r="KP41" s="359">
        <v>0</v>
      </c>
      <c r="KQ41" s="439">
        <v>0</v>
      </c>
      <c r="KR41" s="360">
        <v>1248085</v>
      </c>
      <c r="KS41" s="360">
        <v>4112604</v>
      </c>
      <c r="KT41" s="360">
        <v>2622693</v>
      </c>
      <c r="KU41" s="360">
        <v>2253455</v>
      </c>
      <c r="KV41" s="360">
        <v>1331285</v>
      </c>
      <c r="KW41" s="364">
        <v>11568122</v>
      </c>
      <c r="KX41" s="362">
        <v>11568122</v>
      </c>
      <c r="KY41" s="363">
        <v>0</v>
      </c>
      <c r="KZ41" s="360">
        <v>0</v>
      </c>
      <c r="LA41" s="364">
        <v>0</v>
      </c>
      <c r="LB41" s="439">
        <v>0</v>
      </c>
      <c r="LC41" s="360">
        <v>0</v>
      </c>
      <c r="LD41" s="360">
        <v>0</v>
      </c>
      <c r="LE41" s="360">
        <v>0</v>
      </c>
      <c r="LF41" s="360">
        <v>0</v>
      </c>
      <c r="LG41" s="360">
        <v>0</v>
      </c>
      <c r="LH41" s="364">
        <v>0</v>
      </c>
      <c r="LI41" s="365">
        <v>0</v>
      </c>
      <c r="LJ41" s="363">
        <v>0</v>
      </c>
      <c r="LK41" s="360">
        <v>0</v>
      </c>
      <c r="LL41" s="364">
        <v>0</v>
      </c>
      <c r="LM41" s="439">
        <v>0</v>
      </c>
      <c r="LN41" s="360">
        <v>0</v>
      </c>
      <c r="LO41" s="360">
        <v>0</v>
      </c>
      <c r="LP41" s="360">
        <v>0</v>
      </c>
      <c r="LQ41" s="360">
        <v>0</v>
      </c>
      <c r="LR41" s="360">
        <v>0</v>
      </c>
      <c r="LS41" s="364">
        <v>0</v>
      </c>
      <c r="LT41" s="362">
        <v>0</v>
      </c>
      <c r="LU41" s="363">
        <v>0</v>
      </c>
      <c r="LV41" s="360">
        <v>0</v>
      </c>
      <c r="LW41" s="364">
        <v>0</v>
      </c>
      <c r="LX41" s="439">
        <v>0</v>
      </c>
      <c r="LY41" s="360">
        <v>0</v>
      </c>
      <c r="LZ41" s="360">
        <v>0</v>
      </c>
      <c r="MA41" s="360">
        <v>0</v>
      </c>
      <c r="MB41" s="360">
        <v>320890</v>
      </c>
      <c r="MC41" s="360">
        <v>0</v>
      </c>
      <c r="MD41" s="364">
        <v>320890</v>
      </c>
      <c r="ME41" s="365">
        <v>320890</v>
      </c>
      <c r="MF41" s="363">
        <v>0</v>
      </c>
      <c r="MG41" s="360">
        <v>0</v>
      </c>
      <c r="MH41" s="364">
        <v>0</v>
      </c>
      <c r="MI41" s="439">
        <v>0</v>
      </c>
      <c r="MJ41" s="360">
        <v>2911402</v>
      </c>
      <c r="MK41" s="360">
        <v>3908772</v>
      </c>
      <c r="ML41" s="360">
        <v>24078437</v>
      </c>
      <c r="MM41" s="360">
        <v>37304807</v>
      </c>
      <c r="MN41" s="360">
        <v>26379132</v>
      </c>
      <c r="MO41" s="364">
        <v>94582550</v>
      </c>
      <c r="MP41" s="369">
        <v>94582550</v>
      </c>
      <c r="MQ41" s="363">
        <v>0</v>
      </c>
      <c r="MR41" s="360">
        <v>0</v>
      </c>
      <c r="MS41" s="364">
        <v>0</v>
      </c>
      <c r="MT41" s="439">
        <v>0</v>
      </c>
      <c r="MU41" s="360">
        <v>0</v>
      </c>
      <c r="MV41" s="360">
        <v>672882</v>
      </c>
      <c r="MW41" s="360">
        <v>15151012</v>
      </c>
      <c r="MX41" s="360">
        <v>22100405</v>
      </c>
      <c r="MY41" s="360">
        <v>18244453</v>
      </c>
      <c r="MZ41" s="364">
        <v>56168752</v>
      </c>
      <c r="NA41" s="369">
        <v>56168752</v>
      </c>
      <c r="NB41" s="363">
        <v>0</v>
      </c>
      <c r="NC41" s="360">
        <v>0</v>
      </c>
      <c r="ND41" s="364">
        <v>0</v>
      </c>
      <c r="NE41" s="439">
        <v>0</v>
      </c>
      <c r="NF41" s="360">
        <v>2911402</v>
      </c>
      <c r="NG41" s="360">
        <v>3235890</v>
      </c>
      <c r="NH41" s="360">
        <v>8927425</v>
      </c>
      <c r="NI41" s="360">
        <v>12350279</v>
      </c>
      <c r="NJ41" s="360">
        <v>6616948</v>
      </c>
      <c r="NK41" s="364">
        <v>34041944</v>
      </c>
      <c r="NL41" s="362">
        <v>34041944</v>
      </c>
      <c r="NM41" s="363">
        <v>0</v>
      </c>
      <c r="NN41" s="360">
        <v>0</v>
      </c>
      <c r="NO41" s="364">
        <v>0</v>
      </c>
      <c r="NP41" s="439">
        <v>0</v>
      </c>
      <c r="NQ41" s="360">
        <v>0</v>
      </c>
      <c r="NR41" s="360">
        <v>0</v>
      </c>
      <c r="NS41" s="360">
        <v>0</v>
      </c>
      <c r="NT41" s="360">
        <v>310719</v>
      </c>
      <c r="NU41" s="360">
        <v>327467</v>
      </c>
      <c r="NV41" s="364">
        <v>638186</v>
      </c>
      <c r="NW41" s="365">
        <v>638186</v>
      </c>
      <c r="NX41" s="363">
        <v>0</v>
      </c>
      <c r="NY41" s="360">
        <v>0</v>
      </c>
      <c r="NZ41" s="364">
        <v>0</v>
      </c>
      <c r="OA41" s="439">
        <v>0</v>
      </c>
      <c r="OB41" s="360">
        <v>0</v>
      </c>
      <c r="OC41" s="360">
        <v>0</v>
      </c>
      <c r="OD41" s="360">
        <v>0</v>
      </c>
      <c r="OE41" s="360">
        <v>2543404</v>
      </c>
      <c r="OF41" s="360">
        <v>1190264</v>
      </c>
      <c r="OG41" s="364">
        <v>3733668</v>
      </c>
      <c r="OH41" s="365">
        <v>3733668</v>
      </c>
      <c r="OI41" s="363">
        <v>1600804</v>
      </c>
      <c r="OJ41" s="360">
        <v>2972089</v>
      </c>
      <c r="OK41" s="361">
        <v>4572893</v>
      </c>
      <c r="OL41" s="366">
        <v>0</v>
      </c>
      <c r="OM41" s="360">
        <v>29866621</v>
      </c>
      <c r="ON41" s="360">
        <v>42636884</v>
      </c>
      <c r="OO41" s="360">
        <v>53376023</v>
      </c>
      <c r="OP41" s="360">
        <v>58752564</v>
      </c>
      <c r="OQ41" s="360">
        <v>49710303</v>
      </c>
      <c r="OR41" s="364">
        <v>234342395</v>
      </c>
      <c r="OS41" s="369">
        <v>238915288</v>
      </c>
    </row>
    <row r="42" spans="2:409" s="137" customFormat="1" ht="21" customHeight="1" thickBot="1" x14ac:dyDescent="0.25">
      <c r="B42" s="422" t="s">
        <v>37</v>
      </c>
      <c r="C42" s="386">
        <v>488573</v>
      </c>
      <c r="D42" s="387">
        <v>0</v>
      </c>
      <c r="E42" s="388">
        <v>488573</v>
      </c>
      <c r="F42" s="389">
        <v>0</v>
      </c>
      <c r="G42" s="387">
        <v>1509436</v>
      </c>
      <c r="H42" s="387">
        <v>1985617</v>
      </c>
      <c r="I42" s="387">
        <v>1527147</v>
      </c>
      <c r="J42" s="387">
        <v>1883613</v>
      </c>
      <c r="K42" s="387">
        <v>1312033</v>
      </c>
      <c r="L42" s="389">
        <v>8217846</v>
      </c>
      <c r="M42" s="390">
        <v>8706419</v>
      </c>
      <c r="N42" s="386">
        <v>70159</v>
      </c>
      <c r="O42" s="387">
        <v>0</v>
      </c>
      <c r="P42" s="388">
        <v>70159</v>
      </c>
      <c r="Q42" s="386">
        <v>0</v>
      </c>
      <c r="R42" s="387">
        <v>340116</v>
      </c>
      <c r="S42" s="387">
        <v>432195</v>
      </c>
      <c r="T42" s="387">
        <v>414134</v>
      </c>
      <c r="U42" s="387">
        <v>598941</v>
      </c>
      <c r="V42" s="387">
        <v>812093</v>
      </c>
      <c r="W42" s="388">
        <v>2597479</v>
      </c>
      <c r="X42" s="390">
        <v>2667638</v>
      </c>
      <c r="Y42" s="386">
        <v>0</v>
      </c>
      <c r="Z42" s="387">
        <v>0</v>
      </c>
      <c r="AA42" s="388">
        <v>0</v>
      </c>
      <c r="AB42" s="386">
        <v>0</v>
      </c>
      <c r="AC42" s="387">
        <v>126004</v>
      </c>
      <c r="AD42" s="387">
        <v>224668</v>
      </c>
      <c r="AE42" s="387">
        <v>290937</v>
      </c>
      <c r="AF42" s="387">
        <v>188758</v>
      </c>
      <c r="AG42" s="387">
        <v>308713</v>
      </c>
      <c r="AH42" s="388">
        <v>1139080</v>
      </c>
      <c r="AI42" s="390">
        <v>1139080</v>
      </c>
      <c r="AJ42" s="386">
        <v>0</v>
      </c>
      <c r="AK42" s="387">
        <v>0</v>
      </c>
      <c r="AL42" s="388">
        <v>0</v>
      </c>
      <c r="AM42" s="386">
        <v>0</v>
      </c>
      <c r="AN42" s="387">
        <v>0</v>
      </c>
      <c r="AO42" s="387">
        <v>0</v>
      </c>
      <c r="AP42" s="387">
        <v>0</v>
      </c>
      <c r="AQ42" s="387">
        <v>0</v>
      </c>
      <c r="AR42" s="387">
        <v>119930</v>
      </c>
      <c r="AS42" s="388">
        <v>119930</v>
      </c>
      <c r="AT42" s="390">
        <v>119930</v>
      </c>
      <c r="AU42" s="386">
        <v>31027</v>
      </c>
      <c r="AV42" s="387">
        <v>0</v>
      </c>
      <c r="AW42" s="388">
        <v>31027</v>
      </c>
      <c r="AX42" s="386">
        <v>0</v>
      </c>
      <c r="AY42" s="387">
        <v>131116</v>
      </c>
      <c r="AZ42" s="387">
        <v>175955</v>
      </c>
      <c r="BA42" s="387">
        <v>72446</v>
      </c>
      <c r="BB42" s="387">
        <v>231354</v>
      </c>
      <c r="BC42" s="387">
        <v>269492</v>
      </c>
      <c r="BD42" s="388">
        <v>880363</v>
      </c>
      <c r="BE42" s="390">
        <v>911390</v>
      </c>
      <c r="BF42" s="386">
        <v>0</v>
      </c>
      <c r="BG42" s="387">
        <v>0</v>
      </c>
      <c r="BH42" s="391">
        <v>0</v>
      </c>
      <c r="BI42" s="392">
        <v>0</v>
      </c>
      <c r="BJ42" s="387">
        <v>26719</v>
      </c>
      <c r="BK42" s="387">
        <v>16902</v>
      </c>
      <c r="BL42" s="387">
        <v>0</v>
      </c>
      <c r="BM42" s="387">
        <v>41426</v>
      </c>
      <c r="BN42" s="387">
        <v>20549</v>
      </c>
      <c r="BO42" s="388">
        <v>105596</v>
      </c>
      <c r="BP42" s="390">
        <v>105596</v>
      </c>
      <c r="BQ42" s="386">
        <v>39132</v>
      </c>
      <c r="BR42" s="387">
        <v>0</v>
      </c>
      <c r="BS42" s="388">
        <v>39132</v>
      </c>
      <c r="BT42" s="386">
        <v>0</v>
      </c>
      <c r="BU42" s="387">
        <v>56277</v>
      </c>
      <c r="BV42" s="387">
        <v>14670</v>
      </c>
      <c r="BW42" s="387">
        <v>50751</v>
      </c>
      <c r="BX42" s="387">
        <v>137403</v>
      </c>
      <c r="BY42" s="387">
        <v>93409</v>
      </c>
      <c r="BZ42" s="388">
        <v>352510</v>
      </c>
      <c r="CA42" s="390">
        <v>391642</v>
      </c>
      <c r="CB42" s="386">
        <v>48775</v>
      </c>
      <c r="CC42" s="387">
        <v>0</v>
      </c>
      <c r="CD42" s="388">
        <v>48775</v>
      </c>
      <c r="CE42" s="386">
        <v>0</v>
      </c>
      <c r="CF42" s="387">
        <v>605056</v>
      </c>
      <c r="CG42" s="387">
        <v>803054</v>
      </c>
      <c r="CH42" s="387">
        <v>555377</v>
      </c>
      <c r="CI42" s="387">
        <v>739031</v>
      </c>
      <c r="CJ42" s="387">
        <v>243062</v>
      </c>
      <c r="CK42" s="388">
        <v>2945580</v>
      </c>
      <c r="CL42" s="390">
        <v>2994355</v>
      </c>
      <c r="CM42" s="386">
        <v>0</v>
      </c>
      <c r="CN42" s="387">
        <v>0</v>
      </c>
      <c r="CO42" s="388">
        <v>0</v>
      </c>
      <c r="CP42" s="392">
        <v>0</v>
      </c>
      <c r="CQ42" s="387">
        <v>347362</v>
      </c>
      <c r="CR42" s="387">
        <v>353934</v>
      </c>
      <c r="CS42" s="387">
        <v>457715</v>
      </c>
      <c r="CT42" s="387">
        <v>438223</v>
      </c>
      <c r="CU42" s="387">
        <v>63128</v>
      </c>
      <c r="CV42" s="388">
        <v>1660362</v>
      </c>
      <c r="CW42" s="390">
        <v>1660362</v>
      </c>
      <c r="CX42" s="386">
        <v>48775</v>
      </c>
      <c r="CY42" s="387">
        <v>0</v>
      </c>
      <c r="CZ42" s="388">
        <v>48775</v>
      </c>
      <c r="DA42" s="386">
        <v>0</v>
      </c>
      <c r="DB42" s="387">
        <v>257694</v>
      </c>
      <c r="DC42" s="387">
        <v>449120</v>
      </c>
      <c r="DD42" s="387">
        <v>97662</v>
      </c>
      <c r="DE42" s="387">
        <v>300808</v>
      </c>
      <c r="DF42" s="387">
        <v>179934</v>
      </c>
      <c r="DG42" s="388">
        <v>1285218</v>
      </c>
      <c r="DH42" s="390">
        <v>1333993</v>
      </c>
      <c r="DI42" s="386">
        <v>0</v>
      </c>
      <c r="DJ42" s="387">
        <v>0</v>
      </c>
      <c r="DK42" s="391">
        <v>0</v>
      </c>
      <c r="DL42" s="392">
        <v>0</v>
      </c>
      <c r="DM42" s="387">
        <v>0</v>
      </c>
      <c r="DN42" s="387">
        <v>58367</v>
      </c>
      <c r="DO42" s="387">
        <v>120354</v>
      </c>
      <c r="DP42" s="387">
        <v>22056</v>
      </c>
      <c r="DQ42" s="387">
        <v>20488</v>
      </c>
      <c r="DR42" s="388">
        <v>221265</v>
      </c>
      <c r="DS42" s="390">
        <v>221265</v>
      </c>
      <c r="DT42" s="386">
        <v>0</v>
      </c>
      <c r="DU42" s="387">
        <v>0</v>
      </c>
      <c r="DV42" s="388">
        <v>0</v>
      </c>
      <c r="DW42" s="386">
        <v>0</v>
      </c>
      <c r="DX42" s="387">
        <v>0</v>
      </c>
      <c r="DY42" s="387">
        <v>58367</v>
      </c>
      <c r="DZ42" s="387">
        <v>120354</v>
      </c>
      <c r="EA42" s="387">
        <v>22056</v>
      </c>
      <c r="EB42" s="387">
        <v>0</v>
      </c>
      <c r="EC42" s="388">
        <v>200777</v>
      </c>
      <c r="ED42" s="390">
        <v>200777</v>
      </c>
      <c r="EE42" s="386">
        <v>0</v>
      </c>
      <c r="EF42" s="391">
        <v>0</v>
      </c>
      <c r="EG42" s="388">
        <v>0</v>
      </c>
      <c r="EH42" s="386">
        <v>0</v>
      </c>
      <c r="EI42" s="387">
        <v>0</v>
      </c>
      <c r="EJ42" s="387">
        <v>0</v>
      </c>
      <c r="EK42" s="387">
        <v>0</v>
      </c>
      <c r="EL42" s="387">
        <v>0</v>
      </c>
      <c r="EM42" s="387">
        <v>20488</v>
      </c>
      <c r="EN42" s="391">
        <v>20488</v>
      </c>
      <c r="EO42" s="390">
        <v>20488</v>
      </c>
      <c r="EP42" s="386">
        <v>0</v>
      </c>
      <c r="EQ42" s="387">
        <v>0</v>
      </c>
      <c r="ER42" s="391">
        <v>0</v>
      </c>
      <c r="ES42" s="392">
        <v>0</v>
      </c>
      <c r="ET42" s="387">
        <v>0</v>
      </c>
      <c r="EU42" s="387">
        <v>0</v>
      </c>
      <c r="EV42" s="387">
        <v>0</v>
      </c>
      <c r="EW42" s="387">
        <v>0</v>
      </c>
      <c r="EX42" s="387">
        <v>0</v>
      </c>
      <c r="EY42" s="388">
        <v>0</v>
      </c>
      <c r="EZ42" s="390">
        <v>0</v>
      </c>
      <c r="FA42" s="386">
        <v>0</v>
      </c>
      <c r="FB42" s="387">
        <v>0</v>
      </c>
      <c r="FC42" s="391">
        <v>0</v>
      </c>
      <c r="FD42" s="392">
        <v>0</v>
      </c>
      <c r="FE42" s="387">
        <v>0</v>
      </c>
      <c r="FF42" s="387">
        <v>0</v>
      </c>
      <c r="FG42" s="387">
        <v>0</v>
      </c>
      <c r="FH42" s="387">
        <v>0</v>
      </c>
      <c r="FI42" s="387">
        <v>0</v>
      </c>
      <c r="FJ42" s="388">
        <v>0</v>
      </c>
      <c r="FK42" s="390">
        <v>0</v>
      </c>
      <c r="FL42" s="386">
        <v>282942</v>
      </c>
      <c r="FM42" s="387">
        <v>0</v>
      </c>
      <c r="FN42" s="388">
        <v>282942</v>
      </c>
      <c r="FO42" s="386">
        <v>0</v>
      </c>
      <c r="FP42" s="387">
        <v>190452</v>
      </c>
      <c r="FQ42" s="387">
        <v>366822</v>
      </c>
      <c r="FR42" s="387">
        <v>214112</v>
      </c>
      <c r="FS42" s="387">
        <v>206150</v>
      </c>
      <c r="FT42" s="387">
        <v>126890</v>
      </c>
      <c r="FU42" s="388">
        <v>1104426</v>
      </c>
      <c r="FV42" s="390">
        <v>1387368</v>
      </c>
      <c r="FW42" s="393">
        <v>111942</v>
      </c>
      <c r="FX42" s="387">
        <v>0</v>
      </c>
      <c r="FY42" s="391">
        <v>111942</v>
      </c>
      <c r="FZ42" s="392">
        <v>0</v>
      </c>
      <c r="GA42" s="387">
        <v>163722</v>
      </c>
      <c r="GB42" s="387">
        <v>366822</v>
      </c>
      <c r="GC42" s="387">
        <v>190946</v>
      </c>
      <c r="GD42" s="387">
        <v>206150</v>
      </c>
      <c r="GE42" s="387">
        <v>126890</v>
      </c>
      <c r="GF42" s="388">
        <v>1054530</v>
      </c>
      <c r="GG42" s="394">
        <v>1166472</v>
      </c>
      <c r="GH42" s="393">
        <v>0</v>
      </c>
      <c r="GI42" s="387">
        <v>0</v>
      </c>
      <c r="GJ42" s="391">
        <v>0</v>
      </c>
      <c r="GK42" s="392">
        <v>0</v>
      </c>
      <c r="GL42" s="387">
        <v>26730</v>
      </c>
      <c r="GM42" s="387">
        <v>0</v>
      </c>
      <c r="GN42" s="387">
        <v>23166</v>
      </c>
      <c r="GO42" s="387">
        <v>0</v>
      </c>
      <c r="GP42" s="387">
        <v>0</v>
      </c>
      <c r="GQ42" s="388">
        <v>49896</v>
      </c>
      <c r="GR42" s="390">
        <v>49896</v>
      </c>
      <c r="GS42" s="386">
        <v>171000</v>
      </c>
      <c r="GT42" s="387">
        <v>0</v>
      </c>
      <c r="GU42" s="388">
        <v>171000</v>
      </c>
      <c r="GV42" s="386">
        <v>0</v>
      </c>
      <c r="GW42" s="387">
        <v>0</v>
      </c>
      <c r="GX42" s="387">
        <v>0</v>
      </c>
      <c r="GY42" s="387">
        <v>0</v>
      </c>
      <c r="GZ42" s="387">
        <v>0</v>
      </c>
      <c r="HA42" s="387">
        <v>0</v>
      </c>
      <c r="HB42" s="391">
        <v>0</v>
      </c>
      <c r="HC42" s="390">
        <v>171000</v>
      </c>
      <c r="HD42" s="386">
        <v>0</v>
      </c>
      <c r="HE42" s="387">
        <v>0</v>
      </c>
      <c r="HF42" s="391">
        <v>0</v>
      </c>
      <c r="HG42" s="392">
        <v>0</v>
      </c>
      <c r="HH42" s="387">
        <v>0</v>
      </c>
      <c r="HI42" s="387">
        <v>0</v>
      </c>
      <c r="HJ42" s="387">
        <v>0</v>
      </c>
      <c r="HK42" s="387">
        <v>98624</v>
      </c>
      <c r="HL42" s="387">
        <v>0</v>
      </c>
      <c r="HM42" s="388">
        <v>98624</v>
      </c>
      <c r="HN42" s="389">
        <v>98624</v>
      </c>
      <c r="HO42" s="393">
        <v>86697</v>
      </c>
      <c r="HP42" s="387">
        <v>0</v>
      </c>
      <c r="HQ42" s="388">
        <v>86697</v>
      </c>
      <c r="HR42" s="386">
        <v>0</v>
      </c>
      <c r="HS42" s="387">
        <v>373812</v>
      </c>
      <c r="HT42" s="387">
        <v>325179</v>
      </c>
      <c r="HU42" s="387">
        <v>223170</v>
      </c>
      <c r="HV42" s="387">
        <v>218811</v>
      </c>
      <c r="HW42" s="387">
        <v>109500</v>
      </c>
      <c r="HX42" s="391">
        <v>1250472</v>
      </c>
      <c r="HY42" s="390">
        <v>1337169</v>
      </c>
      <c r="HZ42" s="395">
        <v>0</v>
      </c>
      <c r="IA42" s="396">
        <v>0</v>
      </c>
      <c r="IB42" s="397">
        <v>0</v>
      </c>
      <c r="IC42" s="398">
        <v>0</v>
      </c>
      <c r="ID42" s="399">
        <v>1666776</v>
      </c>
      <c r="IE42" s="400">
        <v>412458</v>
      </c>
      <c r="IF42" s="401">
        <v>1479344</v>
      </c>
      <c r="IG42" s="399">
        <v>1498557</v>
      </c>
      <c r="IH42" s="401">
        <v>837663</v>
      </c>
      <c r="II42" s="402">
        <v>5894798</v>
      </c>
      <c r="IJ42" s="403">
        <v>5894798</v>
      </c>
      <c r="IK42" s="404">
        <v>0</v>
      </c>
      <c r="IL42" s="405">
        <v>0</v>
      </c>
      <c r="IM42" s="406">
        <v>0</v>
      </c>
      <c r="IN42" s="437">
        <v>0</v>
      </c>
      <c r="IO42" s="407">
        <v>0</v>
      </c>
      <c r="IP42" s="407">
        <v>0</v>
      </c>
      <c r="IQ42" s="407">
        <v>0</v>
      </c>
      <c r="IR42" s="407">
        <v>225832</v>
      </c>
      <c r="IS42" s="407">
        <v>0</v>
      </c>
      <c r="IT42" s="408">
        <v>225832</v>
      </c>
      <c r="IU42" s="409">
        <v>225832</v>
      </c>
      <c r="IV42" s="410">
        <v>0</v>
      </c>
      <c r="IW42" s="407">
        <v>0</v>
      </c>
      <c r="IX42" s="411">
        <v>0</v>
      </c>
      <c r="IY42" s="440">
        <v>0</v>
      </c>
      <c r="IZ42" s="407">
        <v>0</v>
      </c>
      <c r="JA42" s="407">
        <v>0</v>
      </c>
      <c r="JB42" s="407">
        <v>0</v>
      </c>
      <c r="JC42" s="407">
        <v>0</v>
      </c>
      <c r="JD42" s="407">
        <v>0</v>
      </c>
      <c r="JE42" s="411">
        <v>0</v>
      </c>
      <c r="JF42" s="412">
        <v>0</v>
      </c>
      <c r="JG42" s="410">
        <v>0</v>
      </c>
      <c r="JH42" s="407">
        <v>0</v>
      </c>
      <c r="JI42" s="408">
        <v>0</v>
      </c>
      <c r="JJ42" s="413">
        <v>0</v>
      </c>
      <c r="JK42" s="407">
        <v>985092</v>
      </c>
      <c r="JL42" s="407">
        <v>412458</v>
      </c>
      <c r="JM42" s="407">
        <v>676944</v>
      </c>
      <c r="JN42" s="407">
        <v>0</v>
      </c>
      <c r="JO42" s="407">
        <v>288465</v>
      </c>
      <c r="JP42" s="411">
        <v>2362959</v>
      </c>
      <c r="JQ42" s="409">
        <v>2362959</v>
      </c>
      <c r="JR42" s="410">
        <v>0</v>
      </c>
      <c r="JS42" s="407">
        <v>0</v>
      </c>
      <c r="JT42" s="408">
        <v>0</v>
      </c>
      <c r="JU42" s="413">
        <v>0</v>
      </c>
      <c r="JV42" s="407">
        <v>28188</v>
      </c>
      <c r="JW42" s="407">
        <v>0</v>
      </c>
      <c r="JX42" s="407">
        <v>0</v>
      </c>
      <c r="JY42" s="407">
        <v>195477</v>
      </c>
      <c r="JZ42" s="407">
        <v>0</v>
      </c>
      <c r="KA42" s="411">
        <v>223665</v>
      </c>
      <c r="KB42" s="409">
        <v>223665</v>
      </c>
      <c r="KC42" s="414">
        <v>0</v>
      </c>
      <c r="KD42" s="415">
        <v>0</v>
      </c>
      <c r="KE42" s="411">
        <v>0</v>
      </c>
      <c r="KF42" s="413">
        <v>0</v>
      </c>
      <c r="KG42" s="407">
        <v>0</v>
      </c>
      <c r="KH42" s="407">
        <v>0</v>
      </c>
      <c r="KI42" s="407">
        <v>0</v>
      </c>
      <c r="KJ42" s="407">
        <v>0</v>
      </c>
      <c r="KK42" s="407">
        <v>0</v>
      </c>
      <c r="KL42" s="411">
        <v>0</v>
      </c>
      <c r="KM42" s="416">
        <v>0</v>
      </c>
      <c r="KN42" s="404">
        <v>0</v>
      </c>
      <c r="KO42" s="405">
        <v>0</v>
      </c>
      <c r="KP42" s="406">
        <v>0</v>
      </c>
      <c r="KQ42" s="440">
        <v>0</v>
      </c>
      <c r="KR42" s="407">
        <v>653496</v>
      </c>
      <c r="KS42" s="407">
        <v>0</v>
      </c>
      <c r="KT42" s="407">
        <v>802400</v>
      </c>
      <c r="KU42" s="407">
        <v>1077248</v>
      </c>
      <c r="KV42" s="407">
        <v>549198</v>
      </c>
      <c r="KW42" s="411">
        <v>3082342</v>
      </c>
      <c r="KX42" s="409">
        <v>3082342</v>
      </c>
      <c r="KY42" s="410">
        <v>0</v>
      </c>
      <c r="KZ42" s="407">
        <v>0</v>
      </c>
      <c r="LA42" s="411">
        <v>0</v>
      </c>
      <c r="LB42" s="440">
        <v>0</v>
      </c>
      <c r="LC42" s="407">
        <v>0</v>
      </c>
      <c r="LD42" s="407">
        <v>0</v>
      </c>
      <c r="LE42" s="407">
        <v>0</v>
      </c>
      <c r="LF42" s="407">
        <v>0</v>
      </c>
      <c r="LG42" s="407">
        <v>0</v>
      </c>
      <c r="LH42" s="411">
        <v>0</v>
      </c>
      <c r="LI42" s="412">
        <v>0</v>
      </c>
      <c r="LJ42" s="410">
        <v>0</v>
      </c>
      <c r="LK42" s="407">
        <v>0</v>
      </c>
      <c r="LL42" s="411">
        <v>0</v>
      </c>
      <c r="LM42" s="440">
        <v>0</v>
      </c>
      <c r="LN42" s="407">
        <v>0</v>
      </c>
      <c r="LO42" s="407">
        <v>0</v>
      </c>
      <c r="LP42" s="407">
        <v>0</v>
      </c>
      <c r="LQ42" s="407">
        <v>0</v>
      </c>
      <c r="LR42" s="407">
        <v>0</v>
      </c>
      <c r="LS42" s="411">
        <v>0</v>
      </c>
      <c r="LT42" s="409">
        <v>0</v>
      </c>
      <c r="LU42" s="410">
        <v>0</v>
      </c>
      <c r="LV42" s="407">
        <v>0</v>
      </c>
      <c r="LW42" s="411">
        <v>0</v>
      </c>
      <c r="LX42" s="440">
        <v>0</v>
      </c>
      <c r="LY42" s="407">
        <v>0</v>
      </c>
      <c r="LZ42" s="407">
        <v>0</v>
      </c>
      <c r="MA42" s="407">
        <v>0</v>
      </c>
      <c r="MB42" s="407">
        <v>0</v>
      </c>
      <c r="MC42" s="407">
        <v>0</v>
      </c>
      <c r="MD42" s="411">
        <v>0</v>
      </c>
      <c r="ME42" s="412">
        <v>0</v>
      </c>
      <c r="MF42" s="410">
        <v>0</v>
      </c>
      <c r="MG42" s="407">
        <v>0</v>
      </c>
      <c r="MH42" s="411">
        <v>0</v>
      </c>
      <c r="MI42" s="440">
        <v>0</v>
      </c>
      <c r="MJ42" s="407">
        <v>235337</v>
      </c>
      <c r="MK42" s="407">
        <v>762812</v>
      </c>
      <c r="ML42" s="407">
        <v>3391075</v>
      </c>
      <c r="MM42" s="407">
        <v>2538526</v>
      </c>
      <c r="MN42" s="407">
        <v>2774405</v>
      </c>
      <c r="MO42" s="411">
        <v>9702155</v>
      </c>
      <c r="MP42" s="416">
        <v>9702155</v>
      </c>
      <c r="MQ42" s="410">
        <v>0</v>
      </c>
      <c r="MR42" s="407">
        <v>0</v>
      </c>
      <c r="MS42" s="411">
        <v>0</v>
      </c>
      <c r="MT42" s="440">
        <v>0</v>
      </c>
      <c r="MU42" s="407">
        <v>0</v>
      </c>
      <c r="MV42" s="407">
        <v>0</v>
      </c>
      <c r="MW42" s="407">
        <v>1262793</v>
      </c>
      <c r="MX42" s="407">
        <v>2204724</v>
      </c>
      <c r="MY42" s="407">
        <v>2054249</v>
      </c>
      <c r="MZ42" s="411">
        <v>5521766</v>
      </c>
      <c r="NA42" s="416">
        <v>5521766</v>
      </c>
      <c r="NB42" s="410">
        <v>0</v>
      </c>
      <c r="NC42" s="407">
        <v>0</v>
      </c>
      <c r="ND42" s="411">
        <v>0</v>
      </c>
      <c r="NE42" s="440">
        <v>0</v>
      </c>
      <c r="NF42" s="407">
        <v>235337</v>
      </c>
      <c r="NG42" s="407">
        <v>762812</v>
      </c>
      <c r="NH42" s="407">
        <v>2128282</v>
      </c>
      <c r="NI42" s="407">
        <v>333802</v>
      </c>
      <c r="NJ42" s="407">
        <v>627429</v>
      </c>
      <c r="NK42" s="411">
        <v>4087662</v>
      </c>
      <c r="NL42" s="409">
        <v>4087662</v>
      </c>
      <c r="NM42" s="410">
        <v>0</v>
      </c>
      <c r="NN42" s="407">
        <v>0</v>
      </c>
      <c r="NO42" s="411">
        <v>0</v>
      </c>
      <c r="NP42" s="440">
        <v>0</v>
      </c>
      <c r="NQ42" s="407">
        <v>0</v>
      </c>
      <c r="NR42" s="407">
        <v>0</v>
      </c>
      <c r="NS42" s="407">
        <v>0</v>
      </c>
      <c r="NT42" s="407">
        <v>0</v>
      </c>
      <c r="NU42" s="407">
        <v>0</v>
      </c>
      <c r="NV42" s="411">
        <v>0</v>
      </c>
      <c r="NW42" s="412">
        <v>0</v>
      </c>
      <c r="NX42" s="410">
        <v>0</v>
      </c>
      <c r="NY42" s="407">
        <v>0</v>
      </c>
      <c r="NZ42" s="411">
        <v>0</v>
      </c>
      <c r="OA42" s="440">
        <v>0</v>
      </c>
      <c r="OB42" s="407">
        <v>0</v>
      </c>
      <c r="OC42" s="407">
        <v>0</v>
      </c>
      <c r="OD42" s="407">
        <v>0</v>
      </c>
      <c r="OE42" s="407">
        <v>0</v>
      </c>
      <c r="OF42" s="407">
        <v>92727</v>
      </c>
      <c r="OG42" s="411">
        <v>92727</v>
      </c>
      <c r="OH42" s="412">
        <v>92727</v>
      </c>
      <c r="OI42" s="410">
        <v>488573</v>
      </c>
      <c r="OJ42" s="407">
        <v>0</v>
      </c>
      <c r="OK42" s="408">
        <v>488573</v>
      </c>
      <c r="OL42" s="413">
        <v>0</v>
      </c>
      <c r="OM42" s="407">
        <v>3411549</v>
      </c>
      <c r="ON42" s="407">
        <v>3160887</v>
      </c>
      <c r="OO42" s="407">
        <v>6397566</v>
      </c>
      <c r="OP42" s="407">
        <v>5920696</v>
      </c>
      <c r="OQ42" s="407">
        <v>4924101</v>
      </c>
      <c r="OR42" s="411">
        <v>23814799</v>
      </c>
      <c r="OS42" s="416">
        <v>24303372</v>
      </c>
    </row>
    <row r="43" spans="2:409" x14ac:dyDescent="0.2">
      <c r="B43" s="138"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138" customWidth="1"/>
    <col min="2" max="2" width="9.77734375" style="138" customWidth="1"/>
    <col min="3" max="3" width="8.21875" style="138" customWidth="1"/>
    <col min="4" max="5" width="10" style="138" customWidth="1"/>
    <col min="6" max="6" width="7.21875" style="138" customWidth="1"/>
    <col min="7" max="8" width="10" style="138" customWidth="1"/>
    <col min="9" max="9" width="9.88671875" style="138" customWidth="1"/>
    <col min="10" max="10" width="9.77734375" style="138" customWidth="1"/>
    <col min="11" max="11" width="9.88671875" style="138" customWidth="1"/>
    <col min="12" max="12" width="10.88671875" style="138" customWidth="1"/>
    <col min="13" max="13" width="11.109375" style="138" customWidth="1"/>
    <col min="14" max="16" width="8.21875" style="138" customWidth="1"/>
    <col min="17" max="17" width="7.21875" style="138" customWidth="1"/>
    <col min="18" max="18" width="10" style="138" customWidth="1"/>
    <col min="19" max="19" width="10.109375" style="138" customWidth="1"/>
    <col min="20" max="20" width="9.109375" style="138" customWidth="1"/>
    <col min="21" max="21" width="9.77734375" style="138" customWidth="1"/>
    <col min="22" max="22" width="10.33203125" style="138" customWidth="1"/>
    <col min="23" max="23" width="10.44140625" style="138" customWidth="1"/>
    <col min="24" max="24" width="11" style="138" customWidth="1"/>
    <col min="25" max="27" width="8.21875" style="138" customWidth="1"/>
    <col min="28" max="28" width="7" style="138" customWidth="1"/>
    <col min="29" max="33" width="8.21875" style="138" customWidth="1"/>
    <col min="34" max="34" width="10.6640625" style="138" customWidth="1"/>
    <col min="35" max="35" width="10" style="138" customWidth="1"/>
    <col min="36" max="38" width="8.21875" style="138" customWidth="1"/>
    <col min="39" max="39" width="7" style="138" customWidth="1"/>
    <col min="40" max="49" width="8.21875" style="138" customWidth="1"/>
    <col min="50" max="50" width="7.21875" style="138" customWidth="1"/>
    <col min="51" max="55" width="8.21875" style="138" customWidth="1"/>
    <col min="56" max="57" width="9.33203125" style="138" customWidth="1"/>
    <col min="58" max="60" width="8.21875" style="138" customWidth="1"/>
    <col min="61" max="61" width="6.88671875" style="138" customWidth="1"/>
    <col min="62" max="71" width="8.21875" style="138" customWidth="1"/>
    <col min="72" max="72" width="7.21875" style="138" customWidth="1"/>
    <col min="73" max="79" width="8.21875" style="138" customWidth="1"/>
    <col min="80" max="82" width="8.21875" style="263" customWidth="1"/>
    <col min="83" max="83" width="7.6640625" style="263" customWidth="1"/>
    <col min="84" max="84" width="9.88671875" style="263" customWidth="1"/>
    <col min="85" max="85" width="10" style="263" customWidth="1"/>
    <col min="86" max="86" width="9.77734375" style="263" customWidth="1"/>
    <col min="87" max="87" width="9.21875" style="263" customWidth="1"/>
    <col min="88" max="88" width="8.77734375" style="263" customWidth="1"/>
    <col min="89" max="89" width="9.88671875" style="263" customWidth="1"/>
    <col min="90" max="90" width="9.77734375" style="263" customWidth="1"/>
    <col min="91" max="93" width="8.21875" style="138" customWidth="1"/>
    <col min="94" max="94" width="7.33203125" style="138" customWidth="1"/>
    <col min="95" max="95" width="9.88671875" style="138" bestFit="1" customWidth="1"/>
    <col min="96" max="96" width="10" style="138" customWidth="1"/>
    <col min="97" max="97" width="9.6640625" style="138" customWidth="1"/>
    <col min="98" max="99" width="8.21875" style="138" customWidth="1"/>
    <col min="100" max="101" width="9.88671875" style="138" customWidth="1"/>
    <col min="102" max="104" width="8.21875" style="138" customWidth="1"/>
    <col min="105" max="105" width="7.44140625" style="138" customWidth="1"/>
    <col min="106" max="110" width="8.21875" style="138" customWidth="1"/>
    <col min="111" max="111" width="10" style="138" customWidth="1"/>
    <col min="112" max="112" width="9.88671875" style="138" customWidth="1"/>
    <col min="113" max="115" width="8.21875" style="263" customWidth="1"/>
    <col min="116" max="116" width="7.21875" style="263" customWidth="1"/>
    <col min="117" max="121" width="8.21875" style="263" customWidth="1"/>
    <col min="122" max="122" width="10.109375" style="263" customWidth="1"/>
    <col min="123" max="123" width="9.77734375" style="263" customWidth="1"/>
    <col min="124" max="126" width="8.21875" style="138" customWidth="1"/>
    <col min="127" max="127" width="7.33203125" style="138" customWidth="1"/>
    <col min="128" max="132" width="8.21875" style="138" customWidth="1"/>
    <col min="133" max="133" width="10.33203125" style="138" customWidth="1"/>
    <col min="134" max="134" width="10.109375" style="138" customWidth="1"/>
    <col min="135" max="137" width="8.21875" style="138" customWidth="1"/>
    <col min="138" max="138" width="7.109375" style="138" customWidth="1"/>
    <col min="139" max="148" width="8.21875" style="138" customWidth="1"/>
    <col min="149" max="149" width="7.21875" style="138" customWidth="1"/>
    <col min="150" max="159" width="8.21875" style="138" customWidth="1"/>
    <col min="160" max="160" width="7.21875" style="138" customWidth="1"/>
    <col min="161" max="167" width="8.21875" style="138" customWidth="1"/>
    <col min="168" max="170" width="8.21875" style="263" customWidth="1"/>
    <col min="171" max="171" width="6.6640625" style="263" customWidth="1"/>
    <col min="172" max="176" width="8.21875" style="263" customWidth="1"/>
    <col min="177" max="177" width="10.109375" style="263" customWidth="1"/>
    <col min="178" max="178" width="9.88671875" style="263" customWidth="1"/>
    <col min="179" max="181" width="8.21875" style="138" customWidth="1"/>
    <col min="182" max="182" width="7.33203125" style="138" customWidth="1"/>
    <col min="183" max="187" width="8.21875" style="138" customWidth="1"/>
    <col min="188" max="188" width="10" style="138" customWidth="1"/>
    <col min="189" max="189" width="10.6640625" style="138" customWidth="1"/>
    <col min="190" max="192" width="8.21875" style="138" customWidth="1"/>
    <col min="193" max="193" width="7.21875" style="138" customWidth="1"/>
    <col min="194" max="203" width="8.21875" style="138" customWidth="1"/>
    <col min="204" max="204" width="7.109375" style="138" customWidth="1"/>
    <col min="205" max="214" width="8.21875" style="138" customWidth="1"/>
    <col min="215" max="215" width="7.109375" style="138" customWidth="1"/>
    <col min="216" max="220" width="8.21875" style="138" customWidth="1"/>
    <col min="221" max="222" width="9.77734375" style="138" customWidth="1"/>
    <col min="223" max="225" width="8.21875" style="138" customWidth="1"/>
    <col min="226" max="226" width="7.21875" style="138" customWidth="1"/>
    <col min="227" max="231" width="8.21875" style="138" customWidth="1"/>
    <col min="232" max="233" width="10" style="138" customWidth="1"/>
    <col min="234" max="235" width="7.44140625" style="263" customWidth="1"/>
    <col min="236" max="236" width="9.33203125" style="263" customWidth="1"/>
    <col min="237" max="237" width="7.44140625" style="263" customWidth="1"/>
    <col min="238" max="244" width="10.109375" style="263" customWidth="1"/>
    <col min="245" max="247" width="10.109375" style="138" customWidth="1"/>
    <col min="248" max="248" width="7.109375" style="138" customWidth="1"/>
    <col min="249" max="258" width="10.109375" style="138" customWidth="1"/>
    <col min="259" max="259" width="7.33203125" style="138" customWidth="1"/>
    <col min="260" max="269" width="10.109375" style="138" customWidth="1"/>
    <col min="270" max="270" width="7.21875" style="138" customWidth="1"/>
    <col min="271" max="280" width="10.109375" style="138" customWidth="1"/>
    <col min="281" max="281" width="7.6640625" style="138" customWidth="1"/>
    <col min="282" max="291" width="10.109375" style="138" customWidth="1"/>
    <col min="292" max="292" width="6.33203125" style="138" customWidth="1"/>
    <col min="293" max="302" width="10.109375" style="138" customWidth="1"/>
    <col min="303" max="303" width="7.44140625" style="138" customWidth="1"/>
    <col min="304" max="310" width="10.109375" style="138" customWidth="1"/>
    <col min="311" max="313" width="10.109375" style="263" customWidth="1"/>
    <col min="314" max="314" width="7.109375" style="263" customWidth="1"/>
    <col min="315" max="324" width="10.109375" style="263" customWidth="1"/>
    <col min="325" max="325" width="7.44140625" style="263" customWidth="1"/>
    <col min="326" max="335" width="10.109375" style="263" customWidth="1"/>
    <col min="336" max="336" width="6.88671875" style="263" customWidth="1"/>
    <col min="337" max="343" width="10.109375" style="263" customWidth="1"/>
    <col min="344" max="346" width="10.109375" style="138" customWidth="1"/>
    <col min="347" max="347" width="7.21875" style="138" customWidth="1"/>
    <col min="348" max="357" width="10.109375" style="138" customWidth="1"/>
    <col min="358" max="358" width="7.21875" style="138" customWidth="1"/>
    <col min="359" max="368" width="10.109375" style="138" customWidth="1"/>
    <col min="369" max="369" width="7" style="138" customWidth="1"/>
    <col min="370" max="379" width="10.109375" style="138" customWidth="1"/>
    <col min="380" max="380" width="6.88671875" style="138" customWidth="1"/>
    <col min="381" max="385" width="10.109375" style="138" customWidth="1"/>
    <col min="386" max="387" width="10.33203125" style="138" customWidth="1"/>
    <col min="388" max="390" width="10.109375" style="138" customWidth="1"/>
    <col min="391" max="391" width="6.88671875" style="138" customWidth="1"/>
    <col min="392" max="396" width="10.109375" style="138" customWidth="1"/>
    <col min="397" max="398" width="10.33203125" style="138" customWidth="1"/>
    <col min="399" max="401" width="9.21875" style="138" customWidth="1"/>
    <col min="402" max="402" width="7" style="138" customWidth="1"/>
    <col min="403" max="404" width="9.21875" style="138" customWidth="1"/>
    <col min="405" max="405" width="10.44140625" style="138" customWidth="1"/>
    <col min="406" max="406" width="12.109375" style="138" customWidth="1"/>
    <col min="407" max="407" width="10.109375" style="138" customWidth="1"/>
    <col min="408" max="409" width="10.33203125" style="138" customWidth="1"/>
    <col min="410" max="16384" width="8.21875" style="138"/>
  </cols>
  <sheetData>
    <row r="1" spans="1:409" ht="24" customHeight="1" x14ac:dyDescent="0.2">
      <c r="B1" s="10" t="s">
        <v>133</v>
      </c>
      <c r="E1" s="127">
        <f>第１表!F2</f>
        <v>6</v>
      </c>
      <c r="F1" s="41">
        <f>第１表!G2</f>
        <v>4</v>
      </c>
      <c r="G1" s="605">
        <f>IF(F1&lt;3,F1-2+12,F1-2)</f>
        <v>2</v>
      </c>
      <c r="H1" s="605"/>
      <c r="IB1" s="102"/>
      <c r="IC1" s="47"/>
      <c r="ID1" s="580"/>
      <c r="IE1" s="580"/>
    </row>
    <row r="2" spans="1:409" ht="24" customHeight="1" x14ac:dyDescent="0.2">
      <c r="B2" s="10" t="s">
        <v>144</v>
      </c>
      <c r="E2" s="44"/>
      <c r="F2" s="45"/>
      <c r="G2" s="264"/>
      <c r="H2" s="264"/>
      <c r="IB2" s="46"/>
      <c r="IC2" s="47"/>
      <c r="ID2" s="264"/>
      <c r="IE2" s="264"/>
    </row>
    <row r="3" spans="1:409" ht="24" customHeight="1" thickBot="1" x14ac:dyDescent="0.25">
      <c r="B3" s="10" t="s">
        <v>134</v>
      </c>
    </row>
    <row r="4" spans="1:409" ht="21" customHeight="1" thickBot="1" x14ac:dyDescent="0.25">
      <c r="B4" s="587" t="s">
        <v>42</v>
      </c>
      <c r="C4" s="590" t="s">
        <v>63</v>
      </c>
      <c r="D4" s="590"/>
      <c r="E4" s="590"/>
      <c r="F4" s="590"/>
      <c r="G4" s="590"/>
      <c r="H4" s="590"/>
      <c r="I4" s="590"/>
      <c r="J4" s="590"/>
      <c r="K4" s="590"/>
      <c r="L4" s="590"/>
      <c r="M4" s="590"/>
      <c r="N4" s="553"/>
      <c r="O4" s="553"/>
      <c r="P4" s="553"/>
      <c r="Q4" s="553"/>
      <c r="R4" s="553"/>
      <c r="S4" s="553"/>
      <c r="T4" s="553"/>
      <c r="U4" s="553"/>
      <c r="V4" s="553"/>
      <c r="W4" s="553"/>
      <c r="X4" s="553"/>
      <c r="Y4" s="553"/>
      <c r="Z4" s="553"/>
      <c r="AA4" s="553"/>
      <c r="AB4" s="553"/>
      <c r="AC4" s="553"/>
      <c r="AD4" s="553"/>
      <c r="AE4" s="553"/>
      <c r="AF4" s="553"/>
      <c r="AG4" s="553"/>
      <c r="AH4" s="553"/>
      <c r="AI4" s="553"/>
      <c r="AJ4" s="553"/>
      <c r="AK4" s="553"/>
      <c r="AL4" s="553"/>
      <c r="AM4" s="553"/>
      <c r="AN4" s="553"/>
      <c r="AO4" s="553"/>
      <c r="AP4" s="553"/>
      <c r="AQ4" s="553"/>
      <c r="AR4" s="553"/>
      <c r="AS4" s="553"/>
      <c r="AT4" s="553"/>
      <c r="AU4" s="553"/>
      <c r="AV4" s="553"/>
      <c r="AW4" s="553"/>
      <c r="AX4" s="553"/>
      <c r="AY4" s="553"/>
      <c r="AZ4" s="553"/>
      <c r="BA4" s="553"/>
      <c r="BB4" s="553"/>
      <c r="BC4" s="553"/>
      <c r="BD4" s="553"/>
      <c r="BE4" s="553"/>
      <c r="BF4" s="553"/>
      <c r="BG4" s="553"/>
      <c r="BH4" s="553"/>
      <c r="BI4" s="553"/>
      <c r="BJ4" s="553"/>
      <c r="BK4" s="553"/>
      <c r="BL4" s="553"/>
      <c r="BM4" s="553"/>
      <c r="BN4" s="553"/>
      <c r="BO4" s="553"/>
      <c r="BP4" s="553"/>
      <c r="BQ4" s="553"/>
      <c r="BR4" s="553"/>
      <c r="BS4" s="553"/>
      <c r="BT4" s="553"/>
      <c r="BU4" s="553"/>
      <c r="BV4" s="553"/>
      <c r="BW4" s="553"/>
      <c r="BX4" s="553"/>
      <c r="BY4" s="553"/>
      <c r="BZ4" s="553"/>
      <c r="CA4" s="553"/>
      <c r="CB4" s="553"/>
      <c r="CC4" s="553"/>
      <c r="CD4" s="553"/>
      <c r="CE4" s="553"/>
      <c r="CF4" s="553"/>
      <c r="CG4" s="553"/>
      <c r="CH4" s="553"/>
      <c r="CI4" s="553"/>
      <c r="CJ4" s="553"/>
      <c r="CK4" s="553"/>
      <c r="CL4" s="553"/>
      <c r="CM4" s="553"/>
      <c r="CN4" s="553"/>
      <c r="CO4" s="553"/>
      <c r="CP4" s="553"/>
      <c r="CQ4" s="553"/>
      <c r="CR4" s="553"/>
      <c r="CS4" s="553"/>
      <c r="CT4" s="553"/>
      <c r="CU4" s="553"/>
      <c r="CV4" s="553"/>
      <c r="CW4" s="553"/>
      <c r="CX4" s="553"/>
      <c r="CY4" s="553"/>
      <c r="CZ4" s="553"/>
      <c r="DA4" s="553"/>
      <c r="DB4" s="553"/>
      <c r="DC4" s="553"/>
      <c r="DD4" s="553"/>
      <c r="DE4" s="553"/>
      <c r="DF4" s="553"/>
      <c r="DG4" s="553"/>
      <c r="DH4" s="553"/>
      <c r="DI4" s="553"/>
      <c r="DJ4" s="553"/>
      <c r="DK4" s="553"/>
      <c r="DL4" s="553"/>
      <c r="DM4" s="553"/>
      <c r="DN4" s="553"/>
      <c r="DO4" s="553"/>
      <c r="DP4" s="553"/>
      <c r="DQ4" s="553"/>
      <c r="DR4" s="553"/>
      <c r="DS4" s="553"/>
      <c r="DT4" s="553"/>
      <c r="DU4" s="553"/>
      <c r="DV4" s="553"/>
      <c r="DW4" s="553"/>
      <c r="DX4" s="553"/>
      <c r="DY4" s="553"/>
      <c r="DZ4" s="553"/>
      <c r="EA4" s="553"/>
      <c r="EB4" s="553"/>
      <c r="EC4" s="553"/>
      <c r="ED4" s="553"/>
      <c r="EE4" s="553"/>
      <c r="EF4" s="553"/>
      <c r="EG4" s="553"/>
      <c r="EH4" s="553"/>
      <c r="EI4" s="553"/>
      <c r="EJ4" s="553"/>
      <c r="EK4" s="553"/>
      <c r="EL4" s="553"/>
      <c r="EM4" s="553"/>
      <c r="EN4" s="553"/>
      <c r="EO4" s="553"/>
      <c r="EP4" s="553"/>
      <c r="EQ4" s="553"/>
      <c r="ER4" s="553"/>
      <c r="ES4" s="553"/>
      <c r="ET4" s="553"/>
      <c r="EU4" s="553"/>
      <c r="EV4" s="553"/>
      <c r="EW4" s="553"/>
      <c r="EX4" s="553"/>
      <c r="EY4" s="553"/>
      <c r="EZ4" s="553"/>
      <c r="FA4" s="553"/>
      <c r="FB4" s="553"/>
      <c r="FC4" s="553"/>
      <c r="FD4" s="553"/>
      <c r="FE4" s="553"/>
      <c r="FF4" s="553"/>
      <c r="FG4" s="553"/>
      <c r="FH4" s="553"/>
      <c r="FI4" s="553"/>
      <c r="FJ4" s="553"/>
      <c r="FK4" s="553"/>
      <c r="FL4" s="553"/>
      <c r="FM4" s="553"/>
      <c r="FN4" s="553"/>
      <c r="FO4" s="553"/>
      <c r="FP4" s="553"/>
      <c r="FQ4" s="553"/>
      <c r="FR4" s="553"/>
      <c r="FS4" s="553"/>
      <c r="FT4" s="553"/>
      <c r="FU4" s="553"/>
      <c r="FV4" s="553"/>
      <c r="FW4" s="553"/>
      <c r="FX4" s="553"/>
      <c r="FY4" s="553"/>
      <c r="FZ4" s="553"/>
      <c r="GA4" s="553"/>
      <c r="GB4" s="553"/>
      <c r="GC4" s="553"/>
      <c r="GD4" s="553"/>
      <c r="GE4" s="553"/>
      <c r="GF4" s="553"/>
      <c r="GG4" s="553"/>
      <c r="GH4" s="553"/>
      <c r="GI4" s="553"/>
      <c r="GJ4" s="553"/>
      <c r="GK4" s="553"/>
      <c r="GL4" s="553"/>
      <c r="GM4" s="553"/>
      <c r="GN4" s="553"/>
      <c r="GO4" s="553"/>
      <c r="GP4" s="553"/>
      <c r="GQ4" s="553"/>
      <c r="GR4" s="553"/>
      <c r="GS4" s="553"/>
      <c r="GT4" s="553"/>
      <c r="GU4" s="553"/>
      <c r="GV4" s="553"/>
      <c r="GW4" s="553"/>
      <c r="GX4" s="553"/>
      <c r="GY4" s="553"/>
      <c r="GZ4" s="553"/>
      <c r="HA4" s="553"/>
      <c r="HB4" s="553"/>
      <c r="HC4" s="553"/>
      <c r="HD4" s="553"/>
      <c r="HE4" s="553"/>
      <c r="HF4" s="553"/>
      <c r="HG4" s="553"/>
      <c r="HH4" s="553"/>
      <c r="HI4" s="553"/>
      <c r="HJ4" s="553"/>
      <c r="HK4" s="553"/>
      <c r="HL4" s="553"/>
      <c r="HM4" s="553"/>
      <c r="HN4" s="553"/>
      <c r="HO4" s="553"/>
      <c r="HP4" s="553"/>
      <c r="HQ4" s="553"/>
      <c r="HR4" s="553"/>
      <c r="HS4" s="553"/>
      <c r="HT4" s="553"/>
      <c r="HU4" s="553"/>
      <c r="HV4" s="553"/>
      <c r="HW4" s="553"/>
      <c r="HX4" s="553"/>
      <c r="HY4" s="554"/>
      <c r="HZ4" s="447" t="s">
        <v>85</v>
      </c>
      <c r="IA4" s="448"/>
      <c r="IB4" s="448"/>
      <c r="IC4" s="448"/>
      <c r="ID4" s="448"/>
      <c r="IE4" s="448"/>
      <c r="IF4" s="448"/>
      <c r="IG4" s="448"/>
      <c r="IH4" s="448"/>
      <c r="II4" s="448"/>
      <c r="IJ4" s="448"/>
      <c r="IK4" s="448"/>
      <c r="IL4" s="448"/>
      <c r="IM4" s="448"/>
      <c r="IN4" s="448"/>
      <c r="IO4" s="448"/>
      <c r="IP4" s="448"/>
      <c r="IQ4" s="448"/>
      <c r="IR4" s="448"/>
      <c r="IS4" s="448"/>
      <c r="IT4" s="448"/>
      <c r="IU4" s="448"/>
      <c r="IV4" s="448"/>
      <c r="IW4" s="448"/>
      <c r="IX4" s="448"/>
      <c r="IY4" s="448"/>
      <c r="IZ4" s="448"/>
      <c r="JA4" s="448"/>
      <c r="JB4" s="448"/>
      <c r="JC4" s="448"/>
      <c r="JD4" s="448"/>
      <c r="JE4" s="448"/>
      <c r="JF4" s="448"/>
      <c r="JG4" s="448"/>
      <c r="JH4" s="448"/>
      <c r="JI4" s="448"/>
      <c r="JJ4" s="448"/>
      <c r="JK4" s="448"/>
      <c r="JL4" s="448"/>
      <c r="JM4" s="448"/>
      <c r="JN4" s="448"/>
      <c r="JO4" s="448"/>
      <c r="JP4" s="448"/>
      <c r="JQ4" s="448"/>
      <c r="JR4" s="448"/>
      <c r="JS4" s="448"/>
      <c r="JT4" s="448"/>
      <c r="JU4" s="448"/>
      <c r="JV4" s="448"/>
      <c r="JW4" s="448"/>
      <c r="JX4" s="448"/>
      <c r="JY4" s="448"/>
      <c r="JZ4" s="448"/>
      <c r="KA4" s="448"/>
      <c r="KB4" s="448"/>
      <c r="KC4" s="448"/>
      <c r="KD4" s="448"/>
      <c r="KE4" s="448"/>
      <c r="KF4" s="448"/>
      <c r="KG4" s="448"/>
      <c r="KH4" s="448"/>
      <c r="KI4" s="448"/>
      <c r="KJ4" s="448"/>
      <c r="KK4" s="448"/>
      <c r="KL4" s="448"/>
      <c r="KM4" s="448"/>
      <c r="KN4" s="448"/>
      <c r="KO4" s="448"/>
      <c r="KP4" s="448"/>
      <c r="KQ4" s="448"/>
      <c r="KR4" s="448"/>
      <c r="KS4" s="448"/>
      <c r="KT4" s="448"/>
      <c r="KU4" s="448"/>
      <c r="KV4" s="448"/>
      <c r="KW4" s="448"/>
      <c r="KX4" s="448"/>
      <c r="KY4" s="448"/>
      <c r="KZ4" s="448"/>
      <c r="LA4" s="448"/>
      <c r="LB4" s="448"/>
      <c r="LC4" s="448"/>
      <c r="LD4" s="448"/>
      <c r="LE4" s="448"/>
      <c r="LF4" s="448"/>
      <c r="LG4" s="448"/>
      <c r="LH4" s="448"/>
      <c r="LI4" s="448"/>
      <c r="LJ4" s="448"/>
      <c r="LK4" s="448"/>
      <c r="LL4" s="448"/>
      <c r="LM4" s="448"/>
      <c r="LN4" s="448"/>
      <c r="LO4" s="448"/>
      <c r="LP4" s="448"/>
      <c r="LQ4" s="448"/>
      <c r="LR4" s="448"/>
      <c r="LS4" s="448"/>
      <c r="LT4" s="448"/>
      <c r="LU4" s="448"/>
      <c r="LV4" s="448"/>
      <c r="LW4" s="448"/>
      <c r="LX4" s="448"/>
      <c r="LY4" s="448"/>
      <c r="LZ4" s="448"/>
      <c r="MA4" s="448"/>
      <c r="MB4" s="448"/>
      <c r="MC4" s="448"/>
      <c r="MD4" s="448"/>
      <c r="ME4" s="449"/>
      <c r="MF4" s="447" t="s">
        <v>86</v>
      </c>
      <c r="MG4" s="448"/>
      <c r="MH4" s="448"/>
      <c r="MI4" s="448"/>
      <c r="MJ4" s="448"/>
      <c r="MK4" s="448"/>
      <c r="ML4" s="448"/>
      <c r="MM4" s="448"/>
      <c r="MN4" s="448"/>
      <c r="MO4" s="448"/>
      <c r="MP4" s="448"/>
      <c r="MQ4" s="448"/>
      <c r="MR4" s="448"/>
      <c r="MS4" s="448"/>
      <c r="MT4" s="448"/>
      <c r="MU4" s="448"/>
      <c r="MV4" s="448"/>
      <c r="MW4" s="448"/>
      <c r="MX4" s="448"/>
      <c r="MY4" s="448"/>
      <c r="MZ4" s="448"/>
      <c r="NA4" s="448"/>
      <c r="NB4" s="448"/>
      <c r="NC4" s="448"/>
      <c r="ND4" s="448"/>
      <c r="NE4" s="448"/>
      <c r="NF4" s="448"/>
      <c r="NG4" s="448"/>
      <c r="NH4" s="448"/>
      <c r="NI4" s="448"/>
      <c r="NJ4" s="448"/>
      <c r="NK4" s="448"/>
      <c r="NL4" s="448"/>
      <c r="NM4" s="448"/>
      <c r="NN4" s="448"/>
      <c r="NO4" s="448"/>
      <c r="NP4" s="448"/>
      <c r="NQ4" s="448"/>
      <c r="NR4" s="448"/>
      <c r="NS4" s="448"/>
      <c r="NT4" s="448"/>
      <c r="NU4" s="448"/>
      <c r="NV4" s="448"/>
      <c r="NW4" s="448"/>
      <c r="NX4" s="448"/>
      <c r="NY4" s="448"/>
      <c r="NZ4" s="448"/>
      <c r="OA4" s="448"/>
      <c r="OB4" s="448"/>
      <c r="OC4" s="448"/>
      <c r="OD4" s="448"/>
      <c r="OE4" s="448"/>
      <c r="OF4" s="448"/>
      <c r="OG4" s="448"/>
      <c r="OH4" s="449"/>
      <c r="OI4" s="450" t="s">
        <v>60</v>
      </c>
      <c r="OJ4" s="451"/>
      <c r="OK4" s="451"/>
      <c r="OL4" s="451"/>
      <c r="OM4" s="451"/>
      <c r="ON4" s="451"/>
      <c r="OO4" s="451"/>
      <c r="OP4" s="451"/>
      <c r="OQ4" s="451"/>
      <c r="OR4" s="451"/>
      <c r="OS4" s="452"/>
    </row>
    <row r="5" spans="1:409" ht="21" customHeight="1" thickBot="1" x14ac:dyDescent="0.25">
      <c r="B5" s="588"/>
      <c r="C5" s="591"/>
      <c r="D5" s="591"/>
      <c r="E5" s="591"/>
      <c r="F5" s="591"/>
      <c r="G5" s="591"/>
      <c r="H5" s="591"/>
      <c r="I5" s="591"/>
      <c r="J5" s="591"/>
      <c r="K5" s="591"/>
      <c r="L5" s="591"/>
      <c r="M5" s="591"/>
      <c r="N5" s="593" t="s">
        <v>64</v>
      </c>
      <c r="O5" s="594"/>
      <c r="P5" s="594"/>
      <c r="Q5" s="594"/>
      <c r="R5" s="594"/>
      <c r="S5" s="594"/>
      <c r="T5" s="594"/>
      <c r="U5" s="594"/>
      <c r="V5" s="594"/>
      <c r="W5" s="594"/>
      <c r="X5" s="594"/>
      <c r="Y5" s="594"/>
      <c r="Z5" s="594"/>
      <c r="AA5" s="594"/>
      <c r="AB5" s="594"/>
      <c r="AC5" s="594"/>
      <c r="AD5" s="594"/>
      <c r="AE5" s="594"/>
      <c r="AF5" s="594"/>
      <c r="AG5" s="594"/>
      <c r="AH5" s="594"/>
      <c r="AI5" s="594"/>
      <c r="AJ5" s="594"/>
      <c r="AK5" s="594"/>
      <c r="AL5" s="594"/>
      <c r="AM5" s="594"/>
      <c r="AN5" s="594"/>
      <c r="AO5" s="594"/>
      <c r="AP5" s="594"/>
      <c r="AQ5" s="594"/>
      <c r="AR5" s="594"/>
      <c r="AS5" s="594"/>
      <c r="AT5" s="594"/>
      <c r="AU5" s="594"/>
      <c r="AV5" s="594"/>
      <c r="AW5" s="594"/>
      <c r="AX5" s="594"/>
      <c r="AY5" s="594"/>
      <c r="AZ5" s="594"/>
      <c r="BA5" s="594"/>
      <c r="BB5" s="594"/>
      <c r="BC5" s="594"/>
      <c r="BD5" s="594"/>
      <c r="BE5" s="594"/>
      <c r="BF5" s="594"/>
      <c r="BG5" s="594"/>
      <c r="BH5" s="594"/>
      <c r="BI5" s="594"/>
      <c r="BJ5" s="594"/>
      <c r="BK5" s="594"/>
      <c r="BL5" s="594"/>
      <c r="BM5" s="594"/>
      <c r="BN5" s="594"/>
      <c r="BO5" s="594"/>
      <c r="BP5" s="594"/>
      <c r="BQ5" s="594"/>
      <c r="BR5" s="594"/>
      <c r="BS5" s="594"/>
      <c r="BT5" s="594"/>
      <c r="BU5" s="594"/>
      <c r="BV5" s="594"/>
      <c r="BW5" s="594"/>
      <c r="BX5" s="594"/>
      <c r="BY5" s="594"/>
      <c r="BZ5" s="594"/>
      <c r="CA5" s="595"/>
      <c r="CB5" s="593" t="s">
        <v>65</v>
      </c>
      <c r="CC5" s="594"/>
      <c r="CD5" s="594"/>
      <c r="CE5" s="594"/>
      <c r="CF5" s="594"/>
      <c r="CG5" s="594"/>
      <c r="CH5" s="594"/>
      <c r="CI5" s="594"/>
      <c r="CJ5" s="594"/>
      <c r="CK5" s="594"/>
      <c r="CL5" s="594"/>
      <c r="CM5" s="594"/>
      <c r="CN5" s="594"/>
      <c r="CO5" s="594"/>
      <c r="CP5" s="594"/>
      <c r="CQ5" s="594"/>
      <c r="CR5" s="594"/>
      <c r="CS5" s="594"/>
      <c r="CT5" s="594"/>
      <c r="CU5" s="594"/>
      <c r="CV5" s="594"/>
      <c r="CW5" s="594"/>
      <c r="CX5" s="594"/>
      <c r="CY5" s="594"/>
      <c r="CZ5" s="594"/>
      <c r="DA5" s="594"/>
      <c r="DB5" s="594"/>
      <c r="DC5" s="594"/>
      <c r="DD5" s="594"/>
      <c r="DE5" s="594"/>
      <c r="DF5" s="594"/>
      <c r="DG5" s="594"/>
      <c r="DH5" s="595"/>
      <c r="DI5" s="447" t="s">
        <v>66</v>
      </c>
      <c r="DJ5" s="448"/>
      <c r="DK5" s="448"/>
      <c r="DL5" s="448"/>
      <c r="DM5" s="448"/>
      <c r="DN5" s="448"/>
      <c r="DO5" s="448"/>
      <c r="DP5" s="448"/>
      <c r="DQ5" s="448"/>
      <c r="DR5" s="448"/>
      <c r="DS5" s="448"/>
      <c r="DT5" s="448"/>
      <c r="DU5" s="448"/>
      <c r="DV5" s="448"/>
      <c r="DW5" s="448"/>
      <c r="DX5" s="448"/>
      <c r="DY5" s="448"/>
      <c r="DZ5" s="448"/>
      <c r="EA5" s="448"/>
      <c r="EB5" s="448"/>
      <c r="EC5" s="448"/>
      <c r="ED5" s="448"/>
      <c r="EE5" s="448"/>
      <c r="EF5" s="448"/>
      <c r="EG5" s="448"/>
      <c r="EH5" s="448"/>
      <c r="EI5" s="448"/>
      <c r="EJ5" s="448"/>
      <c r="EK5" s="448"/>
      <c r="EL5" s="448"/>
      <c r="EM5" s="448"/>
      <c r="EN5" s="448"/>
      <c r="EO5" s="448"/>
      <c r="EP5" s="448"/>
      <c r="EQ5" s="448"/>
      <c r="ER5" s="448"/>
      <c r="ES5" s="448"/>
      <c r="ET5" s="448"/>
      <c r="EU5" s="448"/>
      <c r="EV5" s="448"/>
      <c r="EW5" s="448"/>
      <c r="EX5" s="448"/>
      <c r="EY5" s="448"/>
      <c r="EZ5" s="448"/>
      <c r="FA5" s="448"/>
      <c r="FB5" s="448"/>
      <c r="FC5" s="448"/>
      <c r="FD5" s="448"/>
      <c r="FE5" s="448"/>
      <c r="FF5" s="448"/>
      <c r="FG5" s="448"/>
      <c r="FH5" s="448"/>
      <c r="FI5" s="448"/>
      <c r="FJ5" s="448"/>
      <c r="FK5" s="449"/>
      <c r="FL5" s="593" t="s">
        <v>67</v>
      </c>
      <c r="FM5" s="594"/>
      <c r="FN5" s="594"/>
      <c r="FO5" s="594"/>
      <c r="FP5" s="594"/>
      <c r="FQ5" s="594"/>
      <c r="FR5" s="594"/>
      <c r="FS5" s="594"/>
      <c r="FT5" s="594"/>
      <c r="FU5" s="594"/>
      <c r="FV5" s="594"/>
      <c r="FW5" s="594"/>
      <c r="FX5" s="594"/>
      <c r="FY5" s="594"/>
      <c r="FZ5" s="594"/>
      <c r="GA5" s="594"/>
      <c r="GB5" s="594"/>
      <c r="GC5" s="594"/>
      <c r="GD5" s="594"/>
      <c r="GE5" s="594"/>
      <c r="GF5" s="594"/>
      <c r="GG5" s="594"/>
      <c r="GH5" s="594"/>
      <c r="GI5" s="594"/>
      <c r="GJ5" s="594"/>
      <c r="GK5" s="594"/>
      <c r="GL5" s="594"/>
      <c r="GM5" s="594"/>
      <c r="GN5" s="594"/>
      <c r="GO5" s="594"/>
      <c r="GP5" s="594"/>
      <c r="GQ5" s="594"/>
      <c r="GR5" s="594"/>
      <c r="GS5" s="594"/>
      <c r="GT5" s="594"/>
      <c r="GU5" s="594"/>
      <c r="GV5" s="594"/>
      <c r="GW5" s="594"/>
      <c r="GX5" s="594"/>
      <c r="GY5" s="594"/>
      <c r="GZ5" s="594"/>
      <c r="HA5" s="594"/>
      <c r="HB5" s="594"/>
      <c r="HC5" s="595"/>
      <c r="HD5" s="596" t="s">
        <v>68</v>
      </c>
      <c r="HE5" s="597"/>
      <c r="HF5" s="597"/>
      <c r="HG5" s="597"/>
      <c r="HH5" s="597"/>
      <c r="HI5" s="597"/>
      <c r="HJ5" s="597"/>
      <c r="HK5" s="597"/>
      <c r="HL5" s="597"/>
      <c r="HM5" s="597"/>
      <c r="HN5" s="598"/>
      <c r="HO5" s="596" t="s">
        <v>69</v>
      </c>
      <c r="HP5" s="597"/>
      <c r="HQ5" s="597"/>
      <c r="HR5" s="597"/>
      <c r="HS5" s="597"/>
      <c r="HT5" s="597"/>
      <c r="HU5" s="597"/>
      <c r="HV5" s="597"/>
      <c r="HW5" s="597"/>
      <c r="HX5" s="597"/>
      <c r="HY5" s="598"/>
      <c r="HZ5" s="571"/>
      <c r="IA5" s="572"/>
      <c r="IB5" s="572"/>
      <c r="IC5" s="572"/>
      <c r="ID5" s="572"/>
      <c r="IE5" s="572"/>
      <c r="IF5" s="572"/>
      <c r="IG5" s="572"/>
      <c r="IH5" s="572"/>
      <c r="II5" s="572"/>
      <c r="IJ5" s="573"/>
      <c r="IK5" s="450" t="s">
        <v>94</v>
      </c>
      <c r="IL5" s="451"/>
      <c r="IM5" s="451"/>
      <c r="IN5" s="451"/>
      <c r="IO5" s="451"/>
      <c r="IP5" s="451"/>
      <c r="IQ5" s="451"/>
      <c r="IR5" s="451"/>
      <c r="IS5" s="451"/>
      <c r="IT5" s="451"/>
      <c r="IU5" s="452"/>
      <c r="IV5" s="450" t="s">
        <v>88</v>
      </c>
      <c r="IW5" s="451"/>
      <c r="IX5" s="451"/>
      <c r="IY5" s="451"/>
      <c r="IZ5" s="451"/>
      <c r="JA5" s="451"/>
      <c r="JB5" s="451"/>
      <c r="JC5" s="451"/>
      <c r="JD5" s="451"/>
      <c r="JE5" s="451"/>
      <c r="JF5" s="452"/>
      <c r="JG5" s="450" t="s">
        <v>141</v>
      </c>
      <c r="JH5" s="451"/>
      <c r="JI5" s="451"/>
      <c r="JJ5" s="451"/>
      <c r="JK5" s="451"/>
      <c r="JL5" s="451"/>
      <c r="JM5" s="451"/>
      <c r="JN5" s="451"/>
      <c r="JO5" s="451"/>
      <c r="JP5" s="451"/>
      <c r="JQ5" s="452"/>
      <c r="JR5" s="450" t="s">
        <v>90</v>
      </c>
      <c r="JS5" s="451"/>
      <c r="JT5" s="451"/>
      <c r="JU5" s="451"/>
      <c r="JV5" s="451"/>
      <c r="JW5" s="451"/>
      <c r="JX5" s="451"/>
      <c r="JY5" s="451"/>
      <c r="JZ5" s="451"/>
      <c r="KA5" s="451"/>
      <c r="KB5" s="452"/>
      <c r="KC5" s="450" t="s">
        <v>89</v>
      </c>
      <c r="KD5" s="451"/>
      <c r="KE5" s="451"/>
      <c r="KF5" s="451"/>
      <c r="KG5" s="451"/>
      <c r="KH5" s="451"/>
      <c r="KI5" s="451"/>
      <c r="KJ5" s="451"/>
      <c r="KK5" s="451"/>
      <c r="KL5" s="451"/>
      <c r="KM5" s="452"/>
      <c r="KN5" s="450" t="s">
        <v>91</v>
      </c>
      <c r="KO5" s="451"/>
      <c r="KP5" s="451"/>
      <c r="KQ5" s="451"/>
      <c r="KR5" s="451"/>
      <c r="KS5" s="451"/>
      <c r="KT5" s="451"/>
      <c r="KU5" s="451"/>
      <c r="KV5" s="451"/>
      <c r="KW5" s="451"/>
      <c r="KX5" s="452"/>
      <c r="KY5" s="450" t="s">
        <v>92</v>
      </c>
      <c r="KZ5" s="451"/>
      <c r="LA5" s="451"/>
      <c r="LB5" s="451"/>
      <c r="LC5" s="451"/>
      <c r="LD5" s="451"/>
      <c r="LE5" s="451"/>
      <c r="LF5" s="451"/>
      <c r="LG5" s="451"/>
      <c r="LH5" s="451"/>
      <c r="LI5" s="452"/>
      <c r="LJ5" s="577" t="s">
        <v>93</v>
      </c>
      <c r="LK5" s="578"/>
      <c r="LL5" s="578"/>
      <c r="LM5" s="578"/>
      <c r="LN5" s="578"/>
      <c r="LO5" s="578"/>
      <c r="LP5" s="578"/>
      <c r="LQ5" s="578"/>
      <c r="LR5" s="578"/>
      <c r="LS5" s="578"/>
      <c r="LT5" s="579"/>
      <c r="LU5" s="577" t="s">
        <v>142</v>
      </c>
      <c r="LV5" s="578"/>
      <c r="LW5" s="578"/>
      <c r="LX5" s="578"/>
      <c r="LY5" s="578"/>
      <c r="LZ5" s="578"/>
      <c r="MA5" s="578"/>
      <c r="MB5" s="578"/>
      <c r="MC5" s="578"/>
      <c r="MD5" s="578"/>
      <c r="ME5" s="579"/>
      <c r="MF5" s="571"/>
      <c r="MG5" s="572"/>
      <c r="MH5" s="572"/>
      <c r="MI5" s="572"/>
      <c r="MJ5" s="572"/>
      <c r="MK5" s="572"/>
      <c r="ML5" s="572"/>
      <c r="MM5" s="572"/>
      <c r="MN5" s="572"/>
      <c r="MO5" s="572"/>
      <c r="MP5" s="573"/>
      <c r="MQ5" s="450" t="s">
        <v>57</v>
      </c>
      <c r="MR5" s="451"/>
      <c r="MS5" s="451"/>
      <c r="MT5" s="451"/>
      <c r="MU5" s="451"/>
      <c r="MV5" s="451"/>
      <c r="MW5" s="451"/>
      <c r="MX5" s="451"/>
      <c r="MY5" s="451"/>
      <c r="MZ5" s="451"/>
      <c r="NA5" s="452"/>
      <c r="NB5" s="450" t="s">
        <v>58</v>
      </c>
      <c r="NC5" s="451"/>
      <c r="ND5" s="451"/>
      <c r="NE5" s="451"/>
      <c r="NF5" s="451"/>
      <c r="NG5" s="451"/>
      <c r="NH5" s="451"/>
      <c r="NI5" s="451"/>
      <c r="NJ5" s="451"/>
      <c r="NK5" s="451"/>
      <c r="NL5" s="452"/>
      <c r="NM5" s="450" t="s">
        <v>59</v>
      </c>
      <c r="NN5" s="451"/>
      <c r="NO5" s="451"/>
      <c r="NP5" s="451"/>
      <c r="NQ5" s="451"/>
      <c r="NR5" s="451"/>
      <c r="NS5" s="451"/>
      <c r="NT5" s="451"/>
      <c r="NU5" s="451"/>
      <c r="NV5" s="451"/>
      <c r="NW5" s="452"/>
      <c r="NX5" s="450" t="s">
        <v>148</v>
      </c>
      <c r="NY5" s="451"/>
      <c r="NZ5" s="451"/>
      <c r="OA5" s="451"/>
      <c r="OB5" s="451"/>
      <c r="OC5" s="451"/>
      <c r="OD5" s="451"/>
      <c r="OE5" s="451"/>
      <c r="OF5" s="451"/>
      <c r="OG5" s="451"/>
      <c r="OH5" s="452"/>
      <c r="OI5" s="462"/>
      <c r="OJ5" s="569"/>
      <c r="OK5" s="569"/>
      <c r="OL5" s="569"/>
      <c r="OM5" s="569"/>
      <c r="ON5" s="569"/>
      <c r="OO5" s="569"/>
      <c r="OP5" s="569"/>
      <c r="OQ5" s="569"/>
      <c r="OR5" s="569"/>
      <c r="OS5" s="570"/>
    </row>
    <row r="6" spans="1:409" ht="21" customHeight="1" thickBot="1" x14ac:dyDescent="0.25">
      <c r="B6" s="588"/>
      <c r="C6" s="592"/>
      <c r="D6" s="592"/>
      <c r="E6" s="592"/>
      <c r="F6" s="592"/>
      <c r="G6" s="592"/>
      <c r="H6" s="592"/>
      <c r="I6" s="592"/>
      <c r="J6" s="592"/>
      <c r="K6" s="592"/>
      <c r="L6" s="592"/>
      <c r="M6" s="592"/>
      <c r="N6" s="456"/>
      <c r="O6" s="457"/>
      <c r="P6" s="457"/>
      <c r="Q6" s="457"/>
      <c r="R6" s="457"/>
      <c r="S6" s="457"/>
      <c r="T6" s="457"/>
      <c r="U6" s="457"/>
      <c r="V6" s="457"/>
      <c r="W6" s="457"/>
      <c r="X6" s="458"/>
      <c r="Y6" s="459" t="s">
        <v>70</v>
      </c>
      <c r="Z6" s="460"/>
      <c r="AA6" s="460"/>
      <c r="AB6" s="460"/>
      <c r="AC6" s="460"/>
      <c r="AD6" s="460"/>
      <c r="AE6" s="460"/>
      <c r="AF6" s="460"/>
      <c r="AG6" s="460"/>
      <c r="AH6" s="460"/>
      <c r="AI6" s="461"/>
      <c r="AJ6" s="606" t="s">
        <v>71</v>
      </c>
      <c r="AK6" s="607"/>
      <c r="AL6" s="607"/>
      <c r="AM6" s="607"/>
      <c r="AN6" s="607"/>
      <c r="AO6" s="607"/>
      <c r="AP6" s="607"/>
      <c r="AQ6" s="607"/>
      <c r="AR6" s="607"/>
      <c r="AS6" s="607"/>
      <c r="AT6" s="608"/>
      <c r="AU6" s="606" t="s">
        <v>72</v>
      </c>
      <c r="AV6" s="607"/>
      <c r="AW6" s="607"/>
      <c r="AX6" s="607"/>
      <c r="AY6" s="607"/>
      <c r="AZ6" s="607"/>
      <c r="BA6" s="607"/>
      <c r="BB6" s="607"/>
      <c r="BC6" s="607"/>
      <c r="BD6" s="607"/>
      <c r="BE6" s="608"/>
      <c r="BF6" s="606" t="s">
        <v>73</v>
      </c>
      <c r="BG6" s="607"/>
      <c r="BH6" s="607"/>
      <c r="BI6" s="607"/>
      <c r="BJ6" s="607"/>
      <c r="BK6" s="607"/>
      <c r="BL6" s="607"/>
      <c r="BM6" s="607"/>
      <c r="BN6" s="607"/>
      <c r="BO6" s="607"/>
      <c r="BP6" s="608"/>
      <c r="BQ6" s="606" t="s">
        <v>74</v>
      </c>
      <c r="BR6" s="607"/>
      <c r="BS6" s="607"/>
      <c r="BT6" s="607"/>
      <c r="BU6" s="607"/>
      <c r="BV6" s="607"/>
      <c r="BW6" s="607"/>
      <c r="BX6" s="607"/>
      <c r="BY6" s="607"/>
      <c r="BZ6" s="607"/>
      <c r="CA6" s="608"/>
      <c r="CB6" s="574"/>
      <c r="CC6" s="575"/>
      <c r="CD6" s="575"/>
      <c r="CE6" s="575"/>
      <c r="CF6" s="575"/>
      <c r="CG6" s="575"/>
      <c r="CH6" s="575"/>
      <c r="CI6" s="575"/>
      <c r="CJ6" s="575"/>
      <c r="CK6" s="575"/>
      <c r="CL6" s="576"/>
      <c r="CM6" s="606" t="s">
        <v>75</v>
      </c>
      <c r="CN6" s="607"/>
      <c r="CO6" s="607"/>
      <c r="CP6" s="607"/>
      <c r="CQ6" s="607"/>
      <c r="CR6" s="607"/>
      <c r="CS6" s="607"/>
      <c r="CT6" s="607"/>
      <c r="CU6" s="607"/>
      <c r="CV6" s="607"/>
      <c r="CW6" s="608"/>
      <c r="CX6" s="606" t="s">
        <v>76</v>
      </c>
      <c r="CY6" s="607"/>
      <c r="CZ6" s="607"/>
      <c r="DA6" s="607"/>
      <c r="DB6" s="607"/>
      <c r="DC6" s="607"/>
      <c r="DD6" s="607"/>
      <c r="DE6" s="607"/>
      <c r="DF6" s="607"/>
      <c r="DG6" s="607"/>
      <c r="DH6" s="608"/>
      <c r="DI6" s="574"/>
      <c r="DJ6" s="575"/>
      <c r="DK6" s="575"/>
      <c r="DL6" s="575"/>
      <c r="DM6" s="575"/>
      <c r="DN6" s="575"/>
      <c r="DO6" s="575"/>
      <c r="DP6" s="575"/>
      <c r="DQ6" s="575"/>
      <c r="DR6" s="575"/>
      <c r="DS6" s="575"/>
      <c r="DT6" s="606" t="s">
        <v>77</v>
      </c>
      <c r="DU6" s="607"/>
      <c r="DV6" s="607"/>
      <c r="DW6" s="607"/>
      <c r="DX6" s="607"/>
      <c r="DY6" s="607"/>
      <c r="DZ6" s="607"/>
      <c r="EA6" s="607"/>
      <c r="EB6" s="607"/>
      <c r="EC6" s="607"/>
      <c r="ED6" s="608"/>
      <c r="EE6" s="606" t="s">
        <v>78</v>
      </c>
      <c r="EF6" s="607"/>
      <c r="EG6" s="607"/>
      <c r="EH6" s="607"/>
      <c r="EI6" s="607"/>
      <c r="EJ6" s="607"/>
      <c r="EK6" s="607"/>
      <c r="EL6" s="607"/>
      <c r="EM6" s="607"/>
      <c r="EN6" s="607"/>
      <c r="EO6" s="608"/>
      <c r="EP6" s="606" t="s">
        <v>79</v>
      </c>
      <c r="EQ6" s="607"/>
      <c r="ER6" s="607"/>
      <c r="ES6" s="607"/>
      <c r="ET6" s="607"/>
      <c r="EU6" s="607"/>
      <c r="EV6" s="607"/>
      <c r="EW6" s="607"/>
      <c r="EX6" s="607"/>
      <c r="EY6" s="607"/>
      <c r="EZ6" s="608"/>
      <c r="FA6" s="606" t="s">
        <v>149</v>
      </c>
      <c r="FB6" s="607"/>
      <c r="FC6" s="607"/>
      <c r="FD6" s="607"/>
      <c r="FE6" s="607"/>
      <c r="FF6" s="607"/>
      <c r="FG6" s="607"/>
      <c r="FH6" s="607"/>
      <c r="FI6" s="607"/>
      <c r="FJ6" s="607"/>
      <c r="FK6" s="608"/>
      <c r="FL6" s="574"/>
      <c r="FM6" s="575"/>
      <c r="FN6" s="575"/>
      <c r="FO6" s="575"/>
      <c r="FP6" s="575"/>
      <c r="FQ6" s="575"/>
      <c r="FR6" s="575"/>
      <c r="FS6" s="575"/>
      <c r="FT6" s="575"/>
      <c r="FU6" s="575"/>
      <c r="FV6" s="575"/>
      <c r="FW6" s="606" t="s">
        <v>80</v>
      </c>
      <c r="FX6" s="607"/>
      <c r="FY6" s="607"/>
      <c r="FZ6" s="607"/>
      <c r="GA6" s="607"/>
      <c r="GB6" s="607"/>
      <c r="GC6" s="607"/>
      <c r="GD6" s="607"/>
      <c r="GE6" s="607"/>
      <c r="GF6" s="607"/>
      <c r="GG6" s="608"/>
      <c r="GH6" s="459" t="s">
        <v>81</v>
      </c>
      <c r="GI6" s="460"/>
      <c r="GJ6" s="460"/>
      <c r="GK6" s="460"/>
      <c r="GL6" s="460"/>
      <c r="GM6" s="460"/>
      <c r="GN6" s="460"/>
      <c r="GO6" s="460"/>
      <c r="GP6" s="460"/>
      <c r="GQ6" s="460"/>
      <c r="GR6" s="461"/>
      <c r="GS6" s="459" t="s">
        <v>82</v>
      </c>
      <c r="GT6" s="460"/>
      <c r="GU6" s="460"/>
      <c r="GV6" s="460"/>
      <c r="GW6" s="460"/>
      <c r="GX6" s="460"/>
      <c r="GY6" s="460"/>
      <c r="GZ6" s="460"/>
      <c r="HA6" s="460"/>
      <c r="HB6" s="460"/>
      <c r="HC6" s="461"/>
      <c r="HD6" s="599"/>
      <c r="HE6" s="600"/>
      <c r="HF6" s="600"/>
      <c r="HG6" s="600"/>
      <c r="HH6" s="600"/>
      <c r="HI6" s="600"/>
      <c r="HJ6" s="600"/>
      <c r="HK6" s="600"/>
      <c r="HL6" s="600"/>
      <c r="HM6" s="600"/>
      <c r="HN6" s="601"/>
      <c r="HO6" s="599"/>
      <c r="HP6" s="600"/>
      <c r="HQ6" s="600"/>
      <c r="HR6" s="600"/>
      <c r="HS6" s="600"/>
      <c r="HT6" s="600"/>
      <c r="HU6" s="600"/>
      <c r="HV6" s="600"/>
      <c r="HW6" s="600"/>
      <c r="HX6" s="600"/>
      <c r="HY6" s="601"/>
      <c r="HZ6" s="574"/>
      <c r="IA6" s="575"/>
      <c r="IB6" s="575"/>
      <c r="IC6" s="575"/>
      <c r="ID6" s="575"/>
      <c r="IE6" s="575"/>
      <c r="IF6" s="575"/>
      <c r="IG6" s="575"/>
      <c r="IH6" s="575"/>
      <c r="II6" s="575"/>
      <c r="IJ6" s="576"/>
      <c r="IK6" s="456"/>
      <c r="IL6" s="457"/>
      <c r="IM6" s="457"/>
      <c r="IN6" s="457"/>
      <c r="IO6" s="457"/>
      <c r="IP6" s="457"/>
      <c r="IQ6" s="457"/>
      <c r="IR6" s="457"/>
      <c r="IS6" s="457"/>
      <c r="IT6" s="457"/>
      <c r="IU6" s="458"/>
      <c r="IV6" s="456"/>
      <c r="IW6" s="457"/>
      <c r="IX6" s="457"/>
      <c r="IY6" s="457"/>
      <c r="IZ6" s="457"/>
      <c r="JA6" s="457"/>
      <c r="JB6" s="457"/>
      <c r="JC6" s="457"/>
      <c r="JD6" s="457"/>
      <c r="JE6" s="457"/>
      <c r="JF6" s="458"/>
      <c r="JG6" s="456"/>
      <c r="JH6" s="457"/>
      <c r="JI6" s="457"/>
      <c r="JJ6" s="457"/>
      <c r="JK6" s="457"/>
      <c r="JL6" s="457"/>
      <c r="JM6" s="457"/>
      <c r="JN6" s="457"/>
      <c r="JO6" s="457"/>
      <c r="JP6" s="457"/>
      <c r="JQ6" s="458"/>
      <c r="JR6" s="456"/>
      <c r="JS6" s="457"/>
      <c r="JT6" s="457"/>
      <c r="JU6" s="457"/>
      <c r="JV6" s="457"/>
      <c r="JW6" s="457"/>
      <c r="JX6" s="457"/>
      <c r="JY6" s="457"/>
      <c r="JZ6" s="457"/>
      <c r="KA6" s="457"/>
      <c r="KB6" s="458"/>
      <c r="KC6" s="456"/>
      <c r="KD6" s="457"/>
      <c r="KE6" s="457"/>
      <c r="KF6" s="457"/>
      <c r="KG6" s="457"/>
      <c r="KH6" s="457"/>
      <c r="KI6" s="457"/>
      <c r="KJ6" s="457"/>
      <c r="KK6" s="457"/>
      <c r="KL6" s="457"/>
      <c r="KM6" s="458"/>
      <c r="KN6" s="456"/>
      <c r="KO6" s="457"/>
      <c r="KP6" s="457"/>
      <c r="KQ6" s="457"/>
      <c r="KR6" s="457"/>
      <c r="KS6" s="457"/>
      <c r="KT6" s="457"/>
      <c r="KU6" s="457"/>
      <c r="KV6" s="457"/>
      <c r="KW6" s="457"/>
      <c r="KX6" s="458"/>
      <c r="KY6" s="456"/>
      <c r="KZ6" s="457"/>
      <c r="LA6" s="457"/>
      <c r="LB6" s="457"/>
      <c r="LC6" s="457"/>
      <c r="LD6" s="457"/>
      <c r="LE6" s="457"/>
      <c r="LF6" s="457"/>
      <c r="LG6" s="457"/>
      <c r="LH6" s="457"/>
      <c r="LI6" s="458"/>
      <c r="LJ6" s="574"/>
      <c r="LK6" s="575"/>
      <c r="LL6" s="575"/>
      <c r="LM6" s="575"/>
      <c r="LN6" s="575"/>
      <c r="LO6" s="575"/>
      <c r="LP6" s="575"/>
      <c r="LQ6" s="575"/>
      <c r="LR6" s="575"/>
      <c r="LS6" s="575"/>
      <c r="LT6" s="576"/>
      <c r="LU6" s="574"/>
      <c r="LV6" s="575"/>
      <c r="LW6" s="575"/>
      <c r="LX6" s="575"/>
      <c r="LY6" s="575"/>
      <c r="LZ6" s="575"/>
      <c r="MA6" s="575"/>
      <c r="MB6" s="575"/>
      <c r="MC6" s="575"/>
      <c r="MD6" s="575"/>
      <c r="ME6" s="576"/>
      <c r="MF6" s="574"/>
      <c r="MG6" s="575"/>
      <c r="MH6" s="575"/>
      <c r="MI6" s="575"/>
      <c r="MJ6" s="575"/>
      <c r="MK6" s="575"/>
      <c r="ML6" s="575"/>
      <c r="MM6" s="575"/>
      <c r="MN6" s="575"/>
      <c r="MO6" s="575"/>
      <c r="MP6" s="576"/>
      <c r="MQ6" s="456"/>
      <c r="MR6" s="457"/>
      <c r="MS6" s="457"/>
      <c r="MT6" s="457"/>
      <c r="MU6" s="457"/>
      <c r="MV6" s="457"/>
      <c r="MW6" s="457"/>
      <c r="MX6" s="457"/>
      <c r="MY6" s="457"/>
      <c r="MZ6" s="457"/>
      <c r="NA6" s="458"/>
      <c r="NB6" s="456"/>
      <c r="NC6" s="457"/>
      <c r="ND6" s="457"/>
      <c r="NE6" s="457"/>
      <c r="NF6" s="457"/>
      <c r="NG6" s="457"/>
      <c r="NH6" s="457"/>
      <c r="NI6" s="457"/>
      <c r="NJ6" s="457"/>
      <c r="NK6" s="457"/>
      <c r="NL6" s="458"/>
      <c r="NM6" s="456"/>
      <c r="NN6" s="457"/>
      <c r="NO6" s="457"/>
      <c r="NP6" s="457"/>
      <c r="NQ6" s="457"/>
      <c r="NR6" s="457"/>
      <c r="NS6" s="457"/>
      <c r="NT6" s="457"/>
      <c r="NU6" s="457"/>
      <c r="NV6" s="457"/>
      <c r="NW6" s="458"/>
      <c r="NX6" s="456"/>
      <c r="NY6" s="457"/>
      <c r="NZ6" s="457"/>
      <c r="OA6" s="457"/>
      <c r="OB6" s="457"/>
      <c r="OC6" s="457"/>
      <c r="OD6" s="457"/>
      <c r="OE6" s="457"/>
      <c r="OF6" s="457"/>
      <c r="OG6" s="457"/>
      <c r="OH6" s="458"/>
      <c r="OI6" s="456"/>
      <c r="OJ6" s="457"/>
      <c r="OK6" s="457"/>
      <c r="OL6" s="457"/>
      <c r="OM6" s="457"/>
      <c r="ON6" s="457"/>
      <c r="OO6" s="457"/>
      <c r="OP6" s="457"/>
      <c r="OQ6" s="457"/>
      <c r="OR6" s="457"/>
      <c r="OS6" s="458"/>
    </row>
    <row r="7" spans="1:409" ht="21" customHeight="1" x14ac:dyDescent="0.2">
      <c r="B7" s="588"/>
      <c r="C7" s="539" t="s">
        <v>61</v>
      </c>
      <c r="D7" s="539"/>
      <c r="E7" s="539"/>
      <c r="F7" s="538" t="s">
        <v>62</v>
      </c>
      <c r="G7" s="539"/>
      <c r="H7" s="539"/>
      <c r="I7" s="539"/>
      <c r="J7" s="539"/>
      <c r="K7" s="539"/>
      <c r="L7" s="539"/>
      <c r="M7" s="538" t="s">
        <v>52</v>
      </c>
      <c r="N7" s="603" t="s">
        <v>61</v>
      </c>
      <c r="O7" s="539"/>
      <c r="P7" s="539"/>
      <c r="Q7" s="538" t="s">
        <v>62</v>
      </c>
      <c r="R7" s="539"/>
      <c r="S7" s="539"/>
      <c r="T7" s="539"/>
      <c r="U7" s="539"/>
      <c r="V7" s="539"/>
      <c r="W7" s="540"/>
      <c r="X7" s="566" t="s">
        <v>52</v>
      </c>
      <c r="Y7" s="456" t="s">
        <v>61</v>
      </c>
      <c r="Z7" s="457"/>
      <c r="AA7" s="548"/>
      <c r="AB7" s="547" t="s">
        <v>62</v>
      </c>
      <c r="AC7" s="457"/>
      <c r="AD7" s="457"/>
      <c r="AE7" s="457"/>
      <c r="AF7" s="457"/>
      <c r="AG7" s="457"/>
      <c r="AH7" s="548"/>
      <c r="AI7" s="458" t="s">
        <v>52</v>
      </c>
      <c r="AJ7" s="551" t="s">
        <v>61</v>
      </c>
      <c r="AK7" s="545"/>
      <c r="AL7" s="546"/>
      <c r="AM7" s="567" t="s">
        <v>62</v>
      </c>
      <c r="AN7" s="545"/>
      <c r="AO7" s="545"/>
      <c r="AP7" s="545"/>
      <c r="AQ7" s="545"/>
      <c r="AR7" s="545"/>
      <c r="AS7" s="568"/>
      <c r="AT7" s="458" t="s">
        <v>52</v>
      </c>
      <c r="AU7" s="551" t="s">
        <v>61</v>
      </c>
      <c r="AV7" s="545"/>
      <c r="AW7" s="546"/>
      <c r="AX7" s="567" t="s">
        <v>62</v>
      </c>
      <c r="AY7" s="545"/>
      <c r="AZ7" s="545"/>
      <c r="BA7" s="545"/>
      <c r="BB7" s="545"/>
      <c r="BC7" s="545"/>
      <c r="BD7" s="568"/>
      <c r="BE7" s="458" t="s">
        <v>52</v>
      </c>
      <c r="BF7" s="551" t="s">
        <v>61</v>
      </c>
      <c r="BG7" s="545"/>
      <c r="BH7" s="546"/>
      <c r="BI7" s="567" t="s">
        <v>62</v>
      </c>
      <c r="BJ7" s="545"/>
      <c r="BK7" s="545"/>
      <c r="BL7" s="545"/>
      <c r="BM7" s="545"/>
      <c r="BN7" s="545"/>
      <c r="BO7" s="568"/>
      <c r="BP7" s="458" t="s">
        <v>52</v>
      </c>
      <c r="BQ7" s="551" t="s">
        <v>61</v>
      </c>
      <c r="BR7" s="545"/>
      <c r="BS7" s="546"/>
      <c r="BT7" s="567" t="s">
        <v>62</v>
      </c>
      <c r="BU7" s="545"/>
      <c r="BV7" s="545"/>
      <c r="BW7" s="545"/>
      <c r="BX7" s="545"/>
      <c r="BY7" s="545"/>
      <c r="BZ7" s="568"/>
      <c r="CA7" s="458" t="s">
        <v>52</v>
      </c>
      <c r="CB7" s="535" t="s">
        <v>61</v>
      </c>
      <c r="CC7" s="536"/>
      <c r="CD7" s="537"/>
      <c r="CE7" s="564" t="s">
        <v>62</v>
      </c>
      <c r="CF7" s="536"/>
      <c r="CG7" s="536"/>
      <c r="CH7" s="536"/>
      <c r="CI7" s="536"/>
      <c r="CJ7" s="536"/>
      <c r="CK7" s="565"/>
      <c r="CL7" s="566" t="s">
        <v>52</v>
      </c>
      <c r="CM7" s="551" t="s">
        <v>61</v>
      </c>
      <c r="CN7" s="545"/>
      <c r="CO7" s="568"/>
      <c r="CP7" s="567" t="s">
        <v>62</v>
      </c>
      <c r="CQ7" s="545"/>
      <c r="CR7" s="545"/>
      <c r="CS7" s="545"/>
      <c r="CT7" s="545"/>
      <c r="CU7" s="545"/>
      <c r="CV7" s="568"/>
      <c r="CW7" s="562" t="s">
        <v>52</v>
      </c>
      <c r="CX7" s="551" t="s">
        <v>61</v>
      </c>
      <c r="CY7" s="545"/>
      <c r="CZ7" s="568"/>
      <c r="DA7" s="567" t="s">
        <v>62</v>
      </c>
      <c r="DB7" s="545"/>
      <c r="DC7" s="545"/>
      <c r="DD7" s="545"/>
      <c r="DE7" s="545"/>
      <c r="DF7" s="545"/>
      <c r="DG7" s="568"/>
      <c r="DH7" s="562" t="s">
        <v>52</v>
      </c>
      <c r="DI7" s="535" t="s">
        <v>61</v>
      </c>
      <c r="DJ7" s="536"/>
      <c r="DK7" s="565"/>
      <c r="DL7" s="564" t="s">
        <v>62</v>
      </c>
      <c r="DM7" s="536"/>
      <c r="DN7" s="536"/>
      <c r="DO7" s="536"/>
      <c r="DP7" s="536"/>
      <c r="DQ7" s="536"/>
      <c r="DR7" s="565"/>
      <c r="DS7" s="566" t="s">
        <v>52</v>
      </c>
      <c r="DT7" s="551" t="s">
        <v>61</v>
      </c>
      <c r="DU7" s="545"/>
      <c r="DV7" s="546"/>
      <c r="DW7" s="567" t="s">
        <v>62</v>
      </c>
      <c r="DX7" s="545"/>
      <c r="DY7" s="545"/>
      <c r="DZ7" s="545"/>
      <c r="EA7" s="545"/>
      <c r="EB7" s="545"/>
      <c r="EC7" s="568"/>
      <c r="ED7" s="458" t="s">
        <v>52</v>
      </c>
      <c r="EE7" s="551" t="s">
        <v>61</v>
      </c>
      <c r="EF7" s="545"/>
      <c r="EG7" s="546"/>
      <c r="EH7" s="567" t="s">
        <v>62</v>
      </c>
      <c r="EI7" s="545"/>
      <c r="EJ7" s="545"/>
      <c r="EK7" s="545"/>
      <c r="EL7" s="545"/>
      <c r="EM7" s="545"/>
      <c r="EN7" s="568"/>
      <c r="EO7" s="458" t="s">
        <v>52</v>
      </c>
      <c r="EP7" s="551" t="s">
        <v>61</v>
      </c>
      <c r="EQ7" s="545"/>
      <c r="ER7" s="546"/>
      <c r="ES7" s="567" t="s">
        <v>62</v>
      </c>
      <c r="ET7" s="545"/>
      <c r="EU7" s="545"/>
      <c r="EV7" s="545"/>
      <c r="EW7" s="545"/>
      <c r="EX7" s="545"/>
      <c r="EY7" s="568"/>
      <c r="EZ7" s="458" t="s">
        <v>52</v>
      </c>
      <c r="FA7" s="551" t="s">
        <v>61</v>
      </c>
      <c r="FB7" s="545"/>
      <c r="FC7" s="546"/>
      <c r="FD7" s="567" t="s">
        <v>62</v>
      </c>
      <c r="FE7" s="545"/>
      <c r="FF7" s="545"/>
      <c r="FG7" s="545"/>
      <c r="FH7" s="545"/>
      <c r="FI7" s="545"/>
      <c r="FJ7" s="568"/>
      <c r="FK7" s="458" t="s">
        <v>52</v>
      </c>
      <c r="FL7" s="535" t="s">
        <v>61</v>
      </c>
      <c r="FM7" s="536"/>
      <c r="FN7" s="537"/>
      <c r="FO7" s="564" t="s">
        <v>62</v>
      </c>
      <c r="FP7" s="536"/>
      <c r="FQ7" s="536"/>
      <c r="FR7" s="536"/>
      <c r="FS7" s="536"/>
      <c r="FT7" s="536"/>
      <c r="FU7" s="565"/>
      <c r="FV7" s="539" t="s">
        <v>52</v>
      </c>
      <c r="FW7" s="551" t="s">
        <v>61</v>
      </c>
      <c r="FX7" s="545"/>
      <c r="FY7" s="546"/>
      <c r="FZ7" s="567" t="s">
        <v>62</v>
      </c>
      <c r="GA7" s="545"/>
      <c r="GB7" s="545"/>
      <c r="GC7" s="545"/>
      <c r="GD7" s="545"/>
      <c r="GE7" s="545"/>
      <c r="GF7" s="568"/>
      <c r="GG7" s="458" t="s">
        <v>52</v>
      </c>
      <c r="GH7" s="456" t="s">
        <v>61</v>
      </c>
      <c r="GI7" s="457"/>
      <c r="GJ7" s="457"/>
      <c r="GK7" s="547" t="s">
        <v>62</v>
      </c>
      <c r="GL7" s="457"/>
      <c r="GM7" s="457"/>
      <c r="GN7" s="457"/>
      <c r="GO7" s="457"/>
      <c r="GP7" s="457"/>
      <c r="GQ7" s="548"/>
      <c r="GR7" s="585" t="s">
        <v>52</v>
      </c>
      <c r="GS7" s="456" t="s">
        <v>61</v>
      </c>
      <c r="GT7" s="457"/>
      <c r="GU7" s="548"/>
      <c r="GV7" s="547" t="s">
        <v>62</v>
      </c>
      <c r="GW7" s="457"/>
      <c r="GX7" s="457"/>
      <c r="GY7" s="457"/>
      <c r="GZ7" s="457"/>
      <c r="HA7" s="457"/>
      <c r="HB7" s="548"/>
      <c r="HC7" s="585" t="s">
        <v>52</v>
      </c>
      <c r="HD7" s="551" t="s">
        <v>61</v>
      </c>
      <c r="HE7" s="545"/>
      <c r="HF7" s="546"/>
      <c r="HG7" s="567" t="s">
        <v>62</v>
      </c>
      <c r="HH7" s="545"/>
      <c r="HI7" s="545"/>
      <c r="HJ7" s="545"/>
      <c r="HK7" s="545"/>
      <c r="HL7" s="545"/>
      <c r="HM7" s="568"/>
      <c r="HN7" s="458" t="s">
        <v>52</v>
      </c>
      <c r="HO7" s="551" t="s">
        <v>61</v>
      </c>
      <c r="HP7" s="545"/>
      <c r="HQ7" s="546"/>
      <c r="HR7" s="567" t="s">
        <v>62</v>
      </c>
      <c r="HS7" s="545"/>
      <c r="HT7" s="545"/>
      <c r="HU7" s="545"/>
      <c r="HV7" s="545"/>
      <c r="HW7" s="545"/>
      <c r="HX7" s="568"/>
      <c r="HY7" s="458" t="s">
        <v>52</v>
      </c>
      <c r="HZ7" s="535" t="s">
        <v>61</v>
      </c>
      <c r="IA7" s="536"/>
      <c r="IB7" s="537"/>
      <c r="IC7" s="564" t="s">
        <v>62</v>
      </c>
      <c r="ID7" s="536"/>
      <c r="IE7" s="536"/>
      <c r="IF7" s="536"/>
      <c r="IG7" s="536"/>
      <c r="IH7" s="536"/>
      <c r="II7" s="565"/>
      <c r="IJ7" s="539" t="s">
        <v>52</v>
      </c>
      <c r="IK7" s="551" t="s">
        <v>61</v>
      </c>
      <c r="IL7" s="545"/>
      <c r="IM7" s="546"/>
      <c r="IN7" s="567" t="s">
        <v>62</v>
      </c>
      <c r="IO7" s="545"/>
      <c r="IP7" s="545"/>
      <c r="IQ7" s="545"/>
      <c r="IR7" s="545"/>
      <c r="IS7" s="545"/>
      <c r="IT7" s="568"/>
      <c r="IU7" s="458" t="s">
        <v>52</v>
      </c>
      <c r="IV7" s="551" t="s">
        <v>61</v>
      </c>
      <c r="IW7" s="545"/>
      <c r="IX7" s="568"/>
      <c r="IY7" s="567" t="s">
        <v>62</v>
      </c>
      <c r="IZ7" s="545"/>
      <c r="JA7" s="545"/>
      <c r="JB7" s="545"/>
      <c r="JC7" s="545"/>
      <c r="JD7" s="545"/>
      <c r="JE7" s="568"/>
      <c r="JF7" s="458" t="s">
        <v>52</v>
      </c>
      <c r="JG7" s="551" t="s">
        <v>61</v>
      </c>
      <c r="JH7" s="545"/>
      <c r="JI7" s="546"/>
      <c r="JJ7" s="567" t="s">
        <v>62</v>
      </c>
      <c r="JK7" s="545"/>
      <c r="JL7" s="545"/>
      <c r="JM7" s="545"/>
      <c r="JN7" s="545"/>
      <c r="JO7" s="545"/>
      <c r="JP7" s="568"/>
      <c r="JQ7" s="562" t="s">
        <v>52</v>
      </c>
      <c r="JR7" s="551" t="s">
        <v>61</v>
      </c>
      <c r="JS7" s="545"/>
      <c r="JT7" s="546"/>
      <c r="JU7" s="567" t="s">
        <v>62</v>
      </c>
      <c r="JV7" s="545"/>
      <c r="JW7" s="545"/>
      <c r="JX7" s="545"/>
      <c r="JY7" s="545"/>
      <c r="JZ7" s="545"/>
      <c r="KA7" s="568"/>
      <c r="KB7" s="562" t="s">
        <v>52</v>
      </c>
      <c r="KC7" s="551" t="s">
        <v>61</v>
      </c>
      <c r="KD7" s="545"/>
      <c r="KE7" s="546"/>
      <c r="KF7" s="567" t="s">
        <v>62</v>
      </c>
      <c r="KG7" s="545"/>
      <c r="KH7" s="545"/>
      <c r="KI7" s="545"/>
      <c r="KJ7" s="545"/>
      <c r="KK7" s="545"/>
      <c r="KL7" s="568"/>
      <c r="KM7" s="562" t="s">
        <v>52</v>
      </c>
      <c r="KN7" s="551" t="s">
        <v>61</v>
      </c>
      <c r="KO7" s="545"/>
      <c r="KP7" s="546"/>
      <c r="KQ7" s="567" t="s">
        <v>62</v>
      </c>
      <c r="KR7" s="545"/>
      <c r="KS7" s="545"/>
      <c r="KT7" s="545"/>
      <c r="KU7" s="545"/>
      <c r="KV7" s="545"/>
      <c r="KW7" s="568"/>
      <c r="KX7" s="562" t="s">
        <v>52</v>
      </c>
      <c r="KY7" s="551" t="s">
        <v>61</v>
      </c>
      <c r="KZ7" s="545"/>
      <c r="LA7" s="546"/>
      <c r="LB7" s="567" t="s">
        <v>62</v>
      </c>
      <c r="LC7" s="545"/>
      <c r="LD7" s="545"/>
      <c r="LE7" s="545"/>
      <c r="LF7" s="545"/>
      <c r="LG7" s="545"/>
      <c r="LH7" s="568"/>
      <c r="LI7" s="562" t="s">
        <v>52</v>
      </c>
      <c r="LJ7" s="551" t="s">
        <v>61</v>
      </c>
      <c r="LK7" s="545"/>
      <c r="LL7" s="546"/>
      <c r="LM7" s="567" t="s">
        <v>62</v>
      </c>
      <c r="LN7" s="545"/>
      <c r="LO7" s="545"/>
      <c r="LP7" s="545"/>
      <c r="LQ7" s="545"/>
      <c r="LR7" s="545"/>
      <c r="LS7" s="568"/>
      <c r="LT7" s="562" t="s">
        <v>52</v>
      </c>
      <c r="LU7" s="551" t="s">
        <v>61</v>
      </c>
      <c r="LV7" s="545"/>
      <c r="LW7" s="546"/>
      <c r="LX7" s="567" t="s">
        <v>62</v>
      </c>
      <c r="LY7" s="545"/>
      <c r="LZ7" s="545"/>
      <c r="MA7" s="545"/>
      <c r="MB7" s="545"/>
      <c r="MC7" s="545"/>
      <c r="MD7" s="568"/>
      <c r="ME7" s="562" t="s">
        <v>52</v>
      </c>
      <c r="MF7" s="535" t="s">
        <v>61</v>
      </c>
      <c r="MG7" s="536"/>
      <c r="MH7" s="537"/>
      <c r="MI7" s="564" t="s">
        <v>62</v>
      </c>
      <c r="MJ7" s="536"/>
      <c r="MK7" s="536"/>
      <c r="ML7" s="536"/>
      <c r="MM7" s="536"/>
      <c r="MN7" s="536"/>
      <c r="MO7" s="565"/>
      <c r="MP7" s="566" t="s">
        <v>52</v>
      </c>
      <c r="MQ7" s="551" t="s">
        <v>61</v>
      </c>
      <c r="MR7" s="545"/>
      <c r="MS7" s="546"/>
      <c r="MT7" s="567" t="s">
        <v>62</v>
      </c>
      <c r="MU7" s="545"/>
      <c r="MV7" s="545"/>
      <c r="MW7" s="545"/>
      <c r="MX7" s="545"/>
      <c r="MY7" s="545"/>
      <c r="MZ7" s="568"/>
      <c r="NA7" s="562" t="s">
        <v>52</v>
      </c>
      <c r="NB7" s="551" t="s">
        <v>61</v>
      </c>
      <c r="NC7" s="545"/>
      <c r="ND7" s="546"/>
      <c r="NE7" s="567" t="s">
        <v>62</v>
      </c>
      <c r="NF7" s="545"/>
      <c r="NG7" s="545"/>
      <c r="NH7" s="545"/>
      <c r="NI7" s="545"/>
      <c r="NJ7" s="545"/>
      <c r="NK7" s="568"/>
      <c r="NL7" s="562" t="s">
        <v>52</v>
      </c>
      <c r="NM7" s="551" t="s">
        <v>61</v>
      </c>
      <c r="NN7" s="545"/>
      <c r="NO7" s="546"/>
      <c r="NP7" s="567" t="s">
        <v>62</v>
      </c>
      <c r="NQ7" s="545"/>
      <c r="NR7" s="545"/>
      <c r="NS7" s="545"/>
      <c r="NT7" s="545"/>
      <c r="NU7" s="545"/>
      <c r="NV7" s="568"/>
      <c r="NW7" s="562" t="s">
        <v>52</v>
      </c>
      <c r="NX7" s="551" t="s">
        <v>61</v>
      </c>
      <c r="NY7" s="545"/>
      <c r="NZ7" s="546"/>
      <c r="OA7" s="567" t="s">
        <v>62</v>
      </c>
      <c r="OB7" s="545"/>
      <c r="OC7" s="545"/>
      <c r="OD7" s="545"/>
      <c r="OE7" s="545"/>
      <c r="OF7" s="545"/>
      <c r="OG7" s="568"/>
      <c r="OH7" s="562" t="s">
        <v>52</v>
      </c>
      <c r="OI7" s="535" t="s">
        <v>61</v>
      </c>
      <c r="OJ7" s="536"/>
      <c r="OK7" s="537"/>
      <c r="OL7" s="564" t="s">
        <v>62</v>
      </c>
      <c r="OM7" s="536"/>
      <c r="ON7" s="536"/>
      <c r="OO7" s="536"/>
      <c r="OP7" s="536"/>
      <c r="OQ7" s="536"/>
      <c r="OR7" s="565"/>
      <c r="OS7" s="566" t="s">
        <v>52</v>
      </c>
    </row>
    <row r="8" spans="1:409" ht="30" customHeight="1" thickBot="1" x14ac:dyDescent="0.25">
      <c r="B8" s="589"/>
      <c r="C8" s="265" t="s">
        <v>43</v>
      </c>
      <c r="D8" s="141" t="s">
        <v>44</v>
      </c>
      <c r="E8" s="266" t="s">
        <v>45</v>
      </c>
      <c r="F8" s="143" t="s">
        <v>83</v>
      </c>
      <c r="G8" s="141" t="s">
        <v>47</v>
      </c>
      <c r="H8" s="141" t="s">
        <v>48</v>
      </c>
      <c r="I8" s="141" t="s">
        <v>49</v>
      </c>
      <c r="J8" s="141" t="s">
        <v>50</v>
      </c>
      <c r="K8" s="141" t="s">
        <v>51</v>
      </c>
      <c r="L8" s="142" t="s">
        <v>45</v>
      </c>
      <c r="M8" s="602"/>
      <c r="N8" s="140" t="s">
        <v>43</v>
      </c>
      <c r="O8" s="141" t="s">
        <v>44</v>
      </c>
      <c r="P8" s="142" t="s">
        <v>45</v>
      </c>
      <c r="Q8" s="143" t="s">
        <v>83</v>
      </c>
      <c r="R8" s="141" t="s">
        <v>47</v>
      </c>
      <c r="S8" s="141" t="s">
        <v>48</v>
      </c>
      <c r="T8" s="141" t="s">
        <v>49</v>
      </c>
      <c r="U8" s="141" t="s">
        <v>50</v>
      </c>
      <c r="V8" s="141" t="s">
        <v>51</v>
      </c>
      <c r="W8" s="142" t="s">
        <v>45</v>
      </c>
      <c r="X8" s="583"/>
      <c r="Y8" s="140" t="s">
        <v>43</v>
      </c>
      <c r="Z8" s="141" t="s">
        <v>44</v>
      </c>
      <c r="AA8" s="142" t="s">
        <v>45</v>
      </c>
      <c r="AB8" s="143" t="s">
        <v>83</v>
      </c>
      <c r="AC8" s="141" t="s">
        <v>47</v>
      </c>
      <c r="AD8" s="141" t="s">
        <v>48</v>
      </c>
      <c r="AE8" s="141" t="s">
        <v>49</v>
      </c>
      <c r="AF8" s="141" t="s">
        <v>50</v>
      </c>
      <c r="AG8" s="141" t="s">
        <v>51</v>
      </c>
      <c r="AH8" s="142" t="s">
        <v>45</v>
      </c>
      <c r="AI8" s="584"/>
      <c r="AJ8" s="140" t="s">
        <v>43</v>
      </c>
      <c r="AK8" s="141" t="s">
        <v>44</v>
      </c>
      <c r="AL8" s="266" t="s">
        <v>45</v>
      </c>
      <c r="AM8" s="143" t="s">
        <v>83</v>
      </c>
      <c r="AN8" s="141" t="s">
        <v>47</v>
      </c>
      <c r="AO8" s="141" t="s">
        <v>48</v>
      </c>
      <c r="AP8" s="141" t="s">
        <v>49</v>
      </c>
      <c r="AQ8" s="141" t="s">
        <v>50</v>
      </c>
      <c r="AR8" s="141" t="s">
        <v>51</v>
      </c>
      <c r="AS8" s="142" t="s">
        <v>45</v>
      </c>
      <c r="AT8" s="584"/>
      <c r="AU8" s="140" t="s">
        <v>43</v>
      </c>
      <c r="AV8" s="141" t="s">
        <v>44</v>
      </c>
      <c r="AW8" s="266" t="s">
        <v>45</v>
      </c>
      <c r="AX8" s="143" t="s">
        <v>83</v>
      </c>
      <c r="AY8" s="141" t="s">
        <v>47</v>
      </c>
      <c r="AZ8" s="141" t="s">
        <v>48</v>
      </c>
      <c r="BA8" s="141" t="s">
        <v>49</v>
      </c>
      <c r="BB8" s="141" t="s">
        <v>50</v>
      </c>
      <c r="BC8" s="141" t="s">
        <v>51</v>
      </c>
      <c r="BD8" s="142" t="s">
        <v>45</v>
      </c>
      <c r="BE8" s="584"/>
      <c r="BF8" s="267" t="s">
        <v>43</v>
      </c>
      <c r="BG8" s="141" t="s">
        <v>44</v>
      </c>
      <c r="BH8" s="266" t="s">
        <v>45</v>
      </c>
      <c r="BI8" s="143" t="s">
        <v>83</v>
      </c>
      <c r="BJ8" s="141" t="s">
        <v>47</v>
      </c>
      <c r="BK8" s="141" t="s">
        <v>48</v>
      </c>
      <c r="BL8" s="141" t="s">
        <v>49</v>
      </c>
      <c r="BM8" s="141" t="s">
        <v>50</v>
      </c>
      <c r="BN8" s="141" t="s">
        <v>51</v>
      </c>
      <c r="BO8" s="142" t="s">
        <v>45</v>
      </c>
      <c r="BP8" s="584"/>
      <c r="BQ8" s="140" t="s">
        <v>43</v>
      </c>
      <c r="BR8" s="141" t="s">
        <v>44</v>
      </c>
      <c r="BS8" s="266" t="s">
        <v>45</v>
      </c>
      <c r="BT8" s="143" t="s">
        <v>83</v>
      </c>
      <c r="BU8" s="141" t="s">
        <v>47</v>
      </c>
      <c r="BV8" s="141" t="s">
        <v>48</v>
      </c>
      <c r="BW8" s="141" t="s">
        <v>49</v>
      </c>
      <c r="BX8" s="141" t="s">
        <v>50</v>
      </c>
      <c r="BY8" s="141" t="s">
        <v>51</v>
      </c>
      <c r="BZ8" s="142" t="s">
        <v>45</v>
      </c>
      <c r="CA8" s="584"/>
      <c r="CB8" s="140" t="s">
        <v>43</v>
      </c>
      <c r="CC8" s="141" t="s">
        <v>44</v>
      </c>
      <c r="CD8" s="266" t="s">
        <v>45</v>
      </c>
      <c r="CE8" s="143" t="s">
        <v>83</v>
      </c>
      <c r="CF8" s="141" t="s">
        <v>47</v>
      </c>
      <c r="CG8" s="141" t="s">
        <v>48</v>
      </c>
      <c r="CH8" s="141" t="s">
        <v>49</v>
      </c>
      <c r="CI8" s="141" t="s">
        <v>50</v>
      </c>
      <c r="CJ8" s="141" t="s">
        <v>51</v>
      </c>
      <c r="CK8" s="142" t="s">
        <v>45</v>
      </c>
      <c r="CL8" s="583"/>
      <c r="CM8" s="140" t="s">
        <v>43</v>
      </c>
      <c r="CN8" s="141" t="s">
        <v>44</v>
      </c>
      <c r="CO8" s="142" t="s">
        <v>45</v>
      </c>
      <c r="CP8" s="143" t="s">
        <v>83</v>
      </c>
      <c r="CQ8" s="141" t="s">
        <v>47</v>
      </c>
      <c r="CR8" s="141" t="s">
        <v>48</v>
      </c>
      <c r="CS8" s="141" t="s">
        <v>49</v>
      </c>
      <c r="CT8" s="141" t="s">
        <v>50</v>
      </c>
      <c r="CU8" s="141" t="s">
        <v>51</v>
      </c>
      <c r="CV8" s="142" t="s">
        <v>45</v>
      </c>
      <c r="CW8" s="583"/>
      <c r="CX8" s="140" t="s">
        <v>43</v>
      </c>
      <c r="CY8" s="141" t="s">
        <v>44</v>
      </c>
      <c r="CZ8" s="142" t="s">
        <v>45</v>
      </c>
      <c r="DA8" s="143" t="s">
        <v>83</v>
      </c>
      <c r="DB8" s="141" t="s">
        <v>47</v>
      </c>
      <c r="DC8" s="141" t="s">
        <v>48</v>
      </c>
      <c r="DD8" s="141" t="s">
        <v>49</v>
      </c>
      <c r="DE8" s="141" t="s">
        <v>50</v>
      </c>
      <c r="DF8" s="141" t="s">
        <v>51</v>
      </c>
      <c r="DG8" s="142" t="s">
        <v>45</v>
      </c>
      <c r="DH8" s="583"/>
      <c r="DI8" s="140" t="s">
        <v>43</v>
      </c>
      <c r="DJ8" s="141" t="s">
        <v>44</v>
      </c>
      <c r="DK8" s="142" t="s">
        <v>45</v>
      </c>
      <c r="DL8" s="143" t="s">
        <v>83</v>
      </c>
      <c r="DM8" s="141" t="s">
        <v>47</v>
      </c>
      <c r="DN8" s="141" t="s">
        <v>48</v>
      </c>
      <c r="DO8" s="141" t="s">
        <v>49</v>
      </c>
      <c r="DP8" s="141" t="s">
        <v>50</v>
      </c>
      <c r="DQ8" s="141" t="s">
        <v>51</v>
      </c>
      <c r="DR8" s="142" t="s">
        <v>45</v>
      </c>
      <c r="DS8" s="583"/>
      <c r="DT8" s="140" t="s">
        <v>43</v>
      </c>
      <c r="DU8" s="141" t="s">
        <v>44</v>
      </c>
      <c r="DV8" s="266" t="s">
        <v>45</v>
      </c>
      <c r="DW8" s="143" t="s">
        <v>83</v>
      </c>
      <c r="DX8" s="141" t="s">
        <v>47</v>
      </c>
      <c r="DY8" s="141" t="s">
        <v>48</v>
      </c>
      <c r="DZ8" s="141" t="s">
        <v>49</v>
      </c>
      <c r="EA8" s="141" t="s">
        <v>50</v>
      </c>
      <c r="EB8" s="141" t="s">
        <v>51</v>
      </c>
      <c r="EC8" s="142" t="s">
        <v>45</v>
      </c>
      <c r="ED8" s="584"/>
      <c r="EE8" s="140" t="s">
        <v>43</v>
      </c>
      <c r="EF8" s="141" t="s">
        <v>44</v>
      </c>
      <c r="EG8" s="266" t="s">
        <v>45</v>
      </c>
      <c r="EH8" s="143" t="s">
        <v>83</v>
      </c>
      <c r="EI8" s="141" t="s">
        <v>47</v>
      </c>
      <c r="EJ8" s="141" t="s">
        <v>48</v>
      </c>
      <c r="EK8" s="141" t="s">
        <v>49</v>
      </c>
      <c r="EL8" s="141" t="s">
        <v>50</v>
      </c>
      <c r="EM8" s="141" t="s">
        <v>51</v>
      </c>
      <c r="EN8" s="142" t="s">
        <v>45</v>
      </c>
      <c r="EO8" s="584"/>
      <c r="EP8" s="140" t="s">
        <v>43</v>
      </c>
      <c r="EQ8" s="141" t="s">
        <v>44</v>
      </c>
      <c r="ER8" s="266" t="s">
        <v>45</v>
      </c>
      <c r="ES8" s="143" t="s">
        <v>83</v>
      </c>
      <c r="ET8" s="141" t="s">
        <v>47</v>
      </c>
      <c r="EU8" s="141" t="s">
        <v>48</v>
      </c>
      <c r="EV8" s="141" t="s">
        <v>49</v>
      </c>
      <c r="EW8" s="141" t="s">
        <v>50</v>
      </c>
      <c r="EX8" s="141" t="s">
        <v>51</v>
      </c>
      <c r="EY8" s="142" t="s">
        <v>45</v>
      </c>
      <c r="EZ8" s="584"/>
      <c r="FA8" s="140" t="s">
        <v>43</v>
      </c>
      <c r="FB8" s="141" t="s">
        <v>44</v>
      </c>
      <c r="FC8" s="266" t="s">
        <v>45</v>
      </c>
      <c r="FD8" s="143" t="s">
        <v>83</v>
      </c>
      <c r="FE8" s="141" t="s">
        <v>47</v>
      </c>
      <c r="FF8" s="141" t="s">
        <v>48</v>
      </c>
      <c r="FG8" s="141" t="s">
        <v>49</v>
      </c>
      <c r="FH8" s="141" t="s">
        <v>50</v>
      </c>
      <c r="FI8" s="141" t="s">
        <v>51</v>
      </c>
      <c r="FJ8" s="142" t="s">
        <v>45</v>
      </c>
      <c r="FK8" s="584"/>
      <c r="FL8" s="140" t="s">
        <v>43</v>
      </c>
      <c r="FM8" s="141" t="s">
        <v>44</v>
      </c>
      <c r="FN8" s="266" t="s">
        <v>45</v>
      </c>
      <c r="FO8" s="143" t="s">
        <v>83</v>
      </c>
      <c r="FP8" s="141" t="s">
        <v>47</v>
      </c>
      <c r="FQ8" s="141" t="s">
        <v>48</v>
      </c>
      <c r="FR8" s="141" t="s">
        <v>49</v>
      </c>
      <c r="FS8" s="141" t="s">
        <v>50</v>
      </c>
      <c r="FT8" s="141" t="s">
        <v>51</v>
      </c>
      <c r="FU8" s="142" t="s">
        <v>45</v>
      </c>
      <c r="FV8" s="582"/>
      <c r="FW8" s="140" t="s">
        <v>43</v>
      </c>
      <c r="FX8" s="141" t="s">
        <v>44</v>
      </c>
      <c r="FY8" s="266" t="s">
        <v>45</v>
      </c>
      <c r="FZ8" s="143" t="s">
        <v>83</v>
      </c>
      <c r="GA8" s="141" t="s">
        <v>47</v>
      </c>
      <c r="GB8" s="141" t="s">
        <v>48</v>
      </c>
      <c r="GC8" s="141" t="s">
        <v>49</v>
      </c>
      <c r="GD8" s="141" t="s">
        <v>50</v>
      </c>
      <c r="GE8" s="141" t="s">
        <v>51</v>
      </c>
      <c r="GF8" s="142" t="s">
        <v>45</v>
      </c>
      <c r="GG8" s="584"/>
      <c r="GH8" s="140" t="s">
        <v>43</v>
      </c>
      <c r="GI8" s="141" t="s">
        <v>44</v>
      </c>
      <c r="GJ8" s="266" t="s">
        <v>45</v>
      </c>
      <c r="GK8" s="143" t="s">
        <v>83</v>
      </c>
      <c r="GL8" s="141" t="s">
        <v>47</v>
      </c>
      <c r="GM8" s="141" t="s">
        <v>48</v>
      </c>
      <c r="GN8" s="141" t="s">
        <v>49</v>
      </c>
      <c r="GO8" s="141" t="s">
        <v>50</v>
      </c>
      <c r="GP8" s="141" t="s">
        <v>51</v>
      </c>
      <c r="GQ8" s="142" t="s">
        <v>45</v>
      </c>
      <c r="GR8" s="586"/>
      <c r="GS8" s="140" t="s">
        <v>43</v>
      </c>
      <c r="GT8" s="141" t="s">
        <v>44</v>
      </c>
      <c r="GU8" s="266" t="s">
        <v>45</v>
      </c>
      <c r="GV8" s="143" t="s">
        <v>83</v>
      </c>
      <c r="GW8" s="141" t="s">
        <v>47</v>
      </c>
      <c r="GX8" s="141" t="s">
        <v>48</v>
      </c>
      <c r="GY8" s="141" t="s">
        <v>49</v>
      </c>
      <c r="GZ8" s="141" t="s">
        <v>50</v>
      </c>
      <c r="HA8" s="141" t="s">
        <v>51</v>
      </c>
      <c r="HB8" s="142" t="s">
        <v>45</v>
      </c>
      <c r="HC8" s="586"/>
      <c r="HD8" s="140" t="s">
        <v>43</v>
      </c>
      <c r="HE8" s="141" t="s">
        <v>44</v>
      </c>
      <c r="HF8" s="266" t="s">
        <v>45</v>
      </c>
      <c r="HG8" s="143" t="s">
        <v>83</v>
      </c>
      <c r="HH8" s="141" t="s">
        <v>47</v>
      </c>
      <c r="HI8" s="141" t="s">
        <v>48</v>
      </c>
      <c r="HJ8" s="141" t="s">
        <v>49</v>
      </c>
      <c r="HK8" s="141" t="s">
        <v>50</v>
      </c>
      <c r="HL8" s="141" t="s">
        <v>51</v>
      </c>
      <c r="HM8" s="142" t="s">
        <v>45</v>
      </c>
      <c r="HN8" s="584"/>
      <c r="HO8" s="140" t="s">
        <v>43</v>
      </c>
      <c r="HP8" s="141" t="s">
        <v>44</v>
      </c>
      <c r="HQ8" s="266" t="s">
        <v>45</v>
      </c>
      <c r="HR8" s="143" t="s">
        <v>83</v>
      </c>
      <c r="HS8" s="141" t="s">
        <v>47</v>
      </c>
      <c r="HT8" s="141" t="s">
        <v>48</v>
      </c>
      <c r="HU8" s="141" t="s">
        <v>49</v>
      </c>
      <c r="HV8" s="141" t="s">
        <v>50</v>
      </c>
      <c r="HW8" s="141" t="s">
        <v>51</v>
      </c>
      <c r="HX8" s="142" t="s">
        <v>45</v>
      </c>
      <c r="HY8" s="584"/>
      <c r="HZ8" s="140" t="s">
        <v>43</v>
      </c>
      <c r="IA8" s="141" t="s">
        <v>44</v>
      </c>
      <c r="IB8" s="266" t="s">
        <v>45</v>
      </c>
      <c r="IC8" s="143" t="s">
        <v>83</v>
      </c>
      <c r="ID8" s="141" t="s">
        <v>47</v>
      </c>
      <c r="IE8" s="141" t="s">
        <v>48</v>
      </c>
      <c r="IF8" s="141" t="s">
        <v>49</v>
      </c>
      <c r="IG8" s="141" t="s">
        <v>50</v>
      </c>
      <c r="IH8" s="141" t="s">
        <v>51</v>
      </c>
      <c r="II8" s="142" t="s">
        <v>45</v>
      </c>
      <c r="IJ8" s="582"/>
      <c r="IK8" s="140" t="s">
        <v>43</v>
      </c>
      <c r="IL8" s="141" t="s">
        <v>44</v>
      </c>
      <c r="IM8" s="266" t="s">
        <v>45</v>
      </c>
      <c r="IN8" s="143" t="s">
        <v>83</v>
      </c>
      <c r="IO8" s="268" t="s">
        <v>47</v>
      </c>
      <c r="IP8" s="268" t="s">
        <v>48</v>
      </c>
      <c r="IQ8" s="268" t="s">
        <v>49</v>
      </c>
      <c r="IR8" s="268" t="s">
        <v>50</v>
      </c>
      <c r="IS8" s="268" t="s">
        <v>51</v>
      </c>
      <c r="IT8" s="269" t="s">
        <v>45</v>
      </c>
      <c r="IU8" s="581"/>
      <c r="IV8" s="267" t="s">
        <v>43</v>
      </c>
      <c r="IW8" s="268" t="s">
        <v>44</v>
      </c>
      <c r="IX8" s="269" t="s">
        <v>45</v>
      </c>
      <c r="IY8" s="143" t="s">
        <v>83</v>
      </c>
      <c r="IZ8" s="268" t="s">
        <v>47</v>
      </c>
      <c r="JA8" s="268" t="s">
        <v>48</v>
      </c>
      <c r="JB8" s="268" t="s">
        <v>49</v>
      </c>
      <c r="JC8" s="268" t="s">
        <v>50</v>
      </c>
      <c r="JD8" s="268" t="s">
        <v>51</v>
      </c>
      <c r="JE8" s="269" t="s">
        <v>45</v>
      </c>
      <c r="JF8" s="581"/>
      <c r="JG8" s="267" t="s">
        <v>43</v>
      </c>
      <c r="JH8" s="268" t="s">
        <v>44</v>
      </c>
      <c r="JI8" s="270" t="s">
        <v>45</v>
      </c>
      <c r="JJ8" s="247" t="s">
        <v>83</v>
      </c>
      <c r="JK8" s="268" t="s">
        <v>47</v>
      </c>
      <c r="JL8" s="268" t="s">
        <v>48</v>
      </c>
      <c r="JM8" s="268" t="s">
        <v>49</v>
      </c>
      <c r="JN8" s="268" t="s">
        <v>50</v>
      </c>
      <c r="JO8" s="268" t="s">
        <v>51</v>
      </c>
      <c r="JP8" s="269" t="s">
        <v>45</v>
      </c>
      <c r="JQ8" s="563"/>
      <c r="JR8" s="267" t="s">
        <v>43</v>
      </c>
      <c r="JS8" s="268" t="s">
        <v>44</v>
      </c>
      <c r="JT8" s="270" t="s">
        <v>45</v>
      </c>
      <c r="JU8" s="247" t="s">
        <v>83</v>
      </c>
      <c r="JV8" s="268" t="s">
        <v>47</v>
      </c>
      <c r="JW8" s="268" t="s">
        <v>48</v>
      </c>
      <c r="JX8" s="268" t="s">
        <v>49</v>
      </c>
      <c r="JY8" s="268" t="s">
        <v>50</v>
      </c>
      <c r="JZ8" s="268" t="s">
        <v>51</v>
      </c>
      <c r="KA8" s="269" t="s">
        <v>45</v>
      </c>
      <c r="KB8" s="563"/>
      <c r="KC8" s="267" t="s">
        <v>43</v>
      </c>
      <c r="KD8" s="268" t="s">
        <v>44</v>
      </c>
      <c r="KE8" s="270" t="s">
        <v>45</v>
      </c>
      <c r="KF8" s="247" t="s">
        <v>83</v>
      </c>
      <c r="KG8" s="268" t="s">
        <v>47</v>
      </c>
      <c r="KH8" s="268" t="s">
        <v>48</v>
      </c>
      <c r="KI8" s="268" t="s">
        <v>49</v>
      </c>
      <c r="KJ8" s="268" t="s">
        <v>50</v>
      </c>
      <c r="KK8" s="268" t="s">
        <v>51</v>
      </c>
      <c r="KL8" s="269" t="s">
        <v>45</v>
      </c>
      <c r="KM8" s="563"/>
      <c r="KN8" s="267" t="s">
        <v>43</v>
      </c>
      <c r="KO8" s="268" t="s">
        <v>44</v>
      </c>
      <c r="KP8" s="270" t="s">
        <v>45</v>
      </c>
      <c r="KQ8" s="143" t="s">
        <v>83</v>
      </c>
      <c r="KR8" s="268" t="s">
        <v>47</v>
      </c>
      <c r="KS8" s="268" t="s">
        <v>48</v>
      </c>
      <c r="KT8" s="268" t="s">
        <v>49</v>
      </c>
      <c r="KU8" s="268" t="s">
        <v>50</v>
      </c>
      <c r="KV8" s="268" t="s">
        <v>51</v>
      </c>
      <c r="KW8" s="269" t="s">
        <v>45</v>
      </c>
      <c r="KX8" s="563"/>
      <c r="KY8" s="267" t="s">
        <v>43</v>
      </c>
      <c r="KZ8" s="268" t="s">
        <v>44</v>
      </c>
      <c r="LA8" s="270" t="s">
        <v>45</v>
      </c>
      <c r="LB8" s="143" t="s">
        <v>83</v>
      </c>
      <c r="LC8" s="268" t="s">
        <v>47</v>
      </c>
      <c r="LD8" s="268" t="s">
        <v>48</v>
      </c>
      <c r="LE8" s="268" t="s">
        <v>49</v>
      </c>
      <c r="LF8" s="268" t="s">
        <v>50</v>
      </c>
      <c r="LG8" s="268" t="s">
        <v>51</v>
      </c>
      <c r="LH8" s="269" t="s">
        <v>45</v>
      </c>
      <c r="LI8" s="563"/>
      <c r="LJ8" s="267" t="s">
        <v>43</v>
      </c>
      <c r="LK8" s="268" t="s">
        <v>44</v>
      </c>
      <c r="LL8" s="270" t="s">
        <v>45</v>
      </c>
      <c r="LM8" s="143" t="s">
        <v>83</v>
      </c>
      <c r="LN8" s="268" t="s">
        <v>47</v>
      </c>
      <c r="LO8" s="268" t="s">
        <v>48</v>
      </c>
      <c r="LP8" s="268" t="s">
        <v>49</v>
      </c>
      <c r="LQ8" s="268" t="s">
        <v>50</v>
      </c>
      <c r="LR8" s="268" t="s">
        <v>51</v>
      </c>
      <c r="LS8" s="269" t="s">
        <v>45</v>
      </c>
      <c r="LT8" s="563"/>
      <c r="LU8" s="267" t="s">
        <v>43</v>
      </c>
      <c r="LV8" s="268" t="s">
        <v>44</v>
      </c>
      <c r="LW8" s="270" t="s">
        <v>45</v>
      </c>
      <c r="LX8" s="143" t="s">
        <v>83</v>
      </c>
      <c r="LY8" s="268" t="s">
        <v>47</v>
      </c>
      <c r="LZ8" s="268" t="s">
        <v>48</v>
      </c>
      <c r="MA8" s="268" t="s">
        <v>49</v>
      </c>
      <c r="MB8" s="268" t="s">
        <v>50</v>
      </c>
      <c r="MC8" s="268" t="s">
        <v>51</v>
      </c>
      <c r="MD8" s="269" t="s">
        <v>45</v>
      </c>
      <c r="ME8" s="563"/>
      <c r="MF8" s="267" t="s">
        <v>43</v>
      </c>
      <c r="MG8" s="268" t="s">
        <v>44</v>
      </c>
      <c r="MH8" s="270" t="s">
        <v>45</v>
      </c>
      <c r="MI8" s="143" t="s">
        <v>83</v>
      </c>
      <c r="MJ8" s="268" t="s">
        <v>47</v>
      </c>
      <c r="MK8" s="268" t="s">
        <v>48</v>
      </c>
      <c r="ML8" s="268" t="s">
        <v>49</v>
      </c>
      <c r="MM8" s="268" t="s">
        <v>50</v>
      </c>
      <c r="MN8" s="268" t="s">
        <v>51</v>
      </c>
      <c r="MO8" s="269" t="s">
        <v>45</v>
      </c>
      <c r="MP8" s="563"/>
      <c r="MQ8" s="267" t="s">
        <v>43</v>
      </c>
      <c r="MR8" s="268" t="s">
        <v>44</v>
      </c>
      <c r="MS8" s="270" t="s">
        <v>45</v>
      </c>
      <c r="MT8" s="143" t="s">
        <v>83</v>
      </c>
      <c r="MU8" s="268" t="s">
        <v>47</v>
      </c>
      <c r="MV8" s="268" t="s">
        <v>48</v>
      </c>
      <c r="MW8" s="268" t="s">
        <v>49</v>
      </c>
      <c r="MX8" s="268" t="s">
        <v>50</v>
      </c>
      <c r="MY8" s="268" t="s">
        <v>51</v>
      </c>
      <c r="MZ8" s="269" t="s">
        <v>45</v>
      </c>
      <c r="NA8" s="563"/>
      <c r="NB8" s="267" t="s">
        <v>43</v>
      </c>
      <c r="NC8" s="268" t="s">
        <v>44</v>
      </c>
      <c r="ND8" s="270" t="s">
        <v>45</v>
      </c>
      <c r="NE8" s="143" t="s">
        <v>83</v>
      </c>
      <c r="NF8" s="268" t="s">
        <v>47</v>
      </c>
      <c r="NG8" s="268" t="s">
        <v>48</v>
      </c>
      <c r="NH8" s="268" t="s">
        <v>49</v>
      </c>
      <c r="NI8" s="268" t="s">
        <v>50</v>
      </c>
      <c r="NJ8" s="268" t="s">
        <v>51</v>
      </c>
      <c r="NK8" s="269" t="s">
        <v>45</v>
      </c>
      <c r="NL8" s="563"/>
      <c r="NM8" s="267" t="s">
        <v>43</v>
      </c>
      <c r="NN8" s="268" t="s">
        <v>44</v>
      </c>
      <c r="NO8" s="270" t="s">
        <v>45</v>
      </c>
      <c r="NP8" s="143" t="s">
        <v>83</v>
      </c>
      <c r="NQ8" s="268" t="s">
        <v>47</v>
      </c>
      <c r="NR8" s="268" t="s">
        <v>48</v>
      </c>
      <c r="NS8" s="268" t="s">
        <v>49</v>
      </c>
      <c r="NT8" s="268" t="s">
        <v>50</v>
      </c>
      <c r="NU8" s="268" t="s">
        <v>51</v>
      </c>
      <c r="NV8" s="269" t="s">
        <v>45</v>
      </c>
      <c r="NW8" s="563"/>
      <c r="NX8" s="267" t="s">
        <v>43</v>
      </c>
      <c r="NY8" s="268" t="s">
        <v>44</v>
      </c>
      <c r="NZ8" s="270" t="s">
        <v>45</v>
      </c>
      <c r="OA8" s="143" t="s">
        <v>83</v>
      </c>
      <c r="OB8" s="268" t="s">
        <v>47</v>
      </c>
      <c r="OC8" s="268" t="s">
        <v>48</v>
      </c>
      <c r="OD8" s="268" t="s">
        <v>49</v>
      </c>
      <c r="OE8" s="268" t="s">
        <v>50</v>
      </c>
      <c r="OF8" s="268" t="s">
        <v>51</v>
      </c>
      <c r="OG8" s="269" t="s">
        <v>45</v>
      </c>
      <c r="OH8" s="563"/>
      <c r="OI8" s="267" t="s">
        <v>43</v>
      </c>
      <c r="OJ8" s="268" t="s">
        <v>44</v>
      </c>
      <c r="OK8" s="270" t="s">
        <v>45</v>
      </c>
      <c r="OL8" s="247" t="s">
        <v>83</v>
      </c>
      <c r="OM8" s="268" t="s">
        <v>47</v>
      </c>
      <c r="ON8" s="268" t="s">
        <v>48</v>
      </c>
      <c r="OO8" s="268" t="s">
        <v>49</v>
      </c>
      <c r="OP8" s="268" t="s">
        <v>50</v>
      </c>
      <c r="OQ8" s="268" t="s">
        <v>51</v>
      </c>
      <c r="OR8" s="269" t="s">
        <v>45</v>
      </c>
      <c r="OS8" s="563"/>
    </row>
    <row r="9" spans="1:409" s="434" customFormat="1" ht="21" customHeight="1" x14ac:dyDescent="0.2">
      <c r="A9" s="137"/>
      <c r="B9" s="419" t="s">
        <v>4</v>
      </c>
      <c r="C9" s="271">
        <v>25343105</v>
      </c>
      <c r="D9" s="272">
        <v>45925285</v>
      </c>
      <c r="E9" s="273">
        <v>71268390</v>
      </c>
      <c r="F9" s="274">
        <v>0</v>
      </c>
      <c r="G9" s="272">
        <v>285370540</v>
      </c>
      <c r="H9" s="272">
        <v>376369592</v>
      </c>
      <c r="I9" s="272">
        <v>314646967</v>
      </c>
      <c r="J9" s="272">
        <v>290867817</v>
      </c>
      <c r="K9" s="272">
        <v>194600678</v>
      </c>
      <c r="L9" s="275">
        <v>1461855594</v>
      </c>
      <c r="M9" s="276">
        <v>1533123984</v>
      </c>
      <c r="N9" s="271">
        <v>7745608</v>
      </c>
      <c r="O9" s="272">
        <v>16542203</v>
      </c>
      <c r="P9" s="277">
        <v>24287811</v>
      </c>
      <c r="Q9" s="271">
        <v>0</v>
      </c>
      <c r="R9" s="272">
        <v>91351110</v>
      </c>
      <c r="S9" s="272">
        <v>129437027</v>
      </c>
      <c r="T9" s="272">
        <v>105001508</v>
      </c>
      <c r="U9" s="272">
        <v>107260774</v>
      </c>
      <c r="V9" s="272">
        <v>101105334</v>
      </c>
      <c r="W9" s="277">
        <v>534155753</v>
      </c>
      <c r="X9" s="276">
        <v>558443564</v>
      </c>
      <c r="Y9" s="271">
        <v>0</v>
      </c>
      <c r="Z9" s="272">
        <v>0</v>
      </c>
      <c r="AA9" s="277">
        <v>0</v>
      </c>
      <c r="AB9" s="278">
        <v>0</v>
      </c>
      <c r="AC9" s="279">
        <v>38522608</v>
      </c>
      <c r="AD9" s="279">
        <v>53421916</v>
      </c>
      <c r="AE9" s="279">
        <v>49030756</v>
      </c>
      <c r="AF9" s="279">
        <v>55580674</v>
      </c>
      <c r="AG9" s="279">
        <v>58274225</v>
      </c>
      <c r="AH9" s="277">
        <v>254830179</v>
      </c>
      <c r="AI9" s="276">
        <v>254830179</v>
      </c>
      <c r="AJ9" s="280">
        <v>0</v>
      </c>
      <c r="AK9" s="279">
        <v>16439</v>
      </c>
      <c r="AL9" s="277">
        <v>16439</v>
      </c>
      <c r="AM9" s="278">
        <v>0</v>
      </c>
      <c r="AN9" s="279">
        <v>490807</v>
      </c>
      <c r="AO9" s="275">
        <v>1170774</v>
      </c>
      <c r="AP9" s="279">
        <v>2980429</v>
      </c>
      <c r="AQ9" s="279">
        <v>6337598</v>
      </c>
      <c r="AR9" s="279">
        <v>11046001</v>
      </c>
      <c r="AS9" s="277">
        <v>22025609</v>
      </c>
      <c r="AT9" s="276">
        <v>22042048</v>
      </c>
      <c r="AU9" s="280">
        <v>4012596</v>
      </c>
      <c r="AV9" s="279">
        <v>11206357</v>
      </c>
      <c r="AW9" s="277">
        <v>15218953</v>
      </c>
      <c r="AX9" s="278">
        <v>0</v>
      </c>
      <c r="AY9" s="279">
        <v>32844796</v>
      </c>
      <c r="AZ9" s="279">
        <v>51169219</v>
      </c>
      <c r="BA9" s="279">
        <v>32921342</v>
      </c>
      <c r="BB9" s="279">
        <v>26537501</v>
      </c>
      <c r="BC9" s="279">
        <v>19725059</v>
      </c>
      <c r="BD9" s="277">
        <v>163197917</v>
      </c>
      <c r="BE9" s="281">
        <v>178416870</v>
      </c>
      <c r="BF9" s="280">
        <v>559596</v>
      </c>
      <c r="BG9" s="275">
        <v>1821911</v>
      </c>
      <c r="BH9" s="282">
        <v>2381507</v>
      </c>
      <c r="BI9" s="278">
        <v>0</v>
      </c>
      <c r="BJ9" s="279">
        <v>2681107</v>
      </c>
      <c r="BK9" s="279">
        <v>3636846</v>
      </c>
      <c r="BL9" s="279">
        <v>2705469</v>
      </c>
      <c r="BM9" s="279">
        <v>2325113</v>
      </c>
      <c r="BN9" s="279">
        <v>1166553</v>
      </c>
      <c r="BO9" s="277">
        <v>12515088</v>
      </c>
      <c r="BP9" s="276">
        <v>14896595</v>
      </c>
      <c r="BQ9" s="280">
        <v>3173416</v>
      </c>
      <c r="BR9" s="279">
        <v>3497496</v>
      </c>
      <c r="BS9" s="277">
        <v>6670912</v>
      </c>
      <c r="BT9" s="278">
        <v>0</v>
      </c>
      <c r="BU9" s="279">
        <v>16811792</v>
      </c>
      <c r="BV9" s="279">
        <v>20038272</v>
      </c>
      <c r="BW9" s="279">
        <v>17363512</v>
      </c>
      <c r="BX9" s="279">
        <v>16479888</v>
      </c>
      <c r="BY9" s="279">
        <v>10893496</v>
      </c>
      <c r="BZ9" s="277">
        <v>81586960</v>
      </c>
      <c r="CA9" s="276">
        <v>88257872</v>
      </c>
      <c r="CB9" s="280">
        <v>3216042</v>
      </c>
      <c r="CC9" s="279">
        <v>7110126</v>
      </c>
      <c r="CD9" s="277">
        <v>10326168</v>
      </c>
      <c r="CE9" s="278">
        <v>0</v>
      </c>
      <c r="CF9" s="279">
        <v>85116655</v>
      </c>
      <c r="CG9" s="279">
        <v>105809021</v>
      </c>
      <c r="CH9" s="283">
        <v>75419074</v>
      </c>
      <c r="CI9" s="279">
        <v>41529663</v>
      </c>
      <c r="CJ9" s="279">
        <v>16290677</v>
      </c>
      <c r="CK9" s="277">
        <v>324165090</v>
      </c>
      <c r="CL9" s="276">
        <v>334491258</v>
      </c>
      <c r="CM9" s="271">
        <v>0</v>
      </c>
      <c r="CN9" s="272">
        <v>0</v>
      </c>
      <c r="CO9" s="277">
        <v>0</v>
      </c>
      <c r="CP9" s="278">
        <v>0</v>
      </c>
      <c r="CQ9" s="279">
        <v>69332471</v>
      </c>
      <c r="CR9" s="279">
        <v>77519708</v>
      </c>
      <c r="CS9" s="279">
        <v>54875393</v>
      </c>
      <c r="CT9" s="279">
        <v>27690262</v>
      </c>
      <c r="CU9" s="279">
        <v>12872947</v>
      </c>
      <c r="CV9" s="284">
        <v>242290781</v>
      </c>
      <c r="CW9" s="276">
        <v>242290781</v>
      </c>
      <c r="CX9" s="280">
        <v>3216042</v>
      </c>
      <c r="CY9" s="279">
        <v>7110126</v>
      </c>
      <c r="CZ9" s="277">
        <v>10326168</v>
      </c>
      <c r="DA9" s="278">
        <v>0</v>
      </c>
      <c r="DB9" s="279">
        <v>15784184</v>
      </c>
      <c r="DC9" s="279">
        <v>28289313</v>
      </c>
      <c r="DD9" s="279">
        <v>20543681</v>
      </c>
      <c r="DE9" s="279">
        <v>13839401</v>
      </c>
      <c r="DF9" s="279">
        <v>3417730</v>
      </c>
      <c r="DG9" s="277">
        <v>81874309</v>
      </c>
      <c r="DH9" s="276">
        <v>92200477</v>
      </c>
      <c r="DI9" s="280">
        <v>94897</v>
      </c>
      <c r="DJ9" s="279">
        <v>934409</v>
      </c>
      <c r="DK9" s="282">
        <v>1029306</v>
      </c>
      <c r="DL9" s="278">
        <v>0</v>
      </c>
      <c r="DM9" s="279">
        <v>9257558</v>
      </c>
      <c r="DN9" s="279">
        <v>15060385</v>
      </c>
      <c r="DO9" s="279">
        <v>29103966</v>
      </c>
      <c r="DP9" s="279">
        <v>25944047</v>
      </c>
      <c r="DQ9" s="279">
        <v>12175002</v>
      </c>
      <c r="DR9" s="285">
        <v>91540958</v>
      </c>
      <c r="DS9" s="276">
        <v>92570264</v>
      </c>
      <c r="DT9" s="280">
        <v>94897</v>
      </c>
      <c r="DU9" s="279">
        <v>859826</v>
      </c>
      <c r="DV9" s="277">
        <v>954723</v>
      </c>
      <c r="DW9" s="278">
        <v>0</v>
      </c>
      <c r="DX9" s="279">
        <v>8057399</v>
      </c>
      <c r="DY9" s="279">
        <v>13304512</v>
      </c>
      <c r="DZ9" s="279">
        <v>25249537</v>
      </c>
      <c r="EA9" s="279">
        <v>23595496</v>
      </c>
      <c r="EB9" s="279">
        <v>10329251</v>
      </c>
      <c r="EC9" s="277">
        <v>80536195</v>
      </c>
      <c r="ED9" s="276">
        <v>81490918</v>
      </c>
      <c r="EE9" s="280">
        <v>0</v>
      </c>
      <c r="EF9" s="275">
        <v>74583</v>
      </c>
      <c r="EG9" s="277">
        <v>74583</v>
      </c>
      <c r="EH9" s="281">
        <v>0</v>
      </c>
      <c r="EI9" s="279">
        <v>1200159</v>
      </c>
      <c r="EJ9" s="279">
        <v>1755873</v>
      </c>
      <c r="EK9" s="279">
        <v>3854429</v>
      </c>
      <c r="EL9" s="279">
        <v>2348551</v>
      </c>
      <c r="EM9" s="283">
        <v>1845751</v>
      </c>
      <c r="EN9" s="275">
        <v>11004763</v>
      </c>
      <c r="EO9" s="276">
        <v>11079346</v>
      </c>
      <c r="EP9" s="280">
        <v>0</v>
      </c>
      <c r="EQ9" s="279">
        <v>0</v>
      </c>
      <c r="ER9" s="275">
        <v>0</v>
      </c>
      <c r="ES9" s="278">
        <v>0</v>
      </c>
      <c r="ET9" s="279">
        <v>0</v>
      </c>
      <c r="EU9" s="279">
        <v>0</v>
      </c>
      <c r="EV9" s="279">
        <v>0</v>
      </c>
      <c r="EW9" s="279">
        <v>0</v>
      </c>
      <c r="EX9" s="279">
        <v>0</v>
      </c>
      <c r="EY9" s="284">
        <v>0</v>
      </c>
      <c r="EZ9" s="276">
        <v>0</v>
      </c>
      <c r="FA9" s="280">
        <v>0</v>
      </c>
      <c r="FB9" s="279">
        <v>0</v>
      </c>
      <c r="FC9" s="275">
        <v>0</v>
      </c>
      <c r="FD9" s="278">
        <v>0</v>
      </c>
      <c r="FE9" s="279">
        <v>0</v>
      </c>
      <c r="FF9" s="279">
        <v>0</v>
      </c>
      <c r="FG9" s="279">
        <v>0</v>
      </c>
      <c r="FH9" s="279">
        <v>0</v>
      </c>
      <c r="FI9" s="279">
        <v>0</v>
      </c>
      <c r="FJ9" s="284">
        <v>0</v>
      </c>
      <c r="FK9" s="276">
        <v>0</v>
      </c>
      <c r="FL9" s="280">
        <v>4949929</v>
      </c>
      <c r="FM9" s="279">
        <v>10018042</v>
      </c>
      <c r="FN9" s="277">
        <v>14967971</v>
      </c>
      <c r="FO9" s="278">
        <v>0</v>
      </c>
      <c r="FP9" s="279">
        <v>15403958</v>
      </c>
      <c r="FQ9" s="279">
        <v>40414035</v>
      </c>
      <c r="FR9" s="279">
        <v>28017328</v>
      </c>
      <c r="FS9" s="279">
        <v>23741743</v>
      </c>
      <c r="FT9" s="279">
        <v>15361239</v>
      </c>
      <c r="FU9" s="277">
        <v>122938303</v>
      </c>
      <c r="FV9" s="276">
        <v>137906274</v>
      </c>
      <c r="FW9" s="280">
        <v>2972736</v>
      </c>
      <c r="FX9" s="279">
        <v>7720160</v>
      </c>
      <c r="FY9" s="275">
        <v>10692896</v>
      </c>
      <c r="FZ9" s="281">
        <v>0</v>
      </c>
      <c r="GA9" s="279">
        <v>10991129</v>
      </c>
      <c r="GB9" s="286">
        <v>37868503</v>
      </c>
      <c r="GC9" s="279">
        <v>26417852</v>
      </c>
      <c r="GD9" s="286">
        <v>22729039</v>
      </c>
      <c r="GE9" s="279">
        <v>14925940</v>
      </c>
      <c r="GF9" s="284">
        <v>112932463</v>
      </c>
      <c r="GG9" s="287">
        <v>123625359</v>
      </c>
      <c r="GH9" s="288">
        <v>119312</v>
      </c>
      <c r="GI9" s="279">
        <v>416162</v>
      </c>
      <c r="GJ9" s="286">
        <v>535474</v>
      </c>
      <c r="GK9" s="274">
        <v>0</v>
      </c>
      <c r="GL9" s="279">
        <v>770984</v>
      </c>
      <c r="GM9" s="275">
        <v>740348</v>
      </c>
      <c r="GN9" s="279">
        <v>421664</v>
      </c>
      <c r="GO9" s="275">
        <v>417184</v>
      </c>
      <c r="GP9" s="279">
        <v>347299</v>
      </c>
      <c r="GQ9" s="285">
        <v>2697479</v>
      </c>
      <c r="GR9" s="276">
        <v>3232953</v>
      </c>
      <c r="GS9" s="275">
        <v>1857881</v>
      </c>
      <c r="GT9" s="279">
        <v>1881720</v>
      </c>
      <c r="GU9" s="277">
        <v>3739601</v>
      </c>
      <c r="GV9" s="275">
        <v>0</v>
      </c>
      <c r="GW9" s="279">
        <v>3641845</v>
      </c>
      <c r="GX9" s="275">
        <v>1805184</v>
      </c>
      <c r="GY9" s="279">
        <v>1177812</v>
      </c>
      <c r="GZ9" s="275">
        <v>595520</v>
      </c>
      <c r="HA9" s="279">
        <v>88000</v>
      </c>
      <c r="HB9" s="275">
        <v>7308361</v>
      </c>
      <c r="HC9" s="276">
        <v>11047962</v>
      </c>
      <c r="HD9" s="275">
        <v>9336629</v>
      </c>
      <c r="HE9" s="279">
        <v>11320505</v>
      </c>
      <c r="HF9" s="275">
        <v>20657134</v>
      </c>
      <c r="HG9" s="281">
        <v>0</v>
      </c>
      <c r="HH9" s="279">
        <v>84241259</v>
      </c>
      <c r="HI9" s="286">
        <v>85649124</v>
      </c>
      <c r="HJ9" s="279">
        <v>77105091</v>
      </c>
      <c r="HK9" s="286">
        <v>92391590</v>
      </c>
      <c r="HL9" s="279">
        <v>49668426</v>
      </c>
      <c r="HM9" s="284">
        <v>389055490</v>
      </c>
      <c r="HN9" s="275">
        <v>409712624</v>
      </c>
      <c r="HO9" s="288">
        <v>0</v>
      </c>
      <c r="HP9" s="279">
        <v>0</v>
      </c>
      <c r="HQ9" s="284">
        <v>0</v>
      </c>
      <c r="HR9" s="286">
        <v>0</v>
      </c>
      <c r="HS9" s="279">
        <v>0</v>
      </c>
      <c r="HT9" s="286">
        <v>0</v>
      </c>
      <c r="HU9" s="279">
        <v>0</v>
      </c>
      <c r="HV9" s="286">
        <v>0</v>
      </c>
      <c r="HW9" s="279">
        <v>0</v>
      </c>
      <c r="HX9" s="286">
        <v>0</v>
      </c>
      <c r="HY9" s="276">
        <v>0</v>
      </c>
      <c r="HZ9" s="289">
        <v>550505</v>
      </c>
      <c r="IA9" s="290">
        <v>741459</v>
      </c>
      <c r="IB9" s="291">
        <v>1291964</v>
      </c>
      <c r="IC9" s="292">
        <v>0</v>
      </c>
      <c r="ID9" s="290">
        <v>73249766</v>
      </c>
      <c r="IE9" s="293">
        <v>99466328</v>
      </c>
      <c r="IF9" s="294">
        <v>102887710</v>
      </c>
      <c r="IG9" s="290">
        <v>73926431</v>
      </c>
      <c r="IH9" s="294">
        <v>44935763</v>
      </c>
      <c r="II9" s="295">
        <v>394465998</v>
      </c>
      <c r="IJ9" s="296">
        <v>395757962</v>
      </c>
      <c r="IK9" s="297">
        <v>0</v>
      </c>
      <c r="IL9" s="298">
        <v>0</v>
      </c>
      <c r="IM9" s="299">
        <v>0</v>
      </c>
      <c r="IN9" s="433">
        <v>0</v>
      </c>
      <c r="IO9" s="300">
        <v>1153276</v>
      </c>
      <c r="IP9" s="300">
        <v>2476800</v>
      </c>
      <c r="IQ9" s="300">
        <v>3949154</v>
      </c>
      <c r="IR9" s="300">
        <v>5812754</v>
      </c>
      <c r="IS9" s="300">
        <v>3294223</v>
      </c>
      <c r="IT9" s="301">
        <v>16686207</v>
      </c>
      <c r="IU9" s="302">
        <v>16686207</v>
      </c>
      <c r="IV9" s="303">
        <v>0</v>
      </c>
      <c r="IW9" s="300">
        <v>0</v>
      </c>
      <c r="IX9" s="304">
        <v>0</v>
      </c>
      <c r="IY9" s="433">
        <v>0</v>
      </c>
      <c r="IZ9" s="300">
        <v>175574</v>
      </c>
      <c r="JA9" s="300">
        <v>674810</v>
      </c>
      <c r="JB9" s="300">
        <v>596904</v>
      </c>
      <c r="JC9" s="300">
        <v>957079</v>
      </c>
      <c r="JD9" s="300">
        <v>890864</v>
      </c>
      <c r="JE9" s="304">
        <v>3295231</v>
      </c>
      <c r="JF9" s="305">
        <v>3295231</v>
      </c>
      <c r="JG9" s="303">
        <v>0</v>
      </c>
      <c r="JH9" s="300">
        <v>0</v>
      </c>
      <c r="JI9" s="301">
        <v>0</v>
      </c>
      <c r="JJ9" s="306">
        <v>0</v>
      </c>
      <c r="JK9" s="300">
        <v>31627298</v>
      </c>
      <c r="JL9" s="300">
        <v>38848283</v>
      </c>
      <c r="JM9" s="300">
        <v>26153767</v>
      </c>
      <c r="JN9" s="300">
        <v>13506504</v>
      </c>
      <c r="JO9" s="300">
        <v>6879858</v>
      </c>
      <c r="JP9" s="304">
        <v>117015710</v>
      </c>
      <c r="JQ9" s="302">
        <v>117015710</v>
      </c>
      <c r="JR9" s="303">
        <v>29804</v>
      </c>
      <c r="JS9" s="300">
        <v>74301</v>
      </c>
      <c r="JT9" s="301">
        <v>104105</v>
      </c>
      <c r="JU9" s="306">
        <v>0</v>
      </c>
      <c r="JV9" s="300">
        <v>4170291</v>
      </c>
      <c r="JW9" s="300">
        <v>6959165</v>
      </c>
      <c r="JX9" s="300">
        <v>8510446</v>
      </c>
      <c r="JY9" s="300">
        <v>4463787</v>
      </c>
      <c r="JZ9" s="300">
        <v>2053814</v>
      </c>
      <c r="KA9" s="304">
        <v>26157503</v>
      </c>
      <c r="KB9" s="302">
        <v>26261608</v>
      </c>
      <c r="KC9" s="307">
        <v>520701</v>
      </c>
      <c r="KD9" s="308">
        <v>667158</v>
      </c>
      <c r="KE9" s="304">
        <v>1187859</v>
      </c>
      <c r="KF9" s="306">
        <v>0</v>
      </c>
      <c r="KG9" s="300">
        <v>10847965</v>
      </c>
      <c r="KH9" s="300">
        <v>12644281</v>
      </c>
      <c r="KI9" s="300">
        <v>17209254</v>
      </c>
      <c r="KJ9" s="300">
        <v>9014293</v>
      </c>
      <c r="KK9" s="300">
        <v>5061690</v>
      </c>
      <c r="KL9" s="304">
        <v>54777483</v>
      </c>
      <c r="KM9" s="309">
        <v>55965342</v>
      </c>
      <c r="KN9" s="297">
        <v>0</v>
      </c>
      <c r="KO9" s="298">
        <v>0</v>
      </c>
      <c r="KP9" s="299">
        <v>0</v>
      </c>
      <c r="KQ9" s="433">
        <v>0</v>
      </c>
      <c r="KR9" s="300">
        <v>21256036</v>
      </c>
      <c r="KS9" s="300">
        <v>32703270</v>
      </c>
      <c r="KT9" s="300">
        <v>36889096</v>
      </c>
      <c r="KU9" s="300">
        <v>25975809</v>
      </c>
      <c r="KV9" s="300">
        <v>13702279</v>
      </c>
      <c r="KW9" s="304">
        <v>130526490</v>
      </c>
      <c r="KX9" s="302">
        <v>130526490</v>
      </c>
      <c r="KY9" s="303">
        <v>0</v>
      </c>
      <c r="KZ9" s="300">
        <v>0</v>
      </c>
      <c r="LA9" s="304">
        <v>0</v>
      </c>
      <c r="LB9" s="433">
        <v>0</v>
      </c>
      <c r="LC9" s="300">
        <v>597775</v>
      </c>
      <c r="LD9" s="300">
        <v>1049017</v>
      </c>
      <c r="LE9" s="300">
        <v>741421</v>
      </c>
      <c r="LF9" s="300">
        <v>382227</v>
      </c>
      <c r="LG9" s="300">
        <v>409143</v>
      </c>
      <c r="LH9" s="304">
        <v>3179583</v>
      </c>
      <c r="LI9" s="305">
        <v>3179583</v>
      </c>
      <c r="LJ9" s="303">
        <v>0</v>
      </c>
      <c r="LK9" s="300">
        <v>0</v>
      </c>
      <c r="LL9" s="304">
        <v>0</v>
      </c>
      <c r="LM9" s="433">
        <v>0</v>
      </c>
      <c r="LN9" s="300">
        <v>214091</v>
      </c>
      <c r="LO9" s="300">
        <v>446286</v>
      </c>
      <c r="LP9" s="300">
        <v>4112160</v>
      </c>
      <c r="LQ9" s="300">
        <v>5869547</v>
      </c>
      <c r="LR9" s="300">
        <v>3457171</v>
      </c>
      <c r="LS9" s="304">
        <v>14099255</v>
      </c>
      <c r="LT9" s="302">
        <v>14099255</v>
      </c>
      <c r="LU9" s="303">
        <v>0</v>
      </c>
      <c r="LV9" s="300">
        <v>0</v>
      </c>
      <c r="LW9" s="304">
        <v>0</v>
      </c>
      <c r="LX9" s="433">
        <v>0</v>
      </c>
      <c r="LY9" s="300">
        <v>3207460</v>
      </c>
      <c r="LZ9" s="300">
        <v>3664416</v>
      </c>
      <c r="MA9" s="300">
        <v>4725508</v>
      </c>
      <c r="MB9" s="300">
        <v>7944431</v>
      </c>
      <c r="MC9" s="300">
        <v>9186721</v>
      </c>
      <c r="MD9" s="304">
        <v>28728536</v>
      </c>
      <c r="ME9" s="305">
        <v>28728536</v>
      </c>
      <c r="MF9" s="303">
        <v>0</v>
      </c>
      <c r="MG9" s="300">
        <v>0</v>
      </c>
      <c r="MH9" s="304">
        <v>0</v>
      </c>
      <c r="MI9" s="433">
        <v>0</v>
      </c>
      <c r="MJ9" s="300">
        <v>22245647</v>
      </c>
      <c r="MK9" s="300">
        <v>53925828</v>
      </c>
      <c r="ML9" s="300">
        <v>167398804</v>
      </c>
      <c r="MM9" s="300">
        <v>251852469</v>
      </c>
      <c r="MN9" s="300">
        <v>136695622</v>
      </c>
      <c r="MO9" s="304">
        <v>632118370</v>
      </c>
      <c r="MP9" s="309">
        <v>632118370</v>
      </c>
      <c r="MQ9" s="303">
        <v>0</v>
      </c>
      <c r="MR9" s="300">
        <v>0</v>
      </c>
      <c r="MS9" s="304">
        <v>0</v>
      </c>
      <c r="MT9" s="433">
        <v>0</v>
      </c>
      <c r="MU9" s="300">
        <v>2957562</v>
      </c>
      <c r="MV9" s="300">
        <v>14593252</v>
      </c>
      <c r="MW9" s="300">
        <v>101244376</v>
      </c>
      <c r="MX9" s="300">
        <v>158312655</v>
      </c>
      <c r="MY9" s="300">
        <v>86294513</v>
      </c>
      <c r="MZ9" s="304">
        <v>363402358</v>
      </c>
      <c r="NA9" s="309">
        <v>363402358</v>
      </c>
      <c r="NB9" s="303">
        <v>0</v>
      </c>
      <c r="NC9" s="300">
        <v>0</v>
      </c>
      <c r="ND9" s="304">
        <v>0</v>
      </c>
      <c r="NE9" s="433">
        <v>0</v>
      </c>
      <c r="NF9" s="300">
        <v>19288085</v>
      </c>
      <c r="NG9" s="300">
        <v>38876129</v>
      </c>
      <c r="NH9" s="300">
        <v>66154428</v>
      </c>
      <c r="NI9" s="300">
        <v>88723080</v>
      </c>
      <c r="NJ9" s="300">
        <v>44303518</v>
      </c>
      <c r="NK9" s="304">
        <v>257345240</v>
      </c>
      <c r="NL9" s="302">
        <v>257345240</v>
      </c>
      <c r="NM9" s="303">
        <v>0</v>
      </c>
      <c r="NN9" s="300">
        <v>0</v>
      </c>
      <c r="NO9" s="304">
        <v>0</v>
      </c>
      <c r="NP9" s="433">
        <v>0</v>
      </c>
      <c r="NQ9" s="300">
        <v>0</v>
      </c>
      <c r="NR9" s="300">
        <v>0</v>
      </c>
      <c r="NS9" s="300">
        <v>0</v>
      </c>
      <c r="NT9" s="300">
        <v>1101017</v>
      </c>
      <c r="NU9" s="300">
        <v>1229267</v>
      </c>
      <c r="NV9" s="304">
        <v>2330284</v>
      </c>
      <c r="NW9" s="305">
        <v>2330284</v>
      </c>
      <c r="NX9" s="303">
        <v>0</v>
      </c>
      <c r="NY9" s="300">
        <v>0</v>
      </c>
      <c r="NZ9" s="304">
        <v>0</v>
      </c>
      <c r="OA9" s="433">
        <v>0</v>
      </c>
      <c r="OB9" s="300">
        <v>0</v>
      </c>
      <c r="OC9" s="300">
        <v>456447</v>
      </c>
      <c r="OD9" s="300">
        <v>0</v>
      </c>
      <c r="OE9" s="300">
        <v>3715717</v>
      </c>
      <c r="OF9" s="300">
        <v>4868324</v>
      </c>
      <c r="OG9" s="304">
        <v>9040488</v>
      </c>
      <c r="OH9" s="305">
        <v>9040488</v>
      </c>
      <c r="OI9" s="303">
        <v>25893610</v>
      </c>
      <c r="OJ9" s="300">
        <v>46666744</v>
      </c>
      <c r="OK9" s="301">
        <v>72560354</v>
      </c>
      <c r="OL9" s="306">
        <v>0</v>
      </c>
      <c r="OM9" s="300">
        <v>380865953</v>
      </c>
      <c r="ON9" s="300">
        <v>529761748</v>
      </c>
      <c r="OO9" s="300">
        <v>584933481</v>
      </c>
      <c r="OP9" s="300">
        <v>616646717</v>
      </c>
      <c r="OQ9" s="300">
        <v>376232063</v>
      </c>
      <c r="OR9" s="304">
        <v>2488439962</v>
      </c>
      <c r="OS9" s="309">
        <v>2561000316</v>
      </c>
    </row>
    <row r="10" spans="1:409" s="434" customFormat="1" ht="21" customHeight="1" x14ac:dyDescent="0.2">
      <c r="A10" s="137"/>
      <c r="B10" s="420" t="s">
        <v>5</v>
      </c>
      <c r="C10" s="310">
        <v>10742847</v>
      </c>
      <c r="D10" s="311">
        <v>25633042</v>
      </c>
      <c r="E10" s="312">
        <v>36375889</v>
      </c>
      <c r="F10" s="313">
        <v>0</v>
      </c>
      <c r="G10" s="311">
        <v>103294996</v>
      </c>
      <c r="H10" s="311">
        <v>174542120</v>
      </c>
      <c r="I10" s="311">
        <v>143669895</v>
      </c>
      <c r="J10" s="311">
        <v>127401065</v>
      </c>
      <c r="K10" s="311">
        <v>86897235</v>
      </c>
      <c r="L10" s="313">
        <v>635805311</v>
      </c>
      <c r="M10" s="314">
        <v>672181200</v>
      </c>
      <c r="N10" s="310">
        <v>3707213</v>
      </c>
      <c r="O10" s="311">
        <v>9891047</v>
      </c>
      <c r="P10" s="312">
        <v>13598260</v>
      </c>
      <c r="Q10" s="310">
        <v>0</v>
      </c>
      <c r="R10" s="311">
        <v>35517802</v>
      </c>
      <c r="S10" s="311">
        <v>65665966</v>
      </c>
      <c r="T10" s="311">
        <v>51430920</v>
      </c>
      <c r="U10" s="311">
        <v>47062813</v>
      </c>
      <c r="V10" s="311">
        <v>44092478</v>
      </c>
      <c r="W10" s="312">
        <v>243769979</v>
      </c>
      <c r="X10" s="314">
        <v>257368239</v>
      </c>
      <c r="Y10" s="310">
        <v>0</v>
      </c>
      <c r="Z10" s="311">
        <v>0</v>
      </c>
      <c r="AA10" s="312">
        <v>0</v>
      </c>
      <c r="AB10" s="310">
        <v>0</v>
      </c>
      <c r="AC10" s="311">
        <v>14811405</v>
      </c>
      <c r="AD10" s="311">
        <v>25409522</v>
      </c>
      <c r="AE10" s="311">
        <v>23097859</v>
      </c>
      <c r="AF10" s="311">
        <v>22724533</v>
      </c>
      <c r="AG10" s="311">
        <v>24035056</v>
      </c>
      <c r="AH10" s="312">
        <v>110078375</v>
      </c>
      <c r="AI10" s="314">
        <v>110078375</v>
      </c>
      <c r="AJ10" s="310">
        <v>0</v>
      </c>
      <c r="AK10" s="311">
        <v>16439</v>
      </c>
      <c r="AL10" s="312">
        <v>16439</v>
      </c>
      <c r="AM10" s="310">
        <v>0</v>
      </c>
      <c r="AN10" s="311">
        <v>135814</v>
      </c>
      <c r="AO10" s="311">
        <v>366491</v>
      </c>
      <c r="AP10" s="311">
        <v>1464875</v>
      </c>
      <c r="AQ10" s="311">
        <v>2935679</v>
      </c>
      <c r="AR10" s="311">
        <v>5465626</v>
      </c>
      <c r="AS10" s="312">
        <v>10368485</v>
      </c>
      <c r="AT10" s="314">
        <v>10384924</v>
      </c>
      <c r="AU10" s="310">
        <v>2109806</v>
      </c>
      <c r="AV10" s="311">
        <v>6962803</v>
      </c>
      <c r="AW10" s="312">
        <v>9072609</v>
      </c>
      <c r="AX10" s="310">
        <v>0</v>
      </c>
      <c r="AY10" s="311">
        <v>13634987</v>
      </c>
      <c r="AZ10" s="311">
        <v>29077621</v>
      </c>
      <c r="BA10" s="311">
        <v>17988311</v>
      </c>
      <c r="BB10" s="311">
        <v>13437520</v>
      </c>
      <c r="BC10" s="311">
        <v>9258824</v>
      </c>
      <c r="BD10" s="312">
        <v>83397263</v>
      </c>
      <c r="BE10" s="314">
        <v>92469872</v>
      </c>
      <c r="BF10" s="310">
        <v>214007</v>
      </c>
      <c r="BG10" s="311">
        <v>789077</v>
      </c>
      <c r="BH10" s="315">
        <v>1003084</v>
      </c>
      <c r="BI10" s="316">
        <v>0</v>
      </c>
      <c r="BJ10" s="311">
        <v>708620</v>
      </c>
      <c r="BK10" s="311">
        <v>1504860</v>
      </c>
      <c r="BL10" s="311">
        <v>1184219</v>
      </c>
      <c r="BM10" s="311">
        <v>1024897</v>
      </c>
      <c r="BN10" s="311">
        <v>609580</v>
      </c>
      <c r="BO10" s="312">
        <v>5032176</v>
      </c>
      <c r="BP10" s="314">
        <v>6035260</v>
      </c>
      <c r="BQ10" s="310">
        <v>1383400</v>
      </c>
      <c r="BR10" s="311">
        <v>2122728</v>
      </c>
      <c r="BS10" s="312">
        <v>3506128</v>
      </c>
      <c r="BT10" s="310">
        <v>0</v>
      </c>
      <c r="BU10" s="311">
        <v>6226976</v>
      </c>
      <c r="BV10" s="311">
        <v>9307472</v>
      </c>
      <c r="BW10" s="311">
        <v>7695656</v>
      </c>
      <c r="BX10" s="311">
        <v>6940184</v>
      </c>
      <c r="BY10" s="311">
        <v>4723392</v>
      </c>
      <c r="BZ10" s="312">
        <v>34893680</v>
      </c>
      <c r="CA10" s="314">
        <v>38399808</v>
      </c>
      <c r="CB10" s="310">
        <v>1671234</v>
      </c>
      <c r="CC10" s="311">
        <v>3784681</v>
      </c>
      <c r="CD10" s="312">
        <v>5455915</v>
      </c>
      <c r="CE10" s="310">
        <v>0</v>
      </c>
      <c r="CF10" s="311">
        <v>30000798</v>
      </c>
      <c r="CG10" s="311">
        <v>44942737</v>
      </c>
      <c r="CH10" s="311">
        <v>32129584</v>
      </c>
      <c r="CI10" s="311">
        <v>18153528</v>
      </c>
      <c r="CJ10" s="311">
        <v>7266383</v>
      </c>
      <c r="CK10" s="312">
        <v>132493030</v>
      </c>
      <c r="CL10" s="314">
        <v>137948945</v>
      </c>
      <c r="CM10" s="310">
        <v>0</v>
      </c>
      <c r="CN10" s="311">
        <v>0</v>
      </c>
      <c r="CO10" s="312">
        <v>0</v>
      </c>
      <c r="CP10" s="316">
        <v>0</v>
      </c>
      <c r="CQ10" s="311">
        <v>24637488</v>
      </c>
      <c r="CR10" s="311">
        <v>31585507</v>
      </c>
      <c r="CS10" s="311">
        <v>21866438</v>
      </c>
      <c r="CT10" s="311">
        <v>10678753</v>
      </c>
      <c r="CU10" s="311">
        <v>5880482</v>
      </c>
      <c r="CV10" s="312">
        <v>94648668</v>
      </c>
      <c r="CW10" s="314">
        <v>94648668</v>
      </c>
      <c r="CX10" s="310">
        <v>1671234</v>
      </c>
      <c r="CY10" s="311">
        <v>3784681</v>
      </c>
      <c r="CZ10" s="312">
        <v>5455915</v>
      </c>
      <c r="DA10" s="310">
        <v>0</v>
      </c>
      <c r="DB10" s="311">
        <v>5363310</v>
      </c>
      <c r="DC10" s="311">
        <v>13357230</v>
      </c>
      <c r="DD10" s="311">
        <v>10263146</v>
      </c>
      <c r="DE10" s="311">
        <v>7474775</v>
      </c>
      <c r="DF10" s="311">
        <v>1385901</v>
      </c>
      <c r="DG10" s="312">
        <v>37844362</v>
      </c>
      <c r="DH10" s="314">
        <v>43300277</v>
      </c>
      <c r="DI10" s="310">
        <v>10331</v>
      </c>
      <c r="DJ10" s="311">
        <v>651753</v>
      </c>
      <c r="DK10" s="315">
        <v>662084</v>
      </c>
      <c r="DL10" s="316">
        <v>0</v>
      </c>
      <c r="DM10" s="311">
        <v>3672222</v>
      </c>
      <c r="DN10" s="311">
        <v>5620708</v>
      </c>
      <c r="DO10" s="311">
        <v>13588586</v>
      </c>
      <c r="DP10" s="311">
        <v>10397634</v>
      </c>
      <c r="DQ10" s="311">
        <v>6103914</v>
      </c>
      <c r="DR10" s="312">
        <v>39383064</v>
      </c>
      <c r="DS10" s="314">
        <v>40045148</v>
      </c>
      <c r="DT10" s="310">
        <v>10331</v>
      </c>
      <c r="DU10" s="311">
        <v>577170</v>
      </c>
      <c r="DV10" s="312">
        <v>587501</v>
      </c>
      <c r="DW10" s="310">
        <v>0</v>
      </c>
      <c r="DX10" s="311">
        <v>2912621</v>
      </c>
      <c r="DY10" s="311">
        <v>4298991</v>
      </c>
      <c r="DZ10" s="311">
        <v>11228483</v>
      </c>
      <c r="EA10" s="311">
        <v>8740294</v>
      </c>
      <c r="EB10" s="311">
        <v>4489836</v>
      </c>
      <c r="EC10" s="312">
        <v>31670225</v>
      </c>
      <c r="ED10" s="314">
        <v>32257726</v>
      </c>
      <c r="EE10" s="310">
        <v>0</v>
      </c>
      <c r="EF10" s="315">
        <v>74583</v>
      </c>
      <c r="EG10" s="312">
        <v>74583</v>
      </c>
      <c r="EH10" s="310">
        <v>0</v>
      </c>
      <c r="EI10" s="311">
        <v>759601</v>
      </c>
      <c r="EJ10" s="311">
        <v>1321717</v>
      </c>
      <c r="EK10" s="311">
        <v>2360103</v>
      </c>
      <c r="EL10" s="311">
        <v>1657340</v>
      </c>
      <c r="EM10" s="311">
        <v>1614078</v>
      </c>
      <c r="EN10" s="315">
        <v>7712839</v>
      </c>
      <c r="EO10" s="314">
        <v>7787422</v>
      </c>
      <c r="EP10" s="310">
        <v>0</v>
      </c>
      <c r="EQ10" s="311">
        <v>0</v>
      </c>
      <c r="ER10" s="315">
        <v>0</v>
      </c>
      <c r="ES10" s="316">
        <v>0</v>
      </c>
      <c r="ET10" s="311">
        <v>0</v>
      </c>
      <c r="EU10" s="311">
        <v>0</v>
      </c>
      <c r="EV10" s="311">
        <v>0</v>
      </c>
      <c r="EW10" s="311">
        <v>0</v>
      </c>
      <c r="EX10" s="311">
        <v>0</v>
      </c>
      <c r="EY10" s="312">
        <v>0</v>
      </c>
      <c r="EZ10" s="314">
        <v>0</v>
      </c>
      <c r="FA10" s="310">
        <v>0</v>
      </c>
      <c r="FB10" s="311">
        <v>0</v>
      </c>
      <c r="FC10" s="315">
        <v>0</v>
      </c>
      <c r="FD10" s="316">
        <v>0</v>
      </c>
      <c r="FE10" s="311">
        <v>0</v>
      </c>
      <c r="FF10" s="311">
        <v>0</v>
      </c>
      <c r="FG10" s="311">
        <v>0</v>
      </c>
      <c r="FH10" s="311">
        <v>0</v>
      </c>
      <c r="FI10" s="311">
        <v>0</v>
      </c>
      <c r="FJ10" s="312">
        <v>0</v>
      </c>
      <c r="FK10" s="314">
        <v>0</v>
      </c>
      <c r="FL10" s="310">
        <v>1680208</v>
      </c>
      <c r="FM10" s="311">
        <v>4460416</v>
      </c>
      <c r="FN10" s="312">
        <v>6140624</v>
      </c>
      <c r="FO10" s="310">
        <v>0</v>
      </c>
      <c r="FP10" s="311">
        <v>4281436</v>
      </c>
      <c r="FQ10" s="311">
        <v>18041495</v>
      </c>
      <c r="FR10" s="311">
        <v>12383204</v>
      </c>
      <c r="FS10" s="311">
        <v>10340512</v>
      </c>
      <c r="FT10" s="311">
        <v>6681652</v>
      </c>
      <c r="FU10" s="312">
        <v>51728299</v>
      </c>
      <c r="FV10" s="314">
        <v>57868923</v>
      </c>
      <c r="FW10" s="317">
        <v>1054288</v>
      </c>
      <c r="FX10" s="311">
        <v>3734352</v>
      </c>
      <c r="FY10" s="315">
        <v>4788640</v>
      </c>
      <c r="FZ10" s="316">
        <v>0</v>
      </c>
      <c r="GA10" s="311">
        <v>3691184</v>
      </c>
      <c r="GB10" s="311">
        <v>17604775</v>
      </c>
      <c r="GC10" s="311">
        <v>12162964</v>
      </c>
      <c r="GD10" s="311">
        <v>10119232</v>
      </c>
      <c r="GE10" s="311">
        <v>6681652</v>
      </c>
      <c r="GF10" s="312">
        <v>50259807</v>
      </c>
      <c r="GG10" s="318">
        <v>55048447</v>
      </c>
      <c r="GH10" s="317">
        <v>21120</v>
      </c>
      <c r="GI10" s="311">
        <v>45144</v>
      </c>
      <c r="GJ10" s="315">
        <v>66264</v>
      </c>
      <c r="GK10" s="316">
        <v>0</v>
      </c>
      <c r="GL10" s="311">
        <v>24000</v>
      </c>
      <c r="GM10" s="311">
        <v>36960</v>
      </c>
      <c r="GN10" s="311">
        <v>110880</v>
      </c>
      <c r="GO10" s="311">
        <v>103440</v>
      </c>
      <c r="GP10" s="311">
        <v>0</v>
      </c>
      <c r="GQ10" s="312">
        <v>275280</v>
      </c>
      <c r="GR10" s="314">
        <v>341544</v>
      </c>
      <c r="GS10" s="310">
        <v>604800</v>
      </c>
      <c r="GT10" s="311">
        <v>680920</v>
      </c>
      <c r="GU10" s="312">
        <v>1285720</v>
      </c>
      <c r="GV10" s="310">
        <v>0</v>
      </c>
      <c r="GW10" s="311">
        <v>566252</v>
      </c>
      <c r="GX10" s="311">
        <v>399760</v>
      </c>
      <c r="GY10" s="311">
        <v>109360</v>
      </c>
      <c r="GZ10" s="311">
        <v>117840</v>
      </c>
      <c r="HA10" s="311">
        <v>0</v>
      </c>
      <c r="HB10" s="315">
        <v>1193212</v>
      </c>
      <c r="HC10" s="314">
        <v>2478932</v>
      </c>
      <c r="HD10" s="310">
        <v>3673861</v>
      </c>
      <c r="HE10" s="311">
        <v>6845145</v>
      </c>
      <c r="HF10" s="315">
        <v>10519006</v>
      </c>
      <c r="HG10" s="316">
        <v>0</v>
      </c>
      <c r="HH10" s="311">
        <v>29822738</v>
      </c>
      <c r="HI10" s="311">
        <v>40271214</v>
      </c>
      <c r="HJ10" s="311">
        <v>34137601</v>
      </c>
      <c r="HK10" s="311">
        <v>41446578</v>
      </c>
      <c r="HL10" s="311">
        <v>22752808</v>
      </c>
      <c r="HM10" s="312">
        <v>168430939</v>
      </c>
      <c r="HN10" s="313">
        <v>178949945</v>
      </c>
      <c r="HO10" s="317">
        <v>0</v>
      </c>
      <c r="HP10" s="311">
        <v>0</v>
      </c>
      <c r="HQ10" s="312">
        <v>0</v>
      </c>
      <c r="HR10" s="310">
        <v>0</v>
      </c>
      <c r="HS10" s="311">
        <v>0</v>
      </c>
      <c r="HT10" s="311">
        <v>0</v>
      </c>
      <c r="HU10" s="311">
        <v>0</v>
      </c>
      <c r="HV10" s="311">
        <v>0</v>
      </c>
      <c r="HW10" s="311">
        <v>0</v>
      </c>
      <c r="HX10" s="315">
        <v>0</v>
      </c>
      <c r="HY10" s="314">
        <v>0</v>
      </c>
      <c r="HZ10" s="319">
        <v>229824</v>
      </c>
      <c r="IA10" s="320">
        <v>287683</v>
      </c>
      <c r="IB10" s="321">
        <v>517507</v>
      </c>
      <c r="IC10" s="322">
        <v>0</v>
      </c>
      <c r="ID10" s="323">
        <v>28471394</v>
      </c>
      <c r="IE10" s="324">
        <v>45541271</v>
      </c>
      <c r="IF10" s="325">
        <v>41648052</v>
      </c>
      <c r="IG10" s="323">
        <v>28085493</v>
      </c>
      <c r="IH10" s="325">
        <v>20762620</v>
      </c>
      <c r="II10" s="326">
        <v>164508830</v>
      </c>
      <c r="IJ10" s="327">
        <v>165026337</v>
      </c>
      <c r="IK10" s="328">
        <v>0</v>
      </c>
      <c r="IL10" s="329">
        <v>0</v>
      </c>
      <c r="IM10" s="330">
        <v>0</v>
      </c>
      <c r="IN10" s="435">
        <v>0</v>
      </c>
      <c r="IO10" s="331">
        <v>382595</v>
      </c>
      <c r="IP10" s="331">
        <v>1356566</v>
      </c>
      <c r="IQ10" s="331">
        <v>2097635</v>
      </c>
      <c r="IR10" s="331">
        <v>3126416</v>
      </c>
      <c r="IS10" s="331">
        <v>1713185</v>
      </c>
      <c r="IT10" s="332">
        <v>8676397</v>
      </c>
      <c r="IU10" s="333">
        <v>8676397</v>
      </c>
      <c r="IV10" s="334">
        <v>0</v>
      </c>
      <c r="IW10" s="331">
        <v>0</v>
      </c>
      <c r="IX10" s="335">
        <v>0</v>
      </c>
      <c r="IY10" s="435">
        <v>0</v>
      </c>
      <c r="IZ10" s="331">
        <v>122778</v>
      </c>
      <c r="JA10" s="331">
        <v>529645</v>
      </c>
      <c r="JB10" s="331">
        <v>335945</v>
      </c>
      <c r="JC10" s="331">
        <v>932303</v>
      </c>
      <c r="JD10" s="331">
        <v>824947</v>
      </c>
      <c r="JE10" s="335">
        <v>2745618</v>
      </c>
      <c r="JF10" s="336">
        <v>2745618</v>
      </c>
      <c r="JG10" s="334">
        <v>0</v>
      </c>
      <c r="JH10" s="331">
        <v>0</v>
      </c>
      <c r="JI10" s="332">
        <v>0</v>
      </c>
      <c r="JJ10" s="337">
        <v>0</v>
      </c>
      <c r="JK10" s="331">
        <v>12595306</v>
      </c>
      <c r="JL10" s="331">
        <v>19338855</v>
      </c>
      <c r="JM10" s="331">
        <v>12936797</v>
      </c>
      <c r="JN10" s="331">
        <v>5845685</v>
      </c>
      <c r="JO10" s="331">
        <v>3197426</v>
      </c>
      <c r="JP10" s="335">
        <v>53914069</v>
      </c>
      <c r="JQ10" s="333">
        <v>53914069</v>
      </c>
      <c r="JR10" s="334">
        <v>0</v>
      </c>
      <c r="JS10" s="331">
        <v>0</v>
      </c>
      <c r="JT10" s="332">
        <v>0</v>
      </c>
      <c r="JU10" s="337">
        <v>0</v>
      </c>
      <c r="JV10" s="331">
        <v>2378912</v>
      </c>
      <c r="JW10" s="331">
        <v>3757589</v>
      </c>
      <c r="JX10" s="331">
        <v>4087665</v>
      </c>
      <c r="JY10" s="331">
        <v>2298344</v>
      </c>
      <c r="JZ10" s="331">
        <v>988132</v>
      </c>
      <c r="KA10" s="335">
        <v>13510642</v>
      </c>
      <c r="KB10" s="333">
        <v>13510642</v>
      </c>
      <c r="KC10" s="338">
        <v>229824</v>
      </c>
      <c r="KD10" s="339">
        <v>287683</v>
      </c>
      <c r="KE10" s="335">
        <v>517507</v>
      </c>
      <c r="KF10" s="337">
        <v>0</v>
      </c>
      <c r="KG10" s="331">
        <v>4407928</v>
      </c>
      <c r="KH10" s="331">
        <v>5207475</v>
      </c>
      <c r="KI10" s="331">
        <v>7372453</v>
      </c>
      <c r="KJ10" s="331">
        <v>3437286</v>
      </c>
      <c r="KK10" s="331">
        <v>3079382</v>
      </c>
      <c r="KL10" s="335">
        <v>23504524</v>
      </c>
      <c r="KM10" s="340">
        <v>24022031</v>
      </c>
      <c r="KN10" s="328">
        <v>0</v>
      </c>
      <c r="KO10" s="329">
        <v>0</v>
      </c>
      <c r="KP10" s="330">
        <v>0</v>
      </c>
      <c r="KQ10" s="435">
        <v>0</v>
      </c>
      <c r="KR10" s="331">
        <v>7835701</v>
      </c>
      <c r="KS10" s="331">
        <v>14121770</v>
      </c>
      <c r="KT10" s="331">
        <v>12635619</v>
      </c>
      <c r="KU10" s="331">
        <v>8931008</v>
      </c>
      <c r="KV10" s="331">
        <v>5205640</v>
      </c>
      <c r="KW10" s="335">
        <v>48729738</v>
      </c>
      <c r="KX10" s="333">
        <v>48729738</v>
      </c>
      <c r="KY10" s="334">
        <v>0</v>
      </c>
      <c r="KZ10" s="331">
        <v>0</v>
      </c>
      <c r="LA10" s="335">
        <v>0</v>
      </c>
      <c r="LB10" s="435">
        <v>0</v>
      </c>
      <c r="LC10" s="331">
        <v>0</v>
      </c>
      <c r="LD10" s="331">
        <v>0</v>
      </c>
      <c r="LE10" s="331">
        <v>0</v>
      </c>
      <c r="LF10" s="331">
        <v>0</v>
      </c>
      <c r="LG10" s="331">
        <v>0</v>
      </c>
      <c r="LH10" s="335">
        <v>0</v>
      </c>
      <c r="LI10" s="336">
        <v>0</v>
      </c>
      <c r="LJ10" s="334">
        <v>0</v>
      </c>
      <c r="LK10" s="331">
        <v>0</v>
      </c>
      <c r="LL10" s="335">
        <v>0</v>
      </c>
      <c r="LM10" s="435">
        <v>0</v>
      </c>
      <c r="LN10" s="331">
        <v>214091</v>
      </c>
      <c r="LO10" s="331">
        <v>247014</v>
      </c>
      <c r="LP10" s="331">
        <v>534764</v>
      </c>
      <c r="LQ10" s="331">
        <v>825018</v>
      </c>
      <c r="LR10" s="331">
        <v>882082</v>
      </c>
      <c r="LS10" s="335">
        <v>2702969</v>
      </c>
      <c r="LT10" s="333">
        <v>2702969</v>
      </c>
      <c r="LU10" s="334">
        <v>0</v>
      </c>
      <c r="LV10" s="331">
        <v>0</v>
      </c>
      <c r="LW10" s="335">
        <v>0</v>
      </c>
      <c r="LX10" s="435">
        <v>0</v>
      </c>
      <c r="LY10" s="331">
        <v>534083</v>
      </c>
      <c r="LZ10" s="331">
        <v>982357</v>
      </c>
      <c r="MA10" s="331">
        <v>1647174</v>
      </c>
      <c r="MB10" s="331">
        <v>2689433</v>
      </c>
      <c r="MC10" s="331">
        <v>4871826</v>
      </c>
      <c r="MD10" s="335">
        <v>10724873</v>
      </c>
      <c r="ME10" s="336">
        <v>10724873</v>
      </c>
      <c r="MF10" s="334">
        <v>0</v>
      </c>
      <c r="MG10" s="331">
        <v>0</v>
      </c>
      <c r="MH10" s="335">
        <v>0</v>
      </c>
      <c r="MI10" s="435">
        <v>0</v>
      </c>
      <c r="MJ10" s="331">
        <v>11860340</v>
      </c>
      <c r="MK10" s="331">
        <v>31953042</v>
      </c>
      <c r="ML10" s="331">
        <v>84574140</v>
      </c>
      <c r="MM10" s="331">
        <v>117267737</v>
      </c>
      <c r="MN10" s="331">
        <v>60962676</v>
      </c>
      <c r="MO10" s="335">
        <v>306617935</v>
      </c>
      <c r="MP10" s="340">
        <v>306617935</v>
      </c>
      <c r="MQ10" s="334">
        <v>0</v>
      </c>
      <c r="MR10" s="331">
        <v>0</v>
      </c>
      <c r="MS10" s="335">
        <v>0</v>
      </c>
      <c r="MT10" s="435">
        <v>0</v>
      </c>
      <c r="MU10" s="331">
        <v>2165844</v>
      </c>
      <c r="MV10" s="331">
        <v>11439942</v>
      </c>
      <c r="MW10" s="331">
        <v>51865555</v>
      </c>
      <c r="MX10" s="331">
        <v>66701401</v>
      </c>
      <c r="MY10" s="331">
        <v>38215292</v>
      </c>
      <c r="MZ10" s="335">
        <v>170388034</v>
      </c>
      <c r="NA10" s="340">
        <v>170388034</v>
      </c>
      <c r="NB10" s="334">
        <v>0</v>
      </c>
      <c r="NC10" s="331">
        <v>0</v>
      </c>
      <c r="ND10" s="335">
        <v>0</v>
      </c>
      <c r="NE10" s="435">
        <v>0</v>
      </c>
      <c r="NF10" s="331">
        <v>9694496</v>
      </c>
      <c r="NG10" s="331">
        <v>20513100</v>
      </c>
      <c r="NH10" s="331">
        <v>32708585</v>
      </c>
      <c r="NI10" s="331">
        <v>48353497</v>
      </c>
      <c r="NJ10" s="331">
        <v>20687186</v>
      </c>
      <c r="NK10" s="335">
        <v>131956864</v>
      </c>
      <c r="NL10" s="333">
        <v>131956864</v>
      </c>
      <c r="NM10" s="334">
        <v>0</v>
      </c>
      <c r="NN10" s="331">
        <v>0</v>
      </c>
      <c r="NO10" s="335">
        <v>0</v>
      </c>
      <c r="NP10" s="435">
        <v>0</v>
      </c>
      <c r="NQ10" s="331">
        <v>0</v>
      </c>
      <c r="NR10" s="331">
        <v>0</v>
      </c>
      <c r="NS10" s="331">
        <v>0</v>
      </c>
      <c r="NT10" s="331">
        <v>917449</v>
      </c>
      <c r="NU10" s="331">
        <v>644238</v>
      </c>
      <c r="NV10" s="335">
        <v>1561687</v>
      </c>
      <c r="NW10" s="336">
        <v>1561687</v>
      </c>
      <c r="NX10" s="334">
        <v>0</v>
      </c>
      <c r="NY10" s="331">
        <v>0</v>
      </c>
      <c r="NZ10" s="335">
        <v>0</v>
      </c>
      <c r="OA10" s="435">
        <v>0</v>
      </c>
      <c r="OB10" s="331">
        <v>0</v>
      </c>
      <c r="OC10" s="331">
        <v>0</v>
      </c>
      <c r="OD10" s="331">
        <v>0</v>
      </c>
      <c r="OE10" s="331">
        <v>1295390</v>
      </c>
      <c r="OF10" s="331">
        <v>1415960</v>
      </c>
      <c r="OG10" s="335">
        <v>2711350</v>
      </c>
      <c r="OH10" s="336">
        <v>2711350</v>
      </c>
      <c r="OI10" s="334">
        <v>10972671</v>
      </c>
      <c r="OJ10" s="331">
        <v>25920725</v>
      </c>
      <c r="OK10" s="332">
        <v>36893396</v>
      </c>
      <c r="OL10" s="337">
        <v>0</v>
      </c>
      <c r="OM10" s="331">
        <v>143626730</v>
      </c>
      <c r="ON10" s="331">
        <v>252036433</v>
      </c>
      <c r="OO10" s="331">
        <v>269892087</v>
      </c>
      <c r="OP10" s="331">
        <v>272754295</v>
      </c>
      <c r="OQ10" s="331">
        <v>168622531</v>
      </c>
      <c r="OR10" s="335">
        <v>1106932076</v>
      </c>
      <c r="OS10" s="340">
        <v>1143825472</v>
      </c>
    </row>
    <row r="11" spans="1:409" s="137" customFormat="1" ht="21" customHeight="1" x14ac:dyDescent="0.2">
      <c r="B11" s="421" t="s">
        <v>6</v>
      </c>
      <c r="C11" s="341">
        <v>3313590</v>
      </c>
      <c r="D11" s="342">
        <v>4475190</v>
      </c>
      <c r="E11" s="343">
        <v>7788780</v>
      </c>
      <c r="F11" s="344">
        <v>0</v>
      </c>
      <c r="G11" s="342">
        <v>43610078</v>
      </c>
      <c r="H11" s="342">
        <v>48563720</v>
      </c>
      <c r="I11" s="342">
        <v>34473703</v>
      </c>
      <c r="J11" s="342">
        <v>34503053</v>
      </c>
      <c r="K11" s="342">
        <v>25250681</v>
      </c>
      <c r="L11" s="344">
        <v>186401235</v>
      </c>
      <c r="M11" s="345">
        <v>194190015</v>
      </c>
      <c r="N11" s="341">
        <v>806174</v>
      </c>
      <c r="O11" s="342">
        <v>2037099</v>
      </c>
      <c r="P11" s="343">
        <v>2843273</v>
      </c>
      <c r="Q11" s="341">
        <v>0</v>
      </c>
      <c r="R11" s="342">
        <v>14598744</v>
      </c>
      <c r="S11" s="342">
        <v>15944112</v>
      </c>
      <c r="T11" s="342">
        <v>10039488</v>
      </c>
      <c r="U11" s="342">
        <v>11136819</v>
      </c>
      <c r="V11" s="342">
        <v>12817091</v>
      </c>
      <c r="W11" s="343">
        <v>64536254</v>
      </c>
      <c r="X11" s="345">
        <v>67379527</v>
      </c>
      <c r="Y11" s="341">
        <v>0</v>
      </c>
      <c r="Z11" s="342">
        <v>0</v>
      </c>
      <c r="AA11" s="343">
        <v>0</v>
      </c>
      <c r="AB11" s="341">
        <v>0</v>
      </c>
      <c r="AC11" s="342">
        <v>6051370</v>
      </c>
      <c r="AD11" s="342">
        <v>6041613</v>
      </c>
      <c r="AE11" s="342">
        <v>4344979</v>
      </c>
      <c r="AF11" s="342">
        <v>5000517</v>
      </c>
      <c r="AG11" s="342">
        <v>7674607</v>
      </c>
      <c r="AH11" s="343">
        <v>29113086</v>
      </c>
      <c r="AI11" s="345">
        <v>29113086</v>
      </c>
      <c r="AJ11" s="341">
        <v>0</v>
      </c>
      <c r="AK11" s="342">
        <v>0</v>
      </c>
      <c r="AL11" s="343">
        <v>0</v>
      </c>
      <c r="AM11" s="341">
        <v>0</v>
      </c>
      <c r="AN11" s="342">
        <v>85054</v>
      </c>
      <c r="AO11" s="342">
        <v>60750</v>
      </c>
      <c r="AP11" s="342">
        <v>139820</v>
      </c>
      <c r="AQ11" s="342">
        <v>294882</v>
      </c>
      <c r="AR11" s="342">
        <v>1218873</v>
      </c>
      <c r="AS11" s="343">
        <v>1799379</v>
      </c>
      <c r="AT11" s="345">
        <v>1799379</v>
      </c>
      <c r="AU11" s="341">
        <v>317966</v>
      </c>
      <c r="AV11" s="342">
        <v>1300463</v>
      </c>
      <c r="AW11" s="343">
        <v>1618429</v>
      </c>
      <c r="AX11" s="341">
        <v>0</v>
      </c>
      <c r="AY11" s="342">
        <v>4990027</v>
      </c>
      <c r="AZ11" s="342">
        <v>6616798</v>
      </c>
      <c r="BA11" s="342">
        <v>3056875</v>
      </c>
      <c r="BB11" s="342">
        <v>3174104</v>
      </c>
      <c r="BC11" s="342">
        <v>2181677</v>
      </c>
      <c r="BD11" s="343">
        <v>20019481</v>
      </c>
      <c r="BE11" s="345">
        <v>21637910</v>
      </c>
      <c r="BF11" s="341">
        <v>16032</v>
      </c>
      <c r="BG11" s="342">
        <v>306996</v>
      </c>
      <c r="BH11" s="346">
        <v>323028</v>
      </c>
      <c r="BI11" s="347">
        <v>0</v>
      </c>
      <c r="BJ11" s="342">
        <v>602061</v>
      </c>
      <c r="BK11" s="342">
        <v>435495</v>
      </c>
      <c r="BL11" s="342">
        <v>300134</v>
      </c>
      <c r="BM11" s="342">
        <v>202292</v>
      </c>
      <c r="BN11" s="342">
        <v>123950</v>
      </c>
      <c r="BO11" s="343">
        <v>1663932</v>
      </c>
      <c r="BP11" s="345">
        <v>1986960</v>
      </c>
      <c r="BQ11" s="341">
        <v>472176</v>
      </c>
      <c r="BR11" s="342">
        <v>429640</v>
      </c>
      <c r="BS11" s="343">
        <v>901816</v>
      </c>
      <c r="BT11" s="341">
        <v>0</v>
      </c>
      <c r="BU11" s="342">
        <v>2870232</v>
      </c>
      <c r="BV11" s="342">
        <v>2789456</v>
      </c>
      <c r="BW11" s="342">
        <v>2197680</v>
      </c>
      <c r="BX11" s="342">
        <v>2465024</v>
      </c>
      <c r="BY11" s="342">
        <v>1617984</v>
      </c>
      <c r="BZ11" s="343">
        <v>11940376</v>
      </c>
      <c r="CA11" s="345">
        <v>12842192</v>
      </c>
      <c r="CB11" s="341">
        <v>220075</v>
      </c>
      <c r="CC11" s="342">
        <v>321695</v>
      </c>
      <c r="CD11" s="343">
        <v>541770</v>
      </c>
      <c r="CE11" s="341">
        <v>0</v>
      </c>
      <c r="CF11" s="342">
        <v>11942347</v>
      </c>
      <c r="CG11" s="342">
        <v>15250317</v>
      </c>
      <c r="CH11" s="342">
        <v>8691605</v>
      </c>
      <c r="CI11" s="342">
        <v>5419072</v>
      </c>
      <c r="CJ11" s="342">
        <v>2645168</v>
      </c>
      <c r="CK11" s="343">
        <v>43948509</v>
      </c>
      <c r="CL11" s="345">
        <v>44490279</v>
      </c>
      <c r="CM11" s="341">
        <v>0</v>
      </c>
      <c r="CN11" s="342">
        <v>0</v>
      </c>
      <c r="CO11" s="343">
        <v>0</v>
      </c>
      <c r="CP11" s="347">
        <v>0</v>
      </c>
      <c r="CQ11" s="342">
        <v>9782754</v>
      </c>
      <c r="CR11" s="342">
        <v>11473185</v>
      </c>
      <c r="CS11" s="342">
        <v>6643713</v>
      </c>
      <c r="CT11" s="342">
        <v>4008378</v>
      </c>
      <c r="CU11" s="342">
        <v>2251306</v>
      </c>
      <c r="CV11" s="343">
        <v>34159336</v>
      </c>
      <c r="CW11" s="345">
        <v>34159336</v>
      </c>
      <c r="CX11" s="341">
        <v>220075</v>
      </c>
      <c r="CY11" s="342">
        <v>321695</v>
      </c>
      <c r="CZ11" s="343">
        <v>541770</v>
      </c>
      <c r="DA11" s="341">
        <v>0</v>
      </c>
      <c r="DB11" s="342">
        <v>2159593</v>
      </c>
      <c r="DC11" s="342">
        <v>3777132</v>
      </c>
      <c r="DD11" s="342">
        <v>2047892</v>
      </c>
      <c r="DE11" s="342">
        <v>1410694</v>
      </c>
      <c r="DF11" s="342">
        <v>393862</v>
      </c>
      <c r="DG11" s="343">
        <v>9789173</v>
      </c>
      <c r="DH11" s="345">
        <v>10330943</v>
      </c>
      <c r="DI11" s="341">
        <v>14239</v>
      </c>
      <c r="DJ11" s="342">
        <v>28957</v>
      </c>
      <c r="DK11" s="346">
        <v>43196</v>
      </c>
      <c r="DL11" s="347">
        <v>0</v>
      </c>
      <c r="DM11" s="342">
        <v>700767</v>
      </c>
      <c r="DN11" s="342">
        <v>1491020</v>
      </c>
      <c r="DO11" s="342">
        <v>1840807</v>
      </c>
      <c r="DP11" s="342">
        <v>2527092</v>
      </c>
      <c r="DQ11" s="342">
        <v>1451624</v>
      </c>
      <c r="DR11" s="343">
        <v>8011310</v>
      </c>
      <c r="DS11" s="345">
        <v>8054506</v>
      </c>
      <c r="DT11" s="341">
        <v>14239</v>
      </c>
      <c r="DU11" s="342">
        <v>28957</v>
      </c>
      <c r="DV11" s="343">
        <v>43196</v>
      </c>
      <c r="DW11" s="341">
        <v>0</v>
      </c>
      <c r="DX11" s="342">
        <v>666567</v>
      </c>
      <c r="DY11" s="342">
        <v>1414232</v>
      </c>
      <c r="DZ11" s="342">
        <v>1608940</v>
      </c>
      <c r="EA11" s="342">
        <v>2434507</v>
      </c>
      <c r="EB11" s="342">
        <v>1245305</v>
      </c>
      <c r="EC11" s="343">
        <v>7369551</v>
      </c>
      <c r="ED11" s="345">
        <v>7412747</v>
      </c>
      <c r="EE11" s="341">
        <v>0</v>
      </c>
      <c r="EF11" s="346">
        <v>0</v>
      </c>
      <c r="EG11" s="343">
        <v>0</v>
      </c>
      <c r="EH11" s="341">
        <v>0</v>
      </c>
      <c r="EI11" s="342">
        <v>34200</v>
      </c>
      <c r="EJ11" s="342">
        <v>76788</v>
      </c>
      <c r="EK11" s="342">
        <v>231867</v>
      </c>
      <c r="EL11" s="342">
        <v>92585</v>
      </c>
      <c r="EM11" s="342">
        <v>206319</v>
      </c>
      <c r="EN11" s="346">
        <v>641759</v>
      </c>
      <c r="EO11" s="345">
        <v>641759</v>
      </c>
      <c r="EP11" s="341">
        <v>0</v>
      </c>
      <c r="EQ11" s="342">
        <v>0</v>
      </c>
      <c r="ER11" s="346">
        <v>0</v>
      </c>
      <c r="ES11" s="347">
        <v>0</v>
      </c>
      <c r="ET11" s="342">
        <v>0</v>
      </c>
      <c r="EU11" s="342">
        <v>0</v>
      </c>
      <c r="EV11" s="342">
        <v>0</v>
      </c>
      <c r="EW11" s="342">
        <v>0</v>
      </c>
      <c r="EX11" s="342">
        <v>0</v>
      </c>
      <c r="EY11" s="343">
        <v>0</v>
      </c>
      <c r="EZ11" s="345">
        <v>0</v>
      </c>
      <c r="FA11" s="341">
        <v>0</v>
      </c>
      <c r="FB11" s="342">
        <v>0</v>
      </c>
      <c r="FC11" s="346">
        <v>0</v>
      </c>
      <c r="FD11" s="347">
        <v>0</v>
      </c>
      <c r="FE11" s="342">
        <v>0</v>
      </c>
      <c r="FF11" s="342">
        <v>0</v>
      </c>
      <c r="FG11" s="342">
        <v>0</v>
      </c>
      <c r="FH11" s="342">
        <v>0</v>
      </c>
      <c r="FI11" s="342">
        <v>0</v>
      </c>
      <c r="FJ11" s="343">
        <v>0</v>
      </c>
      <c r="FK11" s="345">
        <v>0</v>
      </c>
      <c r="FL11" s="341">
        <v>780576</v>
      </c>
      <c r="FM11" s="342">
        <v>1103412</v>
      </c>
      <c r="FN11" s="343">
        <v>1883988</v>
      </c>
      <c r="FO11" s="341">
        <v>0</v>
      </c>
      <c r="FP11" s="342">
        <v>2396729</v>
      </c>
      <c r="FQ11" s="342">
        <v>5655192</v>
      </c>
      <c r="FR11" s="342">
        <v>3118368</v>
      </c>
      <c r="FS11" s="342">
        <v>3355256</v>
      </c>
      <c r="FT11" s="342">
        <v>1833504</v>
      </c>
      <c r="FU11" s="343">
        <v>16359049</v>
      </c>
      <c r="FV11" s="345">
        <v>18243037</v>
      </c>
      <c r="FW11" s="348">
        <v>470144</v>
      </c>
      <c r="FX11" s="342">
        <v>766600</v>
      </c>
      <c r="FY11" s="346">
        <v>1236744</v>
      </c>
      <c r="FZ11" s="347">
        <v>0</v>
      </c>
      <c r="GA11" s="342">
        <v>1781809</v>
      </c>
      <c r="GB11" s="342">
        <v>4946448</v>
      </c>
      <c r="GC11" s="342">
        <v>3023384</v>
      </c>
      <c r="GD11" s="342">
        <v>2955976</v>
      </c>
      <c r="GE11" s="342">
        <v>1833504</v>
      </c>
      <c r="GF11" s="343">
        <v>14541121</v>
      </c>
      <c r="GG11" s="349">
        <v>15777865</v>
      </c>
      <c r="GH11" s="348">
        <v>23232</v>
      </c>
      <c r="GI11" s="342">
        <v>104812</v>
      </c>
      <c r="GJ11" s="346">
        <v>128044</v>
      </c>
      <c r="GK11" s="347">
        <v>0</v>
      </c>
      <c r="GL11" s="342">
        <v>181880</v>
      </c>
      <c r="GM11" s="342">
        <v>152024</v>
      </c>
      <c r="GN11" s="342">
        <v>49184</v>
      </c>
      <c r="GO11" s="342">
        <v>80000</v>
      </c>
      <c r="GP11" s="342">
        <v>0</v>
      </c>
      <c r="GQ11" s="343">
        <v>463088</v>
      </c>
      <c r="GR11" s="345">
        <v>591132</v>
      </c>
      <c r="GS11" s="341">
        <v>287200</v>
      </c>
      <c r="GT11" s="342">
        <v>232000</v>
      </c>
      <c r="GU11" s="343">
        <v>519200</v>
      </c>
      <c r="GV11" s="341">
        <v>0</v>
      </c>
      <c r="GW11" s="342">
        <v>433040</v>
      </c>
      <c r="GX11" s="342">
        <v>556720</v>
      </c>
      <c r="GY11" s="342">
        <v>45800</v>
      </c>
      <c r="GZ11" s="342">
        <v>319280</v>
      </c>
      <c r="HA11" s="342">
        <v>0</v>
      </c>
      <c r="HB11" s="346">
        <v>1354840</v>
      </c>
      <c r="HC11" s="345">
        <v>1874040</v>
      </c>
      <c r="HD11" s="341">
        <v>1492526</v>
      </c>
      <c r="HE11" s="342">
        <v>984027</v>
      </c>
      <c r="HF11" s="346">
        <v>2476553</v>
      </c>
      <c r="HG11" s="347">
        <v>0</v>
      </c>
      <c r="HH11" s="342">
        <v>13971491</v>
      </c>
      <c r="HI11" s="342">
        <v>10223079</v>
      </c>
      <c r="HJ11" s="342">
        <v>10783435</v>
      </c>
      <c r="HK11" s="342">
        <v>12064814</v>
      </c>
      <c r="HL11" s="342">
        <v>6503294</v>
      </c>
      <c r="HM11" s="343">
        <v>53546113</v>
      </c>
      <c r="HN11" s="344">
        <v>56022666</v>
      </c>
      <c r="HO11" s="348">
        <v>0</v>
      </c>
      <c r="HP11" s="342">
        <v>0</v>
      </c>
      <c r="HQ11" s="343">
        <v>0</v>
      </c>
      <c r="HR11" s="341">
        <v>0</v>
      </c>
      <c r="HS11" s="342">
        <v>0</v>
      </c>
      <c r="HT11" s="342">
        <v>0</v>
      </c>
      <c r="HU11" s="342">
        <v>0</v>
      </c>
      <c r="HV11" s="342">
        <v>0</v>
      </c>
      <c r="HW11" s="342">
        <v>0</v>
      </c>
      <c r="HX11" s="346">
        <v>0</v>
      </c>
      <c r="HY11" s="345">
        <v>0</v>
      </c>
      <c r="HZ11" s="350">
        <v>122410</v>
      </c>
      <c r="IA11" s="351">
        <v>78640</v>
      </c>
      <c r="IB11" s="352">
        <v>201050</v>
      </c>
      <c r="IC11" s="353">
        <v>0</v>
      </c>
      <c r="ID11" s="351">
        <v>13171325</v>
      </c>
      <c r="IE11" s="354">
        <v>14723154</v>
      </c>
      <c r="IF11" s="352">
        <v>11806476</v>
      </c>
      <c r="IG11" s="351">
        <v>15821684</v>
      </c>
      <c r="IH11" s="352">
        <v>5780179</v>
      </c>
      <c r="II11" s="355">
        <v>61302818</v>
      </c>
      <c r="IJ11" s="356">
        <v>61503868</v>
      </c>
      <c r="IK11" s="357">
        <v>0</v>
      </c>
      <c r="IL11" s="358">
        <v>0</v>
      </c>
      <c r="IM11" s="359">
        <v>0</v>
      </c>
      <c r="IN11" s="436">
        <v>0</v>
      </c>
      <c r="IO11" s="360">
        <v>232504</v>
      </c>
      <c r="IP11" s="360">
        <v>369732</v>
      </c>
      <c r="IQ11" s="360">
        <v>771271</v>
      </c>
      <c r="IR11" s="360">
        <v>1722507</v>
      </c>
      <c r="IS11" s="360">
        <v>613256</v>
      </c>
      <c r="IT11" s="361">
        <v>3709270</v>
      </c>
      <c r="IU11" s="362">
        <v>3709270</v>
      </c>
      <c r="IV11" s="363">
        <v>0</v>
      </c>
      <c r="IW11" s="360">
        <v>0</v>
      </c>
      <c r="IX11" s="364">
        <v>0</v>
      </c>
      <c r="IY11" s="436">
        <v>0</v>
      </c>
      <c r="IZ11" s="360">
        <v>52796</v>
      </c>
      <c r="JA11" s="360">
        <v>117637</v>
      </c>
      <c r="JB11" s="360">
        <v>250267</v>
      </c>
      <c r="JC11" s="360">
        <v>17800</v>
      </c>
      <c r="JD11" s="360">
        <v>55225</v>
      </c>
      <c r="JE11" s="364">
        <v>493725</v>
      </c>
      <c r="JF11" s="365">
        <v>493725</v>
      </c>
      <c r="JG11" s="363">
        <v>0</v>
      </c>
      <c r="JH11" s="360">
        <v>0</v>
      </c>
      <c r="JI11" s="361">
        <v>0</v>
      </c>
      <c r="JJ11" s="366">
        <v>0</v>
      </c>
      <c r="JK11" s="360">
        <v>3922470</v>
      </c>
      <c r="JL11" s="360">
        <v>3559057</v>
      </c>
      <c r="JM11" s="360">
        <v>2273853</v>
      </c>
      <c r="JN11" s="360">
        <v>1739697</v>
      </c>
      <c r="JO11" s="360">
        <v>1194020</v>
      </c>
      <c r="JP11" s="364">
        <v>12689097</v>
      </c>
      <c r="JQ11" s="362">
        <v>12689097</v>
      </c>
      <c r="JR11" s="363">
        <v>0</v>
      </c>
      <c r="JS11" s="360">
        <v>0</v>
      </c>
      <c r="JT11" s="361">
        <v>0</v>
      </c>
      <c r="JU11" s="366">
        <v>0</v>
      </c>
      <c r="JV11" s="360">
        <v>863254</v>
      </c>
      <c r="JW11" s="360">
        <v>1351450</v>
      </c>
      <c r="JX11" s="360">
        <v>1445704</v>
      </c>
      <c r="JY11" s="360">
        <v>1020181</v>
      </c>
      <c r="JZ11" s="360">
        <v>586750</v>
      </c>
      <c r="KA11" s="364">
        <v>5267339</v>
      </c>
      <c r="KB11" s="362">
        <v>5267339</v>
      </c>
      <c r="KC11" s="367">
        <v>122410</v>
      </c>
      <c r="KD11" s="368">
        <v>78640</v>
      </c>
      <c r="KE11" s="364">
        <v>201050</v>
      </c>
      <c r="KF11" s="366">
        <v>0</v>
      </c>
      <c r="KG11" s="360">
        <v>1718818</v>
      </c>
      <c r="KH11" s="360">
        <v>2252444</v>
      </c>
      <c r="KI11" s="360">
        <v>934492</v>
      </c>
      <c r="KJ11" s="360">
        <v>2121523</v>
      </c>
      <c r="KK11" s="360">
        <v>250752</v>
      </c>
      <c r="KL11" s="364">
        <v>7278029</v>
      </c>
      <c r="KM11" s="369">
        <v>7479079</v>
      </c>
      <c r="KN11" s="357">
        <v>0</v>
      </c>
      <c r="KO11" s="358">
        <v>0</v>
      </c>
      <c r="KP11" s="359">
        <v>0</v>
      </c>
      <c r="KQ11" s="436">
        <v>0</v>
      </c>
      <c r="KR11" s="360">
        <v>4806995</v>
      </c>
      <c r="KS11" s="360">
        <v>6487335</v>
      </c>
      <c r="KT11" s="360">
        <v>4831530</v>
      </c>
      <c r="KU11" s="360">
        <v>5646822</v>
      </c>
      <c r="KV11" s="360">
        <v>1570406</v>
      </c>
      <c r="KW11" s="364">
        <v>23343088</v>
      </c>
      <c r="KX11" s="362">
        <v>23343088</v>
      </c>
      <c r="KY11" s="363">
        <v>0</v>
      </c>
      <c r="KZ11" s="360">
        <v>0</v>
      </c>
      <c r="LA11" s="364">
        <v>0</v>
      </c>
      <c r="LB11" s="436">
        <v>0</v>
      </c>
      <c r="LC11" s="360">
        <v>0</v>
      </c>
      <c r="LD11" s="360">
        <v>0</v>
      </c>
      <c r="LE11" s="360">
        <v>0</v>
      </c>
      <c r="LF11" s="360">
        <v>0</v>
      </c>
      <c r="LG11" s="360">
        <v>0</v>
      </c>
      <c r="LH11" s="364">
        <v>0</v>
      </c>
      <c r="LI11" s="365">
        <v>0</v>
      </c>
      <c r="LJ11" s="363">
        <v>0</v>
      </c>
      <c r="LK11" s="360">
        <v>0</v>
      </c>
      <c r="LL11" s="364">
        <v>0</v>
      </c>
      <c r="LM11" s="436">
        <v>0</v>
      </c>
      <c r="LN11" s="360">
        <v>0</v>
      </c>
      <c r="LO11" s="360">
        <v>0</v>
      </c>
      <c r="LP11" s="360">
        <v>766058</v>
      </c>
      <c r="LQ11" s="360">
        <v>1899896</v>
      </c>
      <c r="LR11" s="360">
        <v>691249</v>
      </c>
      <c r="LS11" s="364">
        <v>3357203</v>
      </c>
      <c r="LT11" s="362">
        <v>3357203</v>
      </c>
      <c r="LU11" s="363">
        <v>0</v>
      </c>
      <c r="LV11" s="360">
        <v>0</v>
      </c>
      <c r="LW11" s="364">
        <v>0</v>
      </c>
      <c r="LX11" s="436">
        <v>0</v>
      </c>
      <c r="LY11" s="360">
        <v>1574488</v>
      </c>
      <c r="LZ11" s="360">
        <v>585499</v>
      </c>
      <c r="MA11" s="360">
        <v>533301</v>
      </c>
      <c r="MB11" s="360">
        <v>1653258</v>
      </c>
      <c r="MC11" s="360">
        <v>818521</v>
      </c>
      <c r="MD11" s="364">
        <v>5165067</v>
      </c>
      <c r="ME11" s="365">
        <v>5165067</v>
      </c>
      <c r="MF11" s="363">
        <v>0</v>
      </c>
      <c r="MG11" s="360">
        <v>0</v>
      </c>
      <c r="MH11" s="364">
        <v>0</v>
      </c>
      <c r="MI11" s="436">
        <v>0</v>
      </c>
      <c r="MJ11" s="360">
        <v>2136780</v>
      </c>
      <c r="MK11" s="360">
        <v>5381878</v>
      </c>
      <c r="ML11" s="360">
        <v>17523460</v>
      </c>
      <c r="MM11" s="360">
        <v>26492382</v>
      </c>
      <c r="MN11" s="360">
        <v>17903179</v>
      </c>
      <c r="MO11" s="364">
        <v>69437679</v>
      </c>
      <c r="MP11" s="369">
        <v>69437679</v>
      </c>
      <c r="MQ11" s="363">
        <v>0</v>
      </c>
      <c r="MR11" s="360">
        <v>0</v>
      </c>
      <c r="MS11" s="364">
        <v>0</v>
      </c>
      <c r="MT11" s="436">
        <v>0</v>
      </c>
      <c r="MU11" s="360">
        <v>388568</v>
      </c>
      <c r="MV11" s="360">
        <v>1244613</v>
      </c>
      <c r="MW11" s="360">
        <v>9685391</v>
      </c>
      <c r="MX11" s="360">
        <v>18142179</v>
      </c>
      <c r="MY11" s="360">
        <v>10249141</v>
      </c>
      <c r="MZ11" s="364">
        <v>39709892</v>
      </c>
      <c r="NA11" s="369">
        <v>39709892</v>
      </c>
      <c r="NB11" s="363">
        <v>0</v>
      </c>
      <c r="NC11" s="360">
        <v>0</v>
      </c>
      <c r="ND11" s="364">
        <v>0</v>
      </c>
      <c r="NE11" s="436">
        <v>0</v>
      </c>
      <c r="NF11" s="360">
        <v>1748212</v>
      </c>
      <c r="NG11" s="360">
        <v>3907201</v>
      </c>
      <c r="NH11" s="360">
        <v>7838069</v>
      </c>
      <c r="NI11" s="360">
        <v>8350203</v>
      </c>
      <c r="NJ11" s="360">
        <v>6486046</v>
      </c>
      <c r="NK11" s="364">
        <v>28329731</v>
      </c>
      <c r="NL11" s="362">
        <v>28329731</v>
      </c>
      <c r="NM11" s="363">
        <v>0</v>
      </c>
      <c r="NN11" s="360">
        <v>0</v>
      </c>
      <c r="NO11" s="364">
        <v>0</v>
      </c>
      <c r="NP11" s="436">
        <v>0</v>
      </c>
      <c r="NQ11" s="360">
        <v>0</v>
      </c>
      <c r="NR11" s="360">
        <v>0</v>
      </c>
      <c r="NS11" s="360">
        <v>0</v>
      </c>
      <c r="NT11" s="360">
        <v>0</v>
      </c>
      <c r="NU11" s="360">
        <v>293947</v>
      </c>
      <c r="NV11" s="364">
        <v>293947</v>
      </c>
      <c r="NW11" s="365">
        <v>293947</v>
      </c>
      <c r="NX11" s="363">
        <v>0</v>
      </c>
      <c r="NY11" s="360">
        <v>0</v>
      </c>
      <c r="NZ11" s="364">
        <v>0</v>
      </c>
      <c r="OA11" s="436">
        <v>0</v>
      </c>
      <c r="OB11" s="360">
        <v>0</v>
      </c>
      <c r="OC11" s="360">
        <v>230064</v>
      </c>
      <c r="OD11" s="360">
        <v>0</v>
      </c>
      <c r="OE11" s="360">
        <v>0</v>
      </c>
      <c r="OF11" s="360">
        <v>874045</v>
      </c>
      <c r="OG11" s="364">
        <v>1104109</v>
      </c>
      <c r="OH11" s="365">
        <v>1104109</v>
      </c>
      <c r="OI11" s="363">
        <v>3436000</v>
      </c>
      <c r="OJ11" s="360">
        <v>4553830</v>
      </c>
      <c r="OK11" s="361">
        <v>7989830</v>
      </c>
      <c r="OL11" s="366">
        <v>0</v>
      </c>
      <c r="OM11" s="360">
        <v>58918183</v>
      </c>
      <c r="ON11" s="360">
        <v>68668752</v>
      </c>
      <c r="OO11" s="360">
        <v>63803639</v>
      </c>
      <c r="OP11" s="360">
        <v>76817119</v>
      </c>
      <c r="OQ11" s="360">
        <v>48934039</v>
      </c>
      <c r="OR11" s="364">
        <v>317141732</v>
      </c>
      <c r="OS11" s="369">
        <v>325131562</v>
      </c>
    </row>
    <row r="12" spans="1:409" s="137" customFormat="1" ht="21" customHeight="1" x14ac:dyDescent="0.2">
      <c r="B12" s="421" t="s">
        <v>14</v>
      </c>
      <c r="C12" s="341">
        <v>1487066</v>
      </c>
      <c r="D12" s="342">
        <v>2884743</v>
      </c>
      <c r="E12" s="343">
        <v>4371809</v>
      </c>
      <c r="F12" s="344">
        <v>0</v>
      </c>
      <c r="G12" s="342">
        <v>16795387</v>
      </c>
      <c r="H12" s="342">
        <v>25770401</v>
      </c>
      <c r="I12" s="342">
        <v>25296335</v>
      </c>
      <c r="J12" s="342">
        <v>20995424</v>
      </c>
      <c r="K12" s="342">
        <v>11980155</v>
      </c>
      <c r="L12" s="346">
        <v>100837702</v>
      </c>
      <c r="M12" s="345">
        <v>105209511</v>
      </c>
      <c r="N12" s="341">
        <v>453468</v>
      </c>
      <c r="O12" s="342">
        <v>755570</v>
      </c>
      <c r="P12" s="343">
        <v>1209038</v>
      </c>
      <c r="Q12" s="341">
        <v>0</v>
      </c>
      <c r="R12" s="342">
        <v>4855054</v>
      </c>
      <c r="S12" s="342">
        <v>7665052</v>
      </c>
      <c r="T12" s="342">
        <v>7718871</v>
      </c>
      <c r="U12" s="342">
        <v>8834001</v>
      </c>
      <c r="V12" s="342">
        <v>6919556</v>
      </c>
      <c r="W12" s="343">
        <v>35992534</v>
      </c>
      <c r="X12" s="345">
        <v>37201572</v>
      </c>
      <c r="Y12" s="341">
        <v>0</v>
      </c>
      <c r="Z12" s="342">
        <v>0</v>
      </c>
      <c r="AA12" s="343">
        <v>0</v>
      </c>
      <c r="AB12" s="341">
        <v>0</v>
      </c>
      <c r="AC12" s="342">
        <v>2074567</v>
      </c>
      <c r="AD12" s="342">
        <v>3326113</v>
      </c>
      <c r="AE12" s="342">
        <v>3434685</v>
      </c>
      <c r="AF12" s="342">
        <v>5366385</v>
      </c>
      <c r="AG12" s="342">
        <v>4593715</v>
      </c>
      <c r="AH12" s="343">
        <v>18795465</v>
      </c>
      <c r="AI12" s="345">
        <v>18795465</v>
      </c>
      <c r="AJ12" s="341">
        <v>0</v>
      </c>
      <c r="AK12" s="342">
        <v>0</v>
      </c>
      <c r="AL12" s="343">
        <v>0</v>
      </c>
      <c r="AM12" s="341">
        <v>0</v>
      </c>
      <c r="AN12" s="342">
        <v>0</v>
      </c>
      <c r="AO12" s="342">
        <v>0</v>
      </c>
      <c r="AP12" s="342">
        <v>300447</v>
      </c>
      <c r="AQ12" s="342">
        <v>335442</v>
      </c>
      <c r="AR12" s="342">
        <v>179550</v>
      </c>
      <c r="AS12" s="343">
        <v>815439</v>
      </c>
      <c r="AT12" s="345">
        <v>815439</v>
      </c>
      <c r="AU12" s="341">
        <v>231404</v>
      </c>
      <c r="AV12" s="342">
        <v>429189</v>
      </c>
      <c r="AW12" s="343">
        <v>660593</v>
      </c>
      <c r="AX12" s="341">
        <v>0</v>
      </c>
      <c r="AY12" s="342">
        <v>1749031</v>
      </c>
      <c r="AZ12" s="342">
        <v>2884672</v>
      </c>
      <c r="BA12" s="342">
        <v>2552783</v>
      </c>
      <c r="BB12" s="342">
        <v>1572928</v>
      </c>
      <c r="BC12" s="342">
        <v>1317531</v>
      </c>
      <c r="BD12" s="343">
        <v>10076945</v>
      </c>
      <c r="BE12" s="345">
        <v>10737538</v>
      </c>
      <c r="BF12" s="341">
        <v>0</v>
      </c>
      <c r="BG12" s="342">
        <v>75709</v>
      </c>
      <c r="BH12" s="346">
        <v>75709</v>
      </c>
      <c r="BI12" s="347">
        <v>0</v>
      </c>
      <c r="BJ12" s="342">
        <v>0</v>
      </c>
      <c r="BK12" s="342">
        <v>59883</v>
      </c>
      <c r="BL12" s="342">
        <v>69492</v>
      </c>
      <c r="BM12" s="342">
        <v>180854</v>
      </c>
      <c r="BN12" s="342">
        <v>0</v>
      </c>
      <c r="BO12" s="343">
        <v>310229</v>
      </c>
      <c r="BP12" s="345">
        <v>385938</v>
      </c>
      <c r="BQ12" s="341">
        <v>222064</v>
      </c>
      <c r="BR12" s="342">
        <v>250672</v>
      </c>
      <c r="BS12" s="343">
        <v>472736</v>
      </c>
      <c r="BT12" s="341">
        <v>0</v>
      </c>
      <c r="BU12" s="342">
        <v>1031456</v>
      </c>
      <c r="BV12" s="342">
        <v>1394384</v>
      </c>
      <c r="BW12" s="342">
        <v>1361464</v>
      </c>
      <c r="BX12" s="342">
        <v>1378392</v>
      </c>
      <c r="BY12" s="342">
        <v>828760</v>
      </c>
      <c r="BZ12" s="343">
        <v>5994456</v>
      </c>
      <c r="CA12" s="345">
        <v>6467192</v>
      </c>
      <c r="CB12" s="341">
        <v>83716</v>
      </c>
      <c r="CC12" s="342">
        <v>532644</v>
      </c>
      <c r="CD12" s="343">
        <v>616360</v>
      </c>
      <c r="CE12" s="341">
        <v>0</v>
      </c>
      <c r="CF12" s="342">
        <v>5766003</v>
      </c>
      <c r="CG12" s="342">
        <v>8246962</v>
      </c>
      <c r="CH12" s="342">
        <v>7653955</v>
      </c>
      <c r="CI12" s="342">
        <v>3002851</v>
      </c>
      <c r="CJ12" s="342">
        <v>918956</v>
      </c>
      <c r="CK12" s="343">
        <v>25588727</v>
      </c>
      <c r="CL12" s="345">
        <v>26205087</v>
      </c>
      <c r="CM12" s="341">
        <v>0</v>
      </c>
      <c r="CN12" s="342">
        <v>0</v>
      </c>
      <c r="CO12" s="343">
        <v>0</v>
      </c>
      <c r="CP12" s="347">
        <v>0</v>
      </c>
      <c r="CQ12" s="342">
        <v>5178873</v>
      </c>
      <c r="CR12" s="342">
        <v>6349568</v>
      </c>
      <c r="CS12" s="342">
        <v>6649720</v>
      </c>
      <c r="CT12" s="342">
        <v>2364391</v>
      </c>
      <c r="CU12" s="342">
        <v>867627</v>
      </c>
      <c r="CV12" s="343">
        <v>21410179</v>
      </c>
      <c r="CW12" s="345">
        <v>21410179</v>
      </c>
      <c r="CX12" s="341">
        <v>83716</v>
      </c>
      <c r="CY12" s="342">
        <v>532644</v>
      </c>
      <c r="CZ12" s="343">
        <v>616360</v>
      </c>
      <c r="DA12" s="341">
        <v>0</v>
      </c>
      <c r="DB12" s="342">
        <v>587130</v>
      </c>
      <c r="DC12" s="342">
        <v>1897394</v>
      </c>
      <c r="DD12" s="342">
        <v>1004235</v>
      </c>
      <c r="DE12" s="342">
        <v>638460</v>
      </c>
      <c r="DF12" s="342">
        <v>51329</v>
      </c>
      <c r="DG12" s="343">
        <v>4178548</v>
      </c>
      <c r="DH12" s="345">
        <v>4794908</v>
      </c>
      <c r="DI12" s="341">
        <v>0</v>
      </c>
      <c r="DJ12" s="342">
        <v>0</v>
      </c>
      <c r="DK12" s="346">
        <v>0</v>
      </c>
      <c r="DL12" s="347">
        <v>0</v>
      </c>
      <c r="DM12" s="342">
        <v>356990</v>
      </c>
      <c r="DN12" s="342">
        <v>1300462</v>
      </c>
      <c r="DO12" s="342">
        <v>2424937</v>
      </c>
      <c r="DP12" s="342">
        <v>2616369</v>
      </c>
      <c r="DQ12" s="342">
        <v>310080</v>
      </c>
      <c r="DR12" s="343">
        <v>7008838</v>
      </c>
      <c r="DS12" s="345">
        <v>7008838</v>
      </c>
      <c r="DT12" s="341">
        <v>0</v>
      </c>
      <c r="DU12" s="342">
        <v>0</v>
      </c>
      <c r="DV12" s="343">
        <v>0</v>
      </c>
      <c r="DW12" s="341">
        <v>0</v>
      </c>
      <c r="DX12" s="342">
        <v>356990</v>
      </c>
      <c r="DY12" s="342">
        <v>1210651</v>
      </c>
      <c r="DZ12" s="342">
        <v>2424937</v>
      </c>
      <c r="EA12" s="342">
        <v>2579320</v>
      </c>
      <c r="EB12" s="342">
        <v>310080</v>
      </c>
      <c r="EC12" s="343">
        <v>6881978</v>
      </c>
      <c r="ED12" s="345">
        <v>6881978</v>
      </c>
      <c r="EE12" s="341">
        <v>0</v>
      </c>
      <c r="EF12" s="346">
        <v>0</v>
      </c>
      <c r="EG12" s="343">
        <v>0</v>
      </c>
      <c r="EH12" s="341">
        <v>0</v>
      </c>
      <c r="EI12" s="342">
        <v>0</v>
      </c>
      <c r="EJ12" s="342">
        <v>89811</v>
      </c>
      <c r="EK12" s="342">
        <v>0</v>
      </c>
      <c r="EL12" s="342">
        <v>37049</v>
      </c>
      <c r="EM12" s="342">
        <v>0</v>
      </c>
      <c r="EN12" s="346">
        <v>126860</v>
      </c>
      <c r="EO12" s="345">
        <v>126860</v>
      </c>
      <c r="EP12" s="341">
        <v>0</v>
      </c>
      <c r="EQ12" s="342">
        <v>0</v>
      </c>
      <c r="ER12" s="346">
        <v>0</v>
      </c>
      <c r="ES12" s="347">
        <v>0</v>
      </c>
      <c r="ET12" s="342">
        <v>0</v>
      </c>
      <c r="EU12" s="342">
        <v>0</v>
      </c>
      <c r="EV12" s="342">
        <v>0</v>
      </c>
      <c r="EW12" s="342">
        <v>0</v>
      </c>
      <c r="EX12" s="342">
        <v>0</v>
      </c>
      <c r="EY12" s="343">
        <v>0</v>
      </c>
      <c r="EZ12" s="345">
        <v>0</v>
      </c>
      <c r="FA12" s="341">
        <v>0</v>
      </c>
      <c r="FB12" s="342">
        <v>0</v>
      </c>
      <c r="FC12" s="346">
        <v>0</v>
      </c>
      <c r="FD12" s="347">
        <v>0</v>
      </c>
      <c r="FE12" s="342">
        <v>0</v>
      </c>
      <c r="FF12" s="342">
        <v>0</v>
      </c>
      <c r="FG12" s="342">
        <v>0</v>
      </c>
      <c r="FH12" s="342">
        <v>0</v>
      </c>
      <c r="FI12" s="342">
        <v>0</v>
      </c>
      <c r="FJ12" s="343">
        <v>0</v>
      </c>
      <c r="FK12" s="345">
        <v>0</v>
      </c>
      <c r="FL12" s="341">
        <v>306112</v>
      </c>
      <c r="FM12" s="342">
        <v>984029</v>
      </c>
      <c r="FN12" s="343">
        <v>1290141</v>
      </c>
      <c r="FO12" s="341">
        <v>0</v>
      </c>
      <c r="FP12" s="342">
        <v>1100128</v>
      </c>
      <c r="FQ12" s="342">
        <v>2943608</v>
      </c>
      <c r="FR12" s="342">
        <v>2145240</v>
      </c>
      <c r="FS12" s="342">
        <v>1698720</v>
      </c>
      <c r="FT12" s="342">
        <v>998528</v>
      </c>
      <c r="FU12" s="343">
        <v>8886224</v>
      </c>
      <c r="FV12" s="345">
        <v>10176365</v>
      </c>
      <c r="FW12" s="348">
        <v>206112</v>
      </c>
      <c r="FX12" s="342">
        <v>791720</v>
      </c>
      <c r="FY12" s="346">
        <v>997832</v>
      </c>
      <c r="FZ12" s="347">
        <v>0</v>
      </c>
      <c r="GA12" s="342">
        <v>723008</v>
      </c>
      <c r="GB12" s="342">
        <v>2686648</v>
      </c>
      <c r="GC12" s="342">
        <v>2054808</v>
      </c>
      <c r="GD12" s="342">
        <v>1590720</v>
      </c>
      <c r="GE12" s="342">
        <v>998528</v>
      </c>
      <c r="GF12" s="343">
        <v>8053712</v>
      </c>
      <c r="GG12" s="349">
        <v>9051544</v>
      </c>
      <c r="GH12" s="348">
        <v>0</v>
      </c>
      <c r="GI12" s="342">
        <v>64389</v>
      </c>
      <c r="GJ12" s="346">
        <v>64389</v>
      </c>
      <c r="GK12" s="347">
        <v>0</v>
      </c>
      <c r="GL12" s="342">
        <v>35600</v>
      </c>
      <c r="GM12" s="342">
        <v>206800</v>
      </c>
      <c r="GN12" s="342">
        <v>37632</v>
      </c>
      <c r="GO12" s="342">
        <v>0</v>
      </c>
      <c r="GP12" s="342">
        <v>0</v>
      </c>
      <c r="GQ12" s="343">
        <v>280032</v>
      </c>
      <c r="GR12" s="345">
        <v>344421</v>
      </c>
      <c r="GS12" s="341">
        <v>100000</v>
      </c>
      <c r="GT12" s="342">
        <v>127920</v>
      </c>
      <c r="GU12" s="343">
        <v>227920</v>
      </c>
      <c r="GV12" s="341">
        <v>0</v>
      </c>
      <c r="GW12" s="342">
        <v>341520</v>
      </c>
      <c r="GX12" s="342">
        <v>50160</v>
      </c>
      <c r="GY12" s="342">
        <v>52800</v>
      </c>
      <c r="GZ12" s="342">
        <v>108000</v>
      </c>
      <c r="HA12" s="342">
        <v>0</v>
      </c>
      <c r="HB12" s="346">
        <v>552480</v>
      </c>
      <c r="HC12" s="345">
        <v>780400</v>
      </c>
      <c r="HD12" s="341">
        <v>643770</v>
      </c>
      <c r="HE12" s="342">
        <v>612500</v>
      </c>
      <c r="HF12" s="346">
        <v>1256270</v>
      </c>
      <c r="HG12" s="347">
        <v>0</v>
      </c>
      <c r="HH12" s="342">
        <v>4717212</v>
      </c>
      <c r="HI12" s="342">
        <v>5614317</v>
      </c>
      <c r="HJ12" s="342">
        <v>5353332</v>
      </c>
      <c r="HK12" s="342">
        <v>4843483</v>
      </c>
      <c r="HL12" s="342">
        <v>2833035</v>
      </c>
      <c r="HM12" s="343">
        <v>23361379</v>
      </c>
      <c r="HN12" s="344">
        <v>24617649</v>
      </c>
      <c r="HO12" s="348">
        <v>0</v>
      </c>
      <c r="HP12" s="342">
        <v>0</v>
      </c>
      <c r="HQ12" s="343">
        <v>0</v>
      </c>
      <c r="HR12" s="341">
        <v>0</v>
      </c>
      <c r="HS12" s="342">
        <v>0</v>
      </c>
      <c r="HT12" s="342">
        <v>0</v>
      </c>
      <c r="HU12" s="342">
        <v>0</v>
      </c>
      <c r="HV12" s="342">
        <v>0</v>
      </c>
      <c r="HW12" s="342">
        <v>0</v>
      </c>
      <c r="HX12" s="346">
        <v>0</v>
      </c>
      <c r="HY12" s="345">
        <v>0</v>
      </c>
      <c r="HZ12" s="350">
        <v>0</v>
      </c>
      <c r="IA12" s="351">
        <v>67012</v>
      </c>
      <c r="IB12" s="352">
        <v>67012</v>
      </c>
      <c r="IC12" s="370">
        <v>0</v>
      </c>
      <c r="ID12" s="371">
        <v>5676616</v>
      </c>
      <c r="IE12" s="372">
        <v>7336495</v>
      </c>
      <c r="IF12" s="373">
        <v>9068674</v>
      </c>
      <c r="IG12" s="371">
        <v>5871529</v>
      </c>
      <c r="IH12" s="373">
        <v>3320136</v>
      </c>
      <c r="II12" s="374">
        <v>31273450</v>
      </c>
      <c r="IJ12" s="356">
        <v>31340462</v>
      </c>
      <c r="IK12" s="357">
        <v>0</v>
      </c>
      <c r="IL12" s="358">
        <v>0</v>
      </c>
      <c r="IM12" s="359">
        <v>0</v>
      </c>
      <c r="IN12" s="436">
        <v>0</v>
      </c>
      <c r="IO12" s="360">
        <v>111850</v>
      </c>
      <c r="IP12" s="360">
        <v>220224</v>
      </c>
      <c r="IQ12" s="360">
        <v>130504</v>
      </c>
      <c r="IR12" s="360">
        <v>271545</v>
      </c>
      <c r="IS12" s="360">
        <v>250576</v>
      </c>
      <c r="IT12" s="361">
        <v>984699</v>
      </c>
      <c r="IU12" s="362">
        <v>984699</v>
      </c>
      <c r="IV12" s="363">
        <v>0</v>
      </c>
      <c r="IW12" s="360">
        <v>0</v>
      </c>
      <c r="IX12" s="364">
        <v>0</v>
      </c>
      <c r="IY12" s="436">
        <v>0</v>
      </c>
      <c r="IZ12" s="360">
        <v>0</v>
      </c>
      <c r="JA12" s="360">
        <v>0</v>
      </c>
      <c r="JB12" s="360">
        <v>0</v>
      </c>
      <c r="JC12" s="360">
        <v>0</v>
      </c>
      <c r="JD12" s="360">
        <v>0</v>
      </c>
      <c r="JE12" s="364">
        <v>0</v>
      </c>
      <c r="JF12" s="365">
        <v>0</v>
      </c>
      <c r="JG12" s="363">
        <v>0</v>
      </c>
      <c r="JH12" s="360">
        <v>0</v>
      </c>
      <c r="JI12" s="361">
        <v>0</v>
      </c>
      <c r="JJ12" s="366">
        <v>0</v>
      </c>
      <c r="JK12" s="360">
        <v>2306338</v>
      </c>
      <c r="JL12" s="360">
        <v>3644248</v>
      </c>
      <c r="JM12" s="360">
        <v>2940350</v>
      </c>
      <c r="JN12" s="360">
        <v>1693899</v>
      </c>
      <c r="JO12" s="360">
        <v>498606</v>
      </c>
      <c r="JP12" s="364">
        <v>11083441</v>
      </c>
      <c r="JQ12" s="362">
        <v>11083441</v>
      </c>
      <c r="JR12" s="363">
        <v>0</v>
      </c>
      <c r="JS12" s="360">
        <v>0</v>
      </c>
      <c r="JT12" s="361">
        <v>0</v>
      </c>
      <c r="JU12" s="366">
        <v>0</v>
      </c>
      <c r="JV12" s="360">
        <v>49564</v>
      </c>
      <c r="JW12" s="360">
        <v>250884</v>
      </c>
      <c r="JX12" s="360">
        <v>219253</v>
      </c>
      <c r="JY12" s="360">
        <v>0</v>
      </c>
      <c r="JZ12" s="360">
        <v>0</v>
      </c>
      <c r="KA12" s="364">
        <v>519701</v>
      </c>
      <c r="KB12" s="362">
        <v>519701</v>
      </c>
      <c r="KC12" s="367">
        <v>0</v>
      </c>
      <c r="KD12" s="368">
        <v>67012</v>
      </c>
      <c r="KE12" s="364">
        <v>67012</v>
      </c>
      <c r="KF12" s="366">
        <v>0</v>
      </c>
      <c r="KG12" s="360">
        <v>1590140</v>
      </c>
      <c r="KH12" s="360">
        <v>1171221</v>
      </c>
      <c r="KI12" s="360">
        <v>1687829</v>
      </c>
      <c r="KJ12" s="360">
        <v>529383</v>
      </c>
      <c r="KK12" s="360">
        <v>585325</v>
      </c>
      <c r="KL12" s="364">
        <v>5563898</v>
      </c>
      <c r="KM12" s="369">
        <v>5630910</v>
      </c>
      <c r="KN12" s="357">
        <v>0</v>
      </c>
      <c r="KO12" s="358">
        <v>0</v>
      </c>
      <c r="KP12" s="359">
        <v>0</v>
      </c>
      <c r="KQ12" s="436">
        <v>0</v>
      </c>
      <c r="KR12" s="360">
        <v>1307292</v>
      </c>
      <c r="KS12" s="360">
        <v>1859378</v>
      </c>
      <c r="KT12" s="360">
        <v>3417176</v>
      </c>
      <c r="KU12" s="360">
        <v>2573401</v>
      </c>
      <c r="KV12" s="360">
        <v>1277226</v>
      </c>
      <c r="KW12" s="364">
        <v>10434473</v>
      </c>
      <c r="KX12" s="362">
        <v>10434473</v>
      </c>
      <c r="KY12" s="363">
        <v>0</v>
      </c>
      <c r="KZ12" s="360">
        <v>0</v>
      </c>
      <c r="LA12" s="364">
        <v>0</v>
      </c>
      <c r="LB12" s="436">
        <v>0</v>
      </c>
      <c r="LC12" s="360">
        <v>0</v>
      </c>
      <c r="LD12" s="360">
        <v>0</v>
      </c>
      <c r="LE12" s="360">
        <v>0</v>
      </c>
      <c r="LF12" s="360">
        <v>0</v>
      </c>
      <c r="LG12" s="360">
        <v>0</v>
      </c>
      <c r="LH12" s="364">
        <v>0</v>
      </c>
      <c r="LI12" s="365">
        <v>0</v>
      </c>
      <c r="LJ12" s="363">
        <v>0</v>
      </c>
      <c r="LK12" s="360">
        <v>0</v>
      </c>
      <c r="LL12" s="364">
        <v>0</v>
      </c>
      <c r="LM12" s="436">
        <v>0</v>
      </c>
      <c r="LN12" s="360">
        <v>0</v>
      </c>
      <c r="LO12" s="360">
        <v>0</v>
      </c>
      <c r="LP12" s="360">
        <v>427956</v>
      </c>
      <c r="LQ12" s="360">
        <v>265970</v>
      </c>
      <c r="LR12" s="360">
        <v>0</v>
      </c>
      <c r="LS12" s="364">
        <v>693926</v>
      </c>
      <c r="LT12" s="362">
        <v>693926</v>
      </c>
      <c r="LU12" s="363">
        <v>0</v>
      </c>
      <c r="LV12" s="360">
        <v>0</v>
      </c>
      <c r="LW12" s="364">
        <v>0</v>
      </c>
      <c r="LX12" s="436">
        <v>0</v>
      </c>
      <c r="LY12" s="360">
        <v>311432</v>
      </c>
      <c r="LZ12" s="360">
        <v>190540</v>
      </c>
      <c r="MA12" s="360">
        <v>245606</v>
      </c>
      <c r="MB12" s="360">
        <v>537331</v>
      </c>
      <c r="MC12" s="360">
        <v>708403</v>
      </c>
      <c r="MD12" s="364">
        <v>1993312</v>
      </c>
      <c r="ME12" s="365">
        <v>1993312</v>
      </c>
      <c r="MF12" s="363">
        <v>0</v>
      </c>
      <c r="MG12" s="360">
        <v>0</v>
      </c>
      <c r="MH12" s="364">
        <v>0</v>
      </c>
      <c r="MI12" s="436">
        <v>0</v>
      </c>
      <c r="MJ12" s="360">
        <v>0</v>
      </c>
      <c r="MK12" s="360">
        <v>2112934</v>
      </c>
      <c r="ML12" s="360">
        <v>11204242</v>
      </c>
      <c r="MM12" s="360">
        <v>16494103</v>
      </c>
      <c r="MN12" s="360">
        <v>12967572</v>
      </c>
      <c r="MO12" s="364">
        <v>42778851</v>
      </c>
      <c r="MP12" s="369">
        <v>42778851</v>
      </c>
      <c r="MQ12" s="363">
        <v>0</v>
      </c>
      <c r="MR12" s="360">
        <v>0</v>
      </c>
      <c r="MS12" s="364">
        <v>0</v>
      </c>
      <c r="MT12" s="436">
        <v>0</v>
      </c>
      <c r="MU12" s="360">
        <v>0</v>
      </c>
      <c r="MV12" s="360">
        <v>0</v>
      </c>
      <c r="MW12" s="360">
        <v>7482546</v>
      </c>
      <c r="MX12" s="360">
        <v>11666860</v>
      </c>
      <c r="MY12" s="360">
        <v>7295833</v>
      </c>
      <c r="MZ12" s="364">
        <v>26445239</v>
      </c>
      <c r="NA12" s="369">
        <v>26445239</v>
      </c>
      <c r="NB12" s="363">
        <v>0</v>
      </c>
      <c r="NC12" s="360">
        <v>0</v>
      </c>
      <c r="ND12" s="364">
        <v>0</v>
      </c>
      <c r="NE12" s="436">
        <v>0</v>
      </c>
      <c r="NF12" s="360">
        <v>0</v>
      </c>
      <c r="NG12" s="360">
        <v>2112934</v>
      </c>
      <c r="NH12" s="360">
        <v>3721696</v>
      </c>
      <c r="NI12" s="360">
        <v>4059039</v>
      </c>
      <c r="NJ12" s="360">
        <v>3910301</v>
      </c>
      <c r="NK12" s="364">
        <v>13803970</v>
      </c>
      <c r="NL12" s="362">
        <v>13803970</v>
      </c>
      <c r="NM12" s="363">
        <v>0</v>
      </c>
      <c r="NN12" s="360">
        <v>0</v>
      </c>
      <c r="NO12" s="364">
        <v>0</v>
      </c>
      <c r="NP12" s="436">
        <v>0</v>
      </c>
      <c r="NQ12" s="360">
        <v>0</v>
      </c>
      <c r="NR12" s="360">
        <v>0</v>
      </c>
      <c r="NS12" s="360">
        <v>0</v>
      </c>
      <c r="NT12" s="360">
        <v>0</v>
      </c>
      <c r="NU12" s="360">
        <v>291082</v>
      </c>
      <c r="NV12" s="364">
        <v>291082</v>
      </c>
      <c r="NW12" s="365">
        <v>291082</v>
      </c>
      <c r="NX12" s="363">
        <v>0</v>
      </c>
      <c r="NY12" s="360">
        <v>0</v>
      </c>
      <c r="NZ12" s="364">
        <v>0</v>
      </c>
      <c r="OA12" s="436">
        <v>0</v>
      </c>
      <c r="OB12" s="360">
        <v>0</v>
      </c>
      <c r="OC12" s="360">
        <v>0</v>
      </c>
      <c r="OD12" s="360">
        <v>0</v>
      </c>
      <c r="OE12" s="360">
        <v>768204</v>
      </c>
      <c r="OF12" s="360">
        <v>1470356</v>
      </c>
      <c r="OG12" s="364">
        <v>2238560</v>
      </c>
      <c r="OH12" s="365">
        <v>2238560</v>
      </c>
      <c r="OI12" s="363">
        <v>1487066</v>
      </c>
      <c r="OJ12" s="360">
        <v>2951755</v>
      </c>
      <c r="OK12" s="361">
        <v>4438821</v>
      </c>
      <c r="OL12" s="366">
        <v>0</v>
      </c>
      <c r="OM12" s="360">
        <v>22472003</v>
      </c>
      <c r="ON12" s="360">
        <v>35219830</v>
      </c>
      <c r="OO12" s="360">
        <v>45569251</v>
      </c>
      <c r="OP12" s="360">
        <v>43361056</v>
      </c>
      <c r="OQ12" s="360">
        <v>28267863</v>
      </c>
      <c r="OR12" s="364">
        <v>174890003</v>
      </c>
      <c r="OS12" s="369">
        <v>179328824</v>
      </c>
    </row>
    <row r="13" spans="1:409" s="137" customFormat="1" ht="21" customHeight="1" x14ac:dyDescent="0.2">
      <c r="B13" s="421" t="s">
        <v>7</v>
      </c>
      <c r="C13" s="341">
        <v>1047240</v>
      </c>
      <c r="D13" s="342">
        <v>1426395</v>
      </c>
      <c r="E13" s="343">
        <v>2473635</v>
      </c>
      <c r="F13" s="344">
        <v>0</v>
      </c>
      <c r="G13" s="342">
        <v>22478736</v>
      </c>
      <c r="H13" s="342">
        <v>22487459</v>
      </c>
      <c r="I13" s="342">
        <v>18083179</v>
      </c>
      <c r="J13" s="342">
        <v>13747664</v>
      </c>
      <c r="K13" s="342">
        <v>11653009</v>
      </c>
      <c r="L13" s="344">
        <v>88450047</v>
      </c>
      <c r="M13" s="345">
        <v>90923682</v>
      </c>
      <c r="N13" s="341">
        <v>189068</v>
      </c>
      <c r="O13" s="342">
        <v>204318</v>
      </c>
      <c r="P13" s="343">
        <v>393386</v>
      </c>
      <c r="Q13" s="341">
        <v>0</v>
      </c>
      <c r="R13" s="342">
        <v>6358904</v>
      </c>
      <c r="S13" s="342">
        <v>7056398</v>
      </c>
      <c r="T13" s="342">
        <v>5680101</v>
      </c>
      <c r="U13" s="342">
        <v>6383534</v>
      </c>
      <c r="V13" s="342">
        <v>6261597</v>
      </c>
      <c r="W13" s="343">
        <v>31740534</v>
      </c>
      <c r="X13" s="345">
        <v>32133920</v>
      </c>
      <c r="Y13" s="341">
        <v>0</v>
      </c>
      <c r="Z13" s="342">
        <v>0</v>
      </c>
      <c r="AA13" s="343">
        <v>0</v>
      </c>
      <c r="AB13" s="341">
        <v>0</v>
      </c>
      <c r="AC13" s="342">
        <v>3143138</v>
      </c>
      <c r="AD13" s="342">
        <v>3506409</v>
      </c>
      <c r="AE13" s="342">
        <v>2836667</v>
      </c>
      <c r="AF13" s="342">
        <v>4455371</v>
      </c>
      <c r="AG13" s="342">
        <v>3539511</v>
      </c>
      <c r="AH13" s="343">
        <v>17481096</v>
      </c>
      <c r="AI13" s="345">
        <v>17481096</v>
      </c>
      <c r="AJ13" s="341">
        <v>0</v>
      </c>
      <c r="AK13" s="342">
        <v>0</v>
      </c>
      <c r="AL13" s="343">
        <v>0</v>
      </c>
      <c r="AM13" s="341">
        <v>0</v>
      </c>
      <c r="AN13" s="342">
        <v>0</v>
      </c>
      <c r="AO13" s="342">
        <v>247381</v>
      </c>
      <c r="AP13" s="342">
        <v>272608</v>
      </c>
      <c r="AQ13" s="342">
        <v>292285</v>
      </c>
      <c r="AR13" s="342">
        <v>862832</v>
      </c>
      <c r="AS13" s="343">
        <v>1675106</v>
      </c>
      <c r="AT13" s="345">
        <v>1675106</v>
      </c>
      <c r="AU13" s="341">
        <v>66834</v>
      </c>
      <c r="AV13" s="342">
        <v>61878</v>
      </c>
      <c r="AW13" s="343">
        <v>128712</v>
      </c>
      <c r="AX13" s="341">
        <v>0</v>
      </c>
      <c r="AY13" s="342">
        <v>1754399</v>
      </c>
      <c r="AZ13" s="342">
        <v>1813922</v>
      </c>
      <c r="BA13" s="342">
        <v>1186444</v>
      </c>
      <c r="BB13" s="342">
        <v>600614</v>
      </c>
      <c r="BC13" s="342">
        <v>1230589</v>
      </c>
      <c r="BD13" s="343">
        <v>6585968</v>
      </c>
      <c r="BE13" s="345">
        <v>6714680</v>
      </c>
      <c r="BF13" s="341">
        <v>36274</v>
      </c>
      <c r="BG13" s="342">
        <v>0</v>
      </c>
      <c r="BH13" s="346">
        <v>36274</v>
      </c>
      <c r="BI13" s="347">
        <v>0</v>
      </c>
      <c r="BJ13" s="342">
        <v>339719</v>
      </c>
      <c r="BK13" s="342">
        <v>142022</v>
      </c>
      <c r="BL13" s="342">
        <v>165142</v>
      </c>
      <c r="BM13" s="342">
        <v>108704</v>
      </c>
      <c r="BN13" s="342">
        <v>31817</v>
      </c>
      <c r="BO13" s="343">
        <v>787404</v>
      </c>
      <c r="BP13" s="345">
        <v>823678</v>
      </c>
      <c r="BQ13" s="341">
        <v>85960</v>
      </c>
      <c r="BR13" s="342">
        <v>142440</v>
      </c>
      <c r="BS13" s="343">
        <v>228400</v>
      </c>
      <c r="BT13" s="341">
        <v>0</v>
      </c>
      <c r="BU13" s="342">
        <v>1121648</v>
      </c>
      <c r="BV13" s="342">
        <v>1346664</v>
      </c>
      <c r="BW13" s="342">
        <v>1219240</v>
      </c>
      <c r="BX13" s="342">
        <v>926560</v>
      </c>
      <c r="BY13" s="342">
        <v>596848</v>
      </c>
      <c r="BZ13" s="343">
        <v>5210960</v>
      </c>
      <c r="CA13" s="345">
        <v>5439360</v>
      </c>
      <c r="CB13" s="341">
        <v>60410</v>
      </c>
      <c r="CC13" s="342">
        <v>71300</v>
      </c>
      <c r="CD13" s="343">
        <v>131710</v>
      </c>
      <c r="CE13" s="341">
        <v>0</v>
      </c>
      <c r="CF13" s="342">
        <v>7167881</v>
      </c>
      <c r="CG13" s="342">
        <v>5847531</v>
      </c>
      <c r="CH13" s="342">
        <v>3996806</v>
      </c>
      <c r="CI13" s="342">
        <v>826920</v>
      </c>
      <c r="CJ13" s="342">
        <v>1096109</v>
      </c>
      <c r="CK13" s="343">
        <v>18935247</v>
      </c>
      <c r="CL13" s="345">
        <v>19066957</v>
      </c>
      <c r="CM13" s="341">
        <v>0</v>
      </c>
      <c r="CN13" s="342">
        <v>0</v>
      </c>
      <c r="CO13" s="343">
        <v>0</v>
      </c>
      <c r="CP13" s="347">
        <v>0</v>
      </c>
      <c r="CQ13" s="342">
        <v>6245825</v>
      </c>
      <c r="CR13" s="342">
        <v>4707897</v>
      </c>
      <c r="CS13" s="342">
        <v>3255984</v>
      </c>
      <c r="CT13" s="342">
        <v>581706</v>
      </c>
      <c r="CU13" s="342">
        <v>873771</v>
      </c>
      <c r="CV13" s="343">
        <v>15665183</v>
      </c>
      <c r="CW13" s="345">
        <v>15665183</v>
      </c>
      <c r="CX13" s="341">
        <v>60410</v>
      </c>
      <c r="CY13" s="342">
        <v>71300</v>
      </c>
      <c r="CZ13" s="343">
        <v>131710</v>
      </c>
      <c r="DA13" s="341">
        <v>0</v>
      </c>
      <c r="DB13" s="342">
        <v>922056</v>
      </c>
      <c r="DC13" s="342">
        <v>1139634</v>
      </c>
      <c r="DD13" s="342">
        <v>740822</v>
      </c>
      <c r="DE13" s="342">
        <v>245214</v>
      </c>
      <c r="DF13" s="342">
        <v>222338</v>
      </c>
      <c r="DG13" s="343">
        <v>3270064</v>
      </c>
      <c r="DH13" s="345">
        <v>3401774</v>
      </c>
      <c r="DI13" s="341">
        <v>0</v>
      </c>
      <c r="DJ13" s="342">
        <v>0</v>
      </c>
      <c r="DK13" s="346">
        <v>0</v>
      </c>
      <c r="DL13" s="347">
        <v>0</v>
      </c>
      <c r="DM13" s="342">
        <v>748211</v>
      </c>
      <c r="DN13" s="342">
        <v>2135425</v>
      </c>
      <c r="DO13" s="342">
        <v>2040930</v>
      </c>
      <c r="DP13" s="342">
        <v>1590839</v>
      </c>
      <c r="DQ13" s="342">
        <v>679941</v>
      </c>
      <c r="DR13" s="343">
        <v>7195346</v>
      </c>
      <c r="DS13" s="345">
        <v>7195346</v>
      </c>
      <c r="DT13" s="341">
        <v>0</v>
      </c>
      <c r="DU13" s="342">
        <v>0</v>
      </c>
      <c r="DV13" s="343">
        <v>0</v>
      </c>
      <c r="DW13" s="341">
        <v>0</v>
      </c>
      <c r="DX13" s="342">
        <v>748211</v>
      </c>
      <c r="DY13" s="342">
        <v>2135425</v>
      </c>
      <c r="DZ13" s="342">
        <v>1890817</v>
      </c>
      <c r="EA13" s="342">
        <v>1523801</v>
      </c>
      <c r="EB13" s="342">
        <v>679941</v>
      </c>
      <c r="EC13" s="343">
        <v>6978195</v>
      </c>
      <c r="ED13" s="345">
        <v>6978195</v>
      </c>
      <c r="EE13" s="341">
        <v>0</v>
      </c>
      <c r="EF13" s="346">
        <v>0</v>
      </c>
      <c r="EG13" s="343">
        <v>0</v>
      </c>
      <c r="EH13" s="341">
        <v>0</v>
      </c>
      <c r="EI13" s="342">
        <v>0</v>
      </c>
      <c r="EJ13" s="342">
        <v>0</v>
      </c>
      <c r="EK13" s="342">
        <v>150113</v>
      </c>
      <c r="EL13" s="342">
        <v>67038</v>
      </c>
      <c r="EM13" s="342">
        <v>0</v>
      </c>
      <c r="EN13" s="346">
        <v>217151</v>
      </c>
      <c r="EO13" s="345">
        <v>217151</v>
      </c>
      <c r="EP13" s="341">
        <v>0</v>
      </c>
      <c r="EQ13" s="342">
        <v>0</v>
      </c>
      <c r="ER13" s="346">
        <v>0</v>
      </c>
      <c r="ES13" s="347">
        <v>0</v>
      </c>
      <c r="ET13" s="342">
        <v>0</v>
      </c>
      <c r="EU13" s="342">
        <v>0</v>
      </c>
      <c r="EV13" s="342">
        <v>0</v>
      </c>
      <c r="EW13" s="342">
        <v>0</v>
      </c>
      <c r="EX13" s="342">
        <v>0</v>
      </c>
      <c r="EY13" s="343">
        <v>0</v>
      </c>
      <c r="EZ13" s="345">
        <v>0</v>
      </c>
      <c r="FA13" s="341">
        <v>0</v>
      </c>
      <c r="FB13" s="342">
        <v>0</v>
      </c>
      <c r="FC13" s="346">
        <v>0</v>
      </c>
      <c r="FD13" s="347">
        <v>0</v>
      </c>
      <c r="FE13" s="342">
        <v>0</v>
      </c>
      <c r="FF13" s="342">
        <v>0</v>
      </c>
      <c r="FG13" s="342">
        <v>0</v>
      </c>
      <c r="FH13" s="342">
        <v>0</v>
      </c>
      <c r="FI13" s="342">
        <v>0</v>
      </c>
      <c r="FJ13" s="343">
        <v>0</v>
      </c>
      <c r="FK13" s="345">
        <v>0</v>
      </c>
      <c r="FL13" s="341">
        <v>469792</v>
      </c>
      <c r="FM13" s="342">
        <v>290964</v>
      </c>
      <c r="FN13" s="343">
        <v>760756</v>
      </c>
      <c r="FO13" s="341">
        <v>0</v>
      </c>
      <c r="FP13" s="342">
        <v>1111972</v>
      </c>
      <c r="FQ13" s="342">
        <v>2645192</v>
      </c>
      <c r="FR13" s="342">
        <v>1346400</v>
      </c>
      <c r="FS13" s="342">
        <v>1135143</v>
      </c>
      <c r="FT13" s="342">
        <v>925936</v>
      </c>
      <c r="FU13" s="343">
        <v>7164643</v>
      </c>
      <c r="FV13" s="345">
        <v>7925399</v>
      </c>
      <c r="FW13" s="348">
        <v>140992</v>
      </c>
      <c r="FX13" s="342">
        <v>111904</v>
      </c>
      <c r="FY13" s="346">
        <v>252896</v>
      </c>
      <c r="FZ13" s="347">
        <v>0</v>
      </c>
      <c r="GA13" s="342">
        <v>690808</v>
      </c>
      <c r="GB13" s="342">
        <v>2463432</v>
      </c>
      <c r="GC13" s="342">
        <v>1346400</v>
      </c>
      <c r="GD13" s="342">
        <v>1112967</v>
      </c>
      <c r="GE13" s="342">
        <v>883344</v>
      </c>
      <c r="GF13" s="343">
        <v>6496951</v>
      </c>
      <c r="GG13" s="349">
        <v>6749847</v>
      </c>
      <c r="GH13" s="348">
        <v>0</v>
      </c>
      <c r="GI13" s="342">
        <v>40660</v>
      </c>
      <c r="GJ13" s="346">
        <v>40660</v>
      </c>
      <c r="GK13" s="347">
        <v>0</v>
      </c>
      <c r="GL13" s="342">
        <v>69164</v>
      </c>
      <c r="GM13" s="342">
        <v>102480</v>
      </c>
      <c r="GN13" s="342">
        <v>0</v>
      </c>
      <c r="GO13" s="342">
        <v>22176</v>
      </c>
      <c r="GP13" s="342">
        <v>42592</v>
      </c>
      <c r="GQ13" s="343">
        <v>236412</v>
      </c>
      <c r="GR13" s="345">
        <v>277072</v>
      </c>
      <c r="GS13" s="341">
        <v>328800</v>
      </c>
      <c r="GT13" s="342">
        <v>138400</v>
      </c>
      <c r="GU13" s="343">
        <v>467200</v>
      </c>
      <c r="GV13" s="341">
        <v>0</v>
      </c>
      <c r="GW13" s="342">
        <v>352000</v>
      </c>
      <c r="GX13" s="342">
        <v>79280</v>
      </c>
      <c r="GY13" s="342">
        <v>0</v>
      </c>
      <c r="GZ13" s="342">
        <v>0</v>
      </c>
      <c r="HA13" s="342">
        <v>0</v>
      </c>
      <c r="HB13" s="346">
        <v>431280</v>
      </c>
      <c r="HC13" s="345">
        <v>898480</v>
      </c>
      <c r="HD13" s="341">
        <v>327970</v>
      </c>
      <c r="HE13" s="342">
        <v>859813</v>
      </c>
      <c r="HF13" s="346">
        <v>1187783</v>
      </c>
      <c r="HG13" s="347">
        <v>0</v>
      </c>
      <c r="HH13" s="342">
        <v>7091768</v>
      </c>
      <c r="HI13" s="342">
        <v>4802913</v>
      </c>
      <c r="HJ13" s="342">
        <v>5018942</v>
      </c>
      <c r="HK13" s="342">
        <v>3811228</v>
      </c>
      <c r="HL13" s="342">
        <v>2689426</v>
      </c>
      <c r="HM13" s="343">
        <v>23414277</v>
      </c>
      <c r="HN13" s="344">
        <v>24602060</v>
      </c>
      <c r="HO13" s="348">
        <v>0</v>
      </c>
      <c r="HP13" s="342">
        <v>0</v>
      </c>
      <c r="HQ13" s="343">
        <v>0</v>
      </c>
      <c r="HR13" s="341">
        <v>0</v>
      </c>
      <c r="HS13" s="342">
        <v>0</v>
      </c>
      <c r="HT13" s="342">
        <v>0</v>
      </c>
      <c r="HU13" s="342">
        <v>0</v>
      </c>
      <c r="HV13" s="342">
        <v>0</v>
      </c>
      <c r="HW13" s="342">
        <v>0</v>
      </c>
      <c r="HX13" s="346">
        <v>0</v>
      </c>
      <c r="HY13" s="345">
        <v>0</v>
      </c>
      <c r="HZ13" s="350">
        <v>0</v>
      </c>
      <c r="IA13" s="351">
        <v>0</v>
      </c>
      <c r="IB13" s="352">
        <v>0</v>
      </c>
      <c r="IC13" s="353">
        <v>0</v>
      </c>
      <c r="ID13" s="351">
        <v>4189292</v>
      </c>
      <c r="IE13" s="354">
        <v>4153171</v>
      </c>
      <c r="IF13" s="352">
        <v>6027341</v>
      </c>
      <c r="IG13" s="351">
        <v>2220958</v>
      </c>
      <c r="IH13" s="352">
        <v>2328334</v>
      </c>
      <c r="II13" s="355">
        <v>18919096</v>
      </c>
      <c r="IJ13" s="356">
        <v>18919096</v>
      </c>
      <c r="IK13" s="357">
        <v>0</v>
      </c>
      <c r="IL13" s="358">
        <v>0</v>
      </c>
      <c r="IM13" s="359">
        <v>0</v>
      </c>
      <c r="IN13" s="436">
        <v>0</v>
      </c>
      <c r="IO13" s="360">
        <v>0</v>
      </c>
      <c r="IP13" s="360">
        <v>0</v>
      </c>
      <c r="IQ13" s="360">
        <v>0</v>
      </c>
      <c r="IR13" s="360">
        <v>0</v>
      </c>
      <c r="IS13" s="360">
        <v>0</v>
      </c>
      <c r="IT13" s="361">
        <v>0</v>
      </c>
      <c r="IU13" s="362">
        <v>0</v>
      </c>
      <c r="IV13" s="363">
        <v>0</v>
      </c>
      <c r="IW13" s="360">
        <v>0</v>
      </c>
      <c r="IX13" s="364">
        <v>0</v>
      </c>
      <c r="IY13" s="436">
        <v>0</v>
      </c>
      <c r="IZ13" s="360">
        <v>0</v>
      </c>
      <c r="JA13" s="360">
        <v>0</v>
      </c>
      <c r="JB13" s="360">
        <v>0</v>
      </c>
      <c r="JC13" s="360">
        <v>0</v>
      </c>
      <c r="JD13" s="360">
        <v>0</v>
      </c>
      <c r="JE13" s="364">
        <v>0</v>
      </c>
      <c r="JF13" s="365">
        <v>0</v>
      </c>
      <c r="JG13" s="363">
        <v>0</v>
      </c>
      <c r="JH13" s="360">
        <v>0</v>
      </c>
      <c r="JI13" s="361">
        <v>0</v>
      </c>
      <c r="JJ13" s="366">
        <v>0</v>
      </c>
      <c r="JK13" s="360">
        <v>2412560</v>
      </c>
      <c r="JL13" s="360">
        <v>2350759</v>
      </c>
      <c r="JM13" s="360">
        <v>1231445</v>
      </c>
      <c r="JN13" s="360">
        <v>753245</v>
      </c>
      <c r="JO13" s="360">
        <v>211865</v>
      </c>
      <c r="JP13" s="364">
        <v>6959874</v>
      </c>
      <c r="JQ13" s="362">
        <v>6959874</v>
      </c>
      <c r="JR13" s="363">
        <v>0</v>
      </c>
      <c r="JS13" s="360">
        <v>0</v>
      </c>
      <c r="JT13" s="361">
        <v>0</v>
      </c>
      <c r="JU13" s="366">
        <v>0</v>
      </c>
      <c r="JV13" s="360">
        <v>239711</v>
      </c>
      <c r="JW13" s="360">
        <v>355211</v>
      </c>
      <c r="JX13" s="360">
        <v>607743</v>
      </c>
      <c r="JY13" s="360">
        <v>496176</v>
      </c>
      <c r="JZ13" s="360">
        <v>247830</v>
      </c>
      <c r="KA13" s="364">
        <v>1946671</v>
      </c>
      <c r="KB13" s="362">
        <v>1946671</v>
      </c>
      <c r="KC13" s="367">
        <v>0</v>
      </c>
      <c r="KD13" s="368">
        <v>0</v>
      </c>
      <c r="KE13" s="364">
        <v>0</v>
      </c>
      <c r="KF13" s="366">
        <v>0</v>
      </c>
      <c r="KG13" s="360">
        <v>432041</v>
      </c>
      <c r="KH13" s="360">
        <v>207892</v>
      </c>
      <c r="KI13" s="360">
        <v>649447</v>
      </c>
      <c r="KJ13" s="360">
        <v>0</v>
      </c>
      <c r="KK13" s="360">
        <v>0</v>
      </c>
      <c r="KL13" s="364">
        <v>1289380</v>
      </c>
      <c r="KM13" s="369">
        <v>1289380</v>
      </c>
      <c r="KN13" s="357">
        <v>0</v>
      </c>
      <c r="KO13" s="358">
        <v>0</v>
      </c>
      <c r="KP13" s="359">
        <v>0</v>
      </c>
      <c r="KQ13" s="436">
        <v>0</v>
      </c>
      <c r="KR13" s="360">
        <v>1104980</v>
      </c>
      <c r="KS13" s="360">
        <v>837710</v>
      </c>
      <c r="KT13" s="360">
        <v>3254203</v>
      </c>
      <c r="KU13" s="360">
        <v>971537</v>
      </c>
      <c r="KV13" s="360">
        <v>1224686</v>
      </c>
      <c r="KW13" s="364">
        <v>7393116</v>
      </c>
      <c r="KX13" s="362">
        <v>7393116</v>
      </c>
      <c r="KY13" s="363">
        <v>0</v>
      </c>
      <c r="KZ13" s="360">
        <v>0</v>
      </c>
      <c r="LA13" s="364">
        <v>0</v>
      </c>
      <c r="LB13" s="436">
        <v>0</v>
      </c>
      <c r="LC13" s="360">
        <v>0</v>
      </c>
      <c r="LD13" s="360">
        <v>0</v>
      </c>
      <c r="LE13" s="360">
        <v>0</v>
      </c>
      <c r="LF13" s="360">
        <v>0</v>
      </c>
      <c r="LG13" s="360">
        <v>0</v>
      </c>
      <c r="LH13" s="364">
        <v>0</v>
      </c>
      <c r="LI13" s="365">
        <v>0</v>
      </c>
      <c r="LJ13" s="363">
        <v>0</v>
      </c>
      <c r="LK13" s="360">
        <v>0</v>
      </c>
      <c r="LL13" s="364">
        <v>0</v>
      </c>
      <c r="LM13" s="436">
        <v>0</v>
      </c>
      <c r="LN13" s="360">
        <v>0</v>
      </c>
      <c r="LO13" s="360">
        <v>0</v>
      </c>
      <c r="LP13" s="360">
        <v>0</v>
      </c>
      <c r="LQ13" s="360">
        <v>0</v>
      </c>
      <c r="LR13" s="360">
        <v>0</v>
      </c>
      <c r="LS13" s="364">
        <v>0</v>
      </c>
      <c r="LT13" s="362">
        <v>0</v>
      </c>
      <c r="LU13" s="363">
        <v>0</v>
      </c>
      <c r="LV13" s="360">
        <v>0</v>
      </c>
      <c r="LW13" s="364">
        <v>0</v>
      </c>
      <c r="LX13" s="436">
        <v>0</v>
      </c>
      <c r="LY13" s="360">
        <v>0</v>
      </c>
      <c r="LZ13" s="360">
        <v>401599</v>
      </c>
      <c r="MA13" s="360">
        <v>284503</v>
      </c>
      <c r="MB13" s="360">
        <v>0</v>
      </c>
      <c r="MC13" s="360">
        <v>643953</v>
      </c>
      <c r="MD13" s="364">
        <v>1330055</v>
      </c>
      <c r="ME13" s="365">
        <v>1330055</v>
      </c>
      <c r="MF13" s="363">
        <v>0</v>
      </c>
      <c r="MG13" s="360">
        <v>0</v>
      </c>
      <c r="MH13" s="364">
        <v>0</v>
      </c>
      <c r="MI13" s="436">
        <v>0</v>
      </c>
      <c r="MJ13" s="360">
        <v>2347555</v>
      </c>
      <c r="MK13" s="360">
        <v>2015747</v>
      </c>
      <c r="ML13" s="360">
        <v>6687338</v>
      </c>
      <c r="MM13" s="360">
        <v>16815788</v>
      </c>
      <c r="MN13" s="360">
        <v>7106662</v>
      </c>
      <c r="MO13" s="364">
        <v>34973090</v>
      </c>
      <c r="MP13" s="369">
        <v>34973090</v>
      </c>
      <c r="MQ13" s="363">
        <v>0</v>
      </c>
      <c r="MR13" s="360">
        <v>0</v>
      </c>
      <c r="MS13" s="364">
        <v>0</v>
      </c>
      <c r="MT13" s="436">
        <v>0</v>
      </c>
      <c r="MU13" s="360">
        <v>0</v>
      </c>
      <c r="MV13" s="360">
        <v>440571</v>
      </c>
      <c r="MW13" s="360">
        <v>3868350</v>
      </c>
      <c r="MX13" s="360">
        <v>11143865</v>
      </c>
      <c r="MY13" s="360">
        <v>6155640</v>
      </c>
      <c r="MZ13" s="364">
        <v>21608426</v>
      </c>
      <c r="NA13" s="369">
        <v>21608426</v>
      </c>
      <c r="NB13" s="363">
        <v>0</v>
      </c>
      <c r="NC13" s="360">
        <v>0</v>
      </c>
      <c r="ND13" s="364">
        <v>0</v>
      </c>
      <c r="NE13" s="436">
        <v>0</v>
      </c>
      <c r="NF13" s="360">
        <v>2347555</v>
      </c>
      <c r="NG13" s="360">
        <v>1575176</v>
      </c>
      <c r="NH13" s="360">
        <v>2818988</v>
      </c>
      <c r="NI13" s="360">
        <v>5671923</v>
      </c>
      <c r="NJ13" s="360">
        <v>951022</v>
      </c>
      <c r="NK13" s="364">
        <v>13364664</v>
      </c>
      <c r="NL13" s="362">
        <v>13364664</v>
      </c>
      <c r="NM13" s="363">
        <v>0</v>
      </c>
      <c r="NN13" s="360">
        <v>0</v>
      </c>
      <c r="NO13" s="364">
        <v>0</v>
      </c>
      <c r="NP13" s="436">
        <v>0</v>
      </c>
      <c r="NQ13" s="360">
        <v>0</v>
      </c>
      <c r="NR13" s="360">
        <v>0</v>
      </c>
      <c r="NS13" s="360">
        <v>0</v>
      </c>
      <c r="NT13" s="360">
        <v>0</v>
      </c>
      <c r="NU13" s="360">
        <v>0</v>
      </c>
      <c r="NV13" s="364">
        <v>0</v>
      </c>
      <c r="NW13" s="365">
        <v>0</v>
      </c>
      <c r="NX13" s="363">
        <v>0</v>
      </c>
      <c r="NY13" s="360">
        <v>0</v>
      </c>
      <c r="NZ13" s="364">
        <v>0</v>
      </c>
      <c r="OA13" s="436">
        <v>0</v>
      </c>
      <c r="OB13" s="360">
        <v>0</v>
      </c>
      <c r="OC13" s="360">
        <v>0</v>
      </c>
      <c r="OD13" s="360">
        <v>0</v>
      </c>
      <c r="OE13" s="360">
        <v>0</v>
      </c>
      <c r="OF13" s="360">
        <v>0</v>
      </c>
      <c r="OG13" s="364">
        <v>0</v>
      </c>
      <c r="OH13" s="365">
        <v>0</v>
      </c>
      <c r="OI13" s="363">
        <v>1047240</v>
      </c>
      <c r="OJ13" s="360">
        <v>1426395</v>
      </c>
      <c r="OK13" s="361">
        <v>2473635</v>
      </c>
      <c r="OL13" s="366">
        <v>0</v>
      </c>
      <c r="OM13" s="360">
        <v>29015583</v>
      </c>
      <c r="ON13" s="360">
        <v>28656377</v>
      </c>
      <c r="OO13" s="360">
        <v>30797858</v>
      </c>
      <c r="OP13" s="360">
        <v>32784410</v>
      </c>
      <c r="OQ13" s="360">
        <v>21088005</v>
      </c>
      <c r="OR13" s="364">
        <v>142342233</v>
      </c>
      <c r="OS13" s="369">
        <v>144815868</v>
      </c>
    </row>
    <row r="14" spans="1:409" s="137" customFormat="1" ht="21" customHeight="1" x14ac:dyDescent="0.2">
      <c r="B14" s="421" t="s">
        <v>8</v>
      </c>
      <c r="C14" s="341">
        <v>916747</v>
      </c>
      <c r="D14" s="342">
        <v>751636</v>
      </c>
      <c r="E14" s="343">
        <v>1668383</v>
      </c>
      <c r="F14" s="344">
        <v>0</v>
      </c>
      <c r="G14" s="342">
        <v>7249977</v>
      </c>
      <c r="H14" s="342">
        <v>8580658</v>
      </c>
      <c r="I14" s="342">
        <v>11143826</v>
      </c>
      <c r="J14" s="342">
        <v>5657169</v>
      </c>
      <c r="K14" s="342">
        <v>6175401</v>
      </c>
      <c r="L14" s="344">
        <v>38807031</v>
      </c>
      <c r="M14" s="345">
        <v>40475414</v>
      </c>
      <c r="N14" s="341">
        <v>211809</v>
      </c>
      <c r="O14" s="342">
        <v>70729</v>
      </c>
      <c r="P14" s="343">
        <v>282538</v>
      </c>
      <c r="Q14" s="341">
        <v>0</v>
      </c>
      <c r="R14" s="342">
        <v>1782327</v>
      </c>
      <c r="S14" s="342">
        <v>2733441</v>
      </c>
      <c r="T14" s="342">
        <v>4324175</v>
      </c>
      <c r="U14" s="342">
        <v>2110527</v>
      </c>
      <c r="V14" s="342">
        <v>3389625</v>
      </c>
      <c r="W14" s="343">
        <v>14340095</v>
      </c>
      <c r="X14" s="345">
        <v>14622633</v>
      </c>
      <c r="Y14" s="341">
        <v>0</v>
      </c>
      <c r="Z14" s="342">
        <v>0</v>
      </c>
      <c r="AA14" s="343">
        <v>0</v>
      </c>
      <c r="AB14" s="341">
        <v>0</v>
      </c>
      <c r="AC14" s="342">
        <v>628980</v>
      </c>
      <c r="AD14" s="342">
        <v>1637174</v>
      </c>
      <c r="AE14" s="342">
        <v>2259279</v>
      </c>
      <c r="AF14" s="342">
        <v>1136233</v>
      </c>
      <c r="AG14" s="342">
        <v>2293754</v>
      </c>
      <c r="AH14" s="343">
        <v>7955420</v>
      </c>
      <c r="AI14" s="345">
        <v>7955420</v>
      </c>
      <c r="AJ14" s="341">
        <v>0</v>
      </c>
      <c r="AK14" s="342">
        <v>0</v>
      </c>
      <c r="AL14" s="343">
        <v>0</v>
      </c>
      <c r="AM14" s="341">
        <v>0</v>
      </c>
      <c r="AN14" s="342">
        <v>0</v>
      </c>
      <c r="AO14" s="342">
        <v>0</v>
      </c>
      <c r="AP14" s="342">
        <v>156663</v>
      </c>
      <c r="AQ14" s="342">
        <v>151912</v>
      </c>
      <c r="AR14" s="342">
        <v>226178</v>
      </c>
      <c r="AS14" s="343">
        <v>534753</v>
      </c>
      <c r="AT14" s="345">
        <v>534753</v>
      </c>
      <c r="AU14" s="341">
        <v>65369</v>
      </c>
      <c r="AV14" s="342">
        <v>58001</v>
      </c>
      <c r="AW14" s="343">
        <v>123370</v>
      </c>
      <c r="AX14" s="341">
        <v>0</v>
      </c>
      <c r="AY14" s="342">
        <v>565731</v>
      </c>
      <c r="AZ14" s="342">
        <v>736131</v>
      </c>
      <c r="BA14" s="342">
        <v>1114654</v>
      </c>
      <c r="BB14" s="342">
        <v>577222</v>
      </c>
      <c r="BC14" s="342">
        <v>583029</v>
      </c>
      <c r="BD14" s="343">
        <v>3576767</v>
      </c>
      <c r="BE14" s="345">
        <v>3700137</v>
      </c>
      <c r="BF14" s="341">
        <v>0</v>
      </c>
      <c r="BG14" s="342">
        <v>0</v>
      </c>
      <c r="BH14" s="346">
        <v>0</v>
      </c>
      <c r="BI14" s="347">
        <v>0</v>
      </c>
      <c r="BJ14" s="342">
        <v>149104</v>
      </c>
      <c r="BK14" s="342">
        <v>0</v>
      </c>
      <c r="BL14" s="342">
        <v>262027</v>
      </c>
      <c r="BM14" s="342">
        <v>17368</v>
      </c>
      <c r="BN14" s="342">
        <v>30552</v>
      </c>
      <c r="BO14" s="343">
        <v>459051</v>
      </c>
      <c r="BP14" s="345">
        <v>459051</v>
      </c>
      <c r="BQ14" s="341">
        <v>146440</v>
      </c>
      <c r="BR14" s="342">
        <v>12728</v>
      </c>
      <c r="BS14" s="343">
        <v>159168</v>
      </c>
      <c r="BT14" s="341">
        <v>0</v>
      </c>
      <c r="BU14" s="342">
        <v>438512</v>
      </c>
      <c r="BV14" s="342">
        <v>360136</v>
      </c>
      <c r="BW14" s="342">
        <v>531552</v>
      </c>
      <c r="BX14" s="342">
        <v>227792</v>
      </c>
      <c r="BY14" s="342">
        <v>256112</v>
      </c>
      <c r="BZ14" s="343">
        <v>1814104</v>
      </c>
      <c r="CA14" s="345">
        <v>1973272</v>
      </c>
      <c r="CB14" s="341">
        <v>103829</v>
      </c>
      <c r="CC14" s="342">
        <v>39996</v>
      </c>
      <c r="CD14" s="343">
        <v>143825</v>
      </c>
      <c r="CE14" s="341">
        <v>0</v>
      </c>
      <c r="CF14" s="342">
        <v>2198095</v>
      </c>
      <c r="CG14" s="342">
        <v>2703798</v>
      </c>
      <c r="CH14" s="342">
        <v>2103940</v>
      </c>
      <c r="CI14" s="342">
        <v>1360892</v>
      </c>
      <c r="CJ14" s="342">
        <v>462678</v>
      </c>
      <c r="CK14" s="343">
        <v>8829403</v>
      </c>
      <c r="CL14" s="345">
        <v>8973228</v>
      </c>
      <c r="CM14" s="341">
        <v>0</v>
      </c>
      <c r="CN14" s="342">
        <v>0</v>
      </c>
      <c r="CO14" s="343">
        <v>0</v>
      </c>
      <c r="CP14" s="347">
        <v>0</v>
      </c>
      <c r="CQ14" s="342">
        <v>1695111</v>
      </c>
      <c r="CR14" s="342">
        <v>2302671</v>
      </c>
      <c r="CS14" s="342">
        <v>1381144</v>
      </c>
      <c r="CT14" s="342">
        <v>1243923</v>
      </c>
      <c r="CU14" s="342">
        <v>462678</v>
      </c>
      <c r="CV14" s="343">
        <v>7085527</v>
      </c>
      <c r="CW14" s="345">
        <v>7085527</v>
      </c>
      <c r="CX14" s="341">
        <v>103829</v>
      </c>
      <c r="CY14" s="342">
        <v>39996</v>
      </c>
      <c r="CZ14" s="343">
        <v>143825</v>
      </c>
      <c r="DA14" s="341">
        <v>0</v>
      </c>
      <c r="DB14" s="342">
        <v>502984</v>
      </c>
      <c r="DC14" s="342">
        <v>401127</v>
      </c>
      <c r="DD14" s="342">
        <v>722796</v>
      </c>
      <c r="DE14" s="342">
        <v>116969</v>
      </c>
      <c r="DF14" s="342">
        <v>0</v>
      </c>
      <c r="DG14" s="343">
        <v>1743876</v>
      </c>
      <c r="DH14" s="345">
        <v>1887701</v>
      </c>
      <c r="DI14" s="341">
        <v>19403</v>
      </c>
      <c r="DJ14" s="342">
        <v>57746</v>
      </c>
      <c r="DK14" s="346">
        <v>77149</v>
      </c>
      <c r="DL14" s="347">
        <v>0</v>
      </c>
      <c r="DM14" s="342">
        <v>322733</v>
      </c>
      <c r="DN14" s="342">
        <v>290933</v>
      </c>
      <c r="DO14" s="342">
        <v>1355179</v>
      </c>
      <c r="DP14" s="342">
        <v>494208</v>
      </c>
      <c r="DQ14" s="342">
        <v>494596</v>
      </c>
      <c r="DR14" s="343">
        <v>2957649</v>
      </c>
      <c r="DS14" s="345">
        <v>3034798</v>
      </c>
      <c r="DT14" s="341">
        <v>19403</v>
      </c>
      <c r="DU14" s="342">
        <v>57746</v>
      </c>
      <c r="DV14" s="343">
        <v>77149</v>
      </c>
      <c r="DW14" s="341">
        <v>0</v>
      </c>
      <c r="DX14" s="342">
        <v>322733</v>
      </c>
      <c r="DY14" s="342">
        <v>290933</v>
      </c>
      <c r="DZ14" s="342">
        <v>1322919</v>
      </c>
      <c r="EA14" s="342">
        <v>494208</v>
      </c>
      <c r="EB14" s="342">
        <v>494596</v>
      </c>
      <c r="EC14" s="343">
        <v>2925389</v>
      </c>
      <c r="ED14" s="345">
        <v>3002538</v>
      </c>
      <c r="EE14" s="341">
        <v>0</v>
      </c>
      <c r="EF14" s="346">
        <v>0</v>
      </c>
      <c r="EG14" s="343">
        <v>0</v>
      </c>
      <c r="EH14" s="341">
        <v>0</v>
      </c>
      <c r="EI14" s="342">
        <v>0</v>
      </c>
      <c r="EJ14" s="342">
        <v>0</v>
      </c>
      <c r="EK14" s="342">
        <v>32260</v>
      </c>
      <c r="EL14" s="342">
        <v>0</v>
      </c>
      <c r="EM14" s="342">
        <v>0</v>
      </c>
      <c r="EN14" s="346">
        <v>32260</v>
      </c>
      <c r="EO14" s="345">
        <v>32260</v>
      </c>
      <c r="EP14" s="341">
        <v>0</v>
      </c>
      <c r="EQ14" s="342">
        <v>0</v>
      </c>
      <c r="ER14" s="346">
        <v>0</v>
      </c>
      <c r="ES14" s="347">
        <v>0</v>
      </c>
      <c r="ET14" s="342">
        <v>0</v>
      </c>
      <c r="EU14" s="342">
        <v>0</v>
      </c>
      <c r="EV14" s="342">
        <v>0</v>
      </c>
      <c r="EW14" s="342">
        <v>0</v>
      </c>
      <c r="EX14" s="342">
        <v>0</v>
      </c>
      <c r="EY14" s="343">
        <v>0</v>
      </c>
      <c r="EZ14" s="345">
        <v>0</v>
      </c>
      <c r="FA14" s="341">
        <v>0</v>
      </c>
      <c r="FB14" s="342">
        <v>0</v>
      </c>
      <c r="FC14" s="346">
        <v>0</v>
      </c>
      <c r="FD14" s="347">
        <v>0</v>
      </c>
      <c r="FE14" s="342">
        <v>0</v>
      </c>
      <c r="FF14" s="342">
        <v>0</v>
      </c>
      <c r="FG14" s="342">
        <v>0</v>
      </c>
      <c r="FH14" s="342">
        <v>0</v>
      </c>
      <c r="FI14" s="342">
        <v>0</v>
      </c>
      <c r="FJ14" s="343">
        <v>0</v>
      </c>
      <c r="FK14" s="345">
        <v>0</v>
      </c>
      <c r="FL14" s="341">
        <v>125920</v>
      </c>
      <c r="FM14" s="342">
        <v>412272</v>
      </c>
      <c r="FN14" s="343">
        <v>538192</v>
      </c>
      <c r="FO14" s="341">
        <v>0</v>
      </c>
      <c r="FP14" s="342">
        <v>695769</v>
      </c>
      <c r="FQ14" s="342">
        <v>915864</v>
      </c>
      <c r="FR14" s="342">
        <v>1301872</v>
      </c>
      <c r="FS14" s="342">
        <v>585488</v>
      </c>
      <c r="FT14" s="342">
        <v>626800</v>
      </c>
      <c r="FU14" s="343">
        <v>4125793</v>
      </c>
      <c r="FV14" s="345">
        <v>4663985</v>
      </c>
      <c r="FW14" s="348">
        <v>71520</v>
      </c>
      <c r="FX14" s="342">
        <v>154272</v>
      </c>
      <c r="FY14" s="346">
        <v>225792</v>
      </c>
      <c r="FZ14" s="347">
        <v>0</v>
      </c>
      <c r="GA14" s="342">
        <v>271496</v>
      </c>
      <c r="GB14" s="342">
        <v>915864</v>
      </c>
      <c r="GC14" s="342">
        <v>934288</v>
      </c>
      <c r="GD14" s="342">
        <v>585488</v>
      </c>
      <c r="GE14" s="342">
        <v>408416</v>
      </c>
      <c r="GF14" s="343">
        <v>3115552</v>
      </c>
      <c r="GG14" s="349">
        <v>3341344</v>
      </c>
      <c r="GH14" s="348">
        <v>0</v>
      </c>
      <c r="GI14" s="342">
        <v>22400</v>
      </c>
      <c r="GJ14" s="346">
        <v>22400</v>
      </c>
      <c r="GK14" s="347">
        <v>0</v>
      </c>
      <c r="GL14" s="342">
        <v>73720</v>
      </c>
      <c r="GM14" s="342">
        <v>0</v>
      </c>
      <c r="GN14" s="342">
        <v>38864</v>
      </c>
      <c r="GO14" s="342">
        <v>0</v>
      </c>
      <c r="GP14" s="342">
        <v>130384</v>
      </c>
      <c r="GQ14" s="343">
        <v>242968</v>
      </c>
      <c r="GR14" s="345">
        <v>265368</v>
      </c>
      <c r="GS14" s="341">
        <v>54400</v>
      </c>
      <c r="GT14" s="342">
        <v>235600</v>
      </c>
      <c r="GU14" s="343">
        <v>290000</v>
      </c>
      <c r="GV14" s="341">
        <v>0</v>
      </c>
      <c r="GW14" s="342">
        <v>350553</v>
      </c>
      <c r="GX14" s="342">
        <v>0</v>
      </c>
      <c r="GY14" s="342">
        <v>328720</v>
      </c>
      <c r="GZ14" s="342">
        <v>0</v>
      </c>
      <c r="HA14" s="342">
        <v>88000</v>
      </c>
      <c r="HB14" s="346">
        <v>767273</v>
      </c>
      <c r="HC14" s="345">
        <v>1057273</v>
      </c>
      <c r="HD14" s="341">
        <v>455786</v>
      </c>
      <c r="HE14" s="342">
        <v>170893</v>
      </c>
      <c r="HF14" s="346">
        <v>626679</v>
      </c>
      <c r="HG14" s="347">
        <v>0</v>
      </c>
      <c r="HH14" s="342">
        <v>2251053</v>
      </c>
      <c r="HI14" s="342">
        <v>1936622</v>
      </c>
      <c r="HJ14" s="342">
        <v>2058660</v>
      </c>
      <c r="HK14" s="342">
        <v>1106054</v>
      </c>
      <c r="HL14" s="342">
        <v>1201702</v>
      </c>
      <c r="HM14" s="343">
        <v>8554091</v>
      </c>
      <c r="HN14" s="344">
        <v>9180770</v>
      </c>
      <c r="HO14" s="348">
        <v>0</v>
      </c>
      <c r="HP14" s="342">
        <v>0</v>
      </c>
      <c r="HQ14" s="343">
        <v>0</v>
      </c>
      <c r="HR14" s="341">
        <v>0</v>
      </c>
      <c r="HS14" s="342">
        <v>0</v>
      </c>
      <c r="HT14" s="342">
        <v>0</v>
      </c>
      <c r="HU14" s="342">
        <v>0</v>
      </c>
      <c r="HV14" s="342">
        <v>0</v>
      </c>
      <c r="HW14" s="342">
        <v>0</v>
      </c>
      <c r="HX14" s="346">
        <v>0</v>
      </c>
      <c r="HY14" s="345">
        <v>0</v>
      </c>
      <c r="HZ14" s="350">
        <v>0</v>
      </c>
      <c r="IA14" s="351">
        <v>155843</v>
      </c>
      <c r="IB14" s="352">
        <v>155843</v>
      </c>
      <c r="IC14" s="370">
        <v>0</v>
      </c>
      <c r="ID14" s="371">
        <v>2137533</v>
      </c>
      <c r="IE14" s="372">
        <v>2969417</v>
      </c>
      <c r="IF14" s="373">
        <v>3051420</v>
      </c>
      <c r="IG14" s="371">
        <v>3238660</v>
      </c>
      <c r="IH14" s="373">
        <v>949396</v>
      </c>
      <c r="II14" s="374">
        <v>12346426</v>
      </c>
      <c r="IJ14" s="356">
        <v>12502269</v>
      </c>
      <c r="IK14" s="357">
        <v>0</v>
      </c>
      <c r="IL14" s="358">
        <v>0</v>
      </c>
      <c r="IM14" s="359">
        <v>0</v>
      </c>
      <c r="IN14" s="436">
        <v>0</v>
      </c>
      <c r="IO14" s="360">
        <v>70664</v>
      </c>
      <c r="IP14" s="360">
        <v>0</v>
      </c>
      <c r="IQ14" s="360">
        <v>0</v>
      </c>
      <c r="IR14" s="360">
        <v>0</v>
      </c>
      <c r="IS14" s="360">
        <v>0</v>
      </c>
      <c r="IT14" s="361">
        <v>70664</v>
      </c>
      <c r="IU14" s="362">
        <v>70664</v>
      </c>
      <c r="IV14" s="363">
        <v>0</v>
      </c>
      <c r="IW14" s="360">
        <v>0</v>
      </c>
      <c r="IX14" s="364">
        <v>0</v>
      </c>
      <c r="IY14" s="436">
        <v>0</v>
      </c>
      <c r="IZ14" s="360">
        <v>0</v>
      </c>
      <c r="JA14" s="360">
        <v>0</v>
      </c>
      <c r="JB14" s="360">
        <v>0</v>
      </c>
      <c r="JC14" s="360">
        <v>0</v>
      </c>
      <c r="JD14" s="360">
        <v>0</v>
      </c>
      <c r="JE14" s="364">
        <v>0</v>
      </c>
      <c r="JF14" s="365">
        <v>0</v>
      </c>
      <c r="JG14" s="363">
        <v>0</v>
      </c>
      <c r="JH14" s="360">
        <v>0</v>
      </c>
      <c r="JI14" s="361">
        <v>0</v>
      </c>
      <c r="JJ14" s="366">
        <v>0</v>
      </c>
      <c r="JK14" s="360">
        <v>873072</v>
      </c>
      <c r="JL14" s="360">
        <v>1986778</v>
      </c>
      <c r="JM14" s="360">
        <v>736765</v>
      </c>
      <c r="JN14" s="360">
        <v>344117</v>
      </c>
      <c r="JO14" s="360">
        <v>146449</v>
      </c>
      <c r="JP14" s="364">
        <v>4087181</v>
      </c>
      <c r="JQ14" s="362">
        <v>4087181</v>
      </c>
      <c r="JR14" s="363">
        <v>0</v>
      </c>
      <c r="JS14" s="360">
        <v>0</v>
      </c>
      <c r="JT14" s="361">
        <v>0</v>
      </c>
      <c r="JU14" s="366">
        <v>0</v>
      </c>
      <c r="JV14" s="360">
        <v>24551</v>
      </c>
      <c r="JW14" s="360">
        <v>0</v>
      </c>
      <c r="JX14" s="360">
        <v>0</v>
      </c>
      <c r="JY14" s="360">
        <v>103187</v>
      </c>
      <c r="JZ14" s="360">
        <v>0</v>
      </c>
      <c r="KA14" s="364">
        <v>127738</v>
      </c>
      <c r="KB14" s="362">
        <v>127738</v>
      </c>
      <c r="KC14" s="367">
        <v>0</v>
      </c>
      <c r="KD14" s="368">
        <v>155843</v>
      </c>
      <c r="KE14" s="364">
        <v>155843</v>
      </c>
      <c r="KF14" s="366">
        <v>0</v>
      </c>
      <c r="KG14" s="360">
        <v>0</v>
      </c>
      <c r="KH14" s="360">
        <v>322397</v>
      </c>
      <c r="KI14" s="360">
        <v>808330</v>
      </c>
      <c r="KJ14" s="360">
        <v>261124</v>
      </c>
      <c r="KK14" s="360">
        <v>0</v>
      </c>
      <c r="KL14" s="364">
        <v>1391851</v>
      </c>
      <c r="KM14" s="369">
        <v>1547694</v>
      </c>
      <c r="KN14" s="357">
        <v>0</v>
      </c>
      <c r="KO14" s="358">
        <v>0</v>
      </c>
      <c r="KP14" s="359">
        <v>0</v>
      </c>
      <c r="KQ14" s="436">
        <v>0</v>
      </c>
      <c r="KR14" s="360">
        <v>888314</v>
      </c>
      <c r="KS14" s="360">
        <v>463777</v>
      </c>
      <c r="KT14" s="360">
        <v>704739</v>
      </c>
      <c r="KU14" s="360">
        <v>1220913</v>
      </c>
      <c r="KV14" s="360">
        <v>248367</v>
      </c>
      <c r="KW14" s="364">
        <v>3526110</v>
      </c>
      <c r="KX14" s="362">
        <v>3526110</v>
      </c>
      <c r="KY14" s="363">
        <v>0</v>
      </c>
      <c r="KZ14" s="360">
        <v>0</v>
      </c>
      <c r="LA14" s="364">
        <v>0</v>
      </c>
      <c r="LB14" s="436">
        <v>0</v>
      </c>
      <c r="LC14" s="360">
        <v>0</v>
      </c>
      <c r="LD14" s="360">
        <v>0</v>
      </c>
      <c r="LE14" s="360">
        <v>556162</v>
      </c>
      <c r="LF14" s="360">
        <v>0</v>
      </c>
      <c r="LG14" s="360">
        <v>224281</v>
      </c>
      <c r="LH14" s="364">
        <v>780443</v>
      </c>
      <c r="LI14" s="365">
        <v>780443</v>
      </c>
      <c r="LJ14" s="363">
        <v>0</v>
      </c>
      <c r="LK14" s="360">
        <v>0</v>
      </c>
      <c r="LL14" s="364">
        <v>0</v>
      </c>
      <c r="LM14" s="436">
        <v>0</v>
      </c>
      <c r="LN14" s="360">
        <v>0</v>
      </c>
      <c r="LO14" s="360">
        <v>0</v>
      </c>
      <c r="LP14" s="360">
        <v>245424</v>
      </c>
      <c r="LQ14" s="360">
        <v>232876</v>
      </c>
      <c r="LR14" s="360">
        <v>0</v>
      </c>
      <c r="LS14" s="364">
        <v>478300</v>
      </c>
      <c r="LT14" s="362">
        <v>478300</v>
      </c>
      <c r="LU14" s="363">
        <v>0</v>
      </c>
      <c r="LV14" s="360">
        <v>0</v>
      </c>
      <c r="LW14" s="364">
        <v>0</v>
      </c>
      <c r="LX14" s="436">
        <v>0</v>
      </c>
      <c r="LY14" s="360">
        <v>280932</v>
      </c>
      <c r="LZ14" s="360">
        <v>196465</v>
      </c>
      <c r="MA14" s="360">
        <v>0</v>
      </c>
      <c r="MB14" s="360">
        <v>1076443</v>
      </c>
      <c r="MC14" s="360">
        <v>330299</v>
      </c>
      <c r="MD14" s="364">
        <v>1884139</v>
      </c>
      <c r="ME14" s="365">
        <v>1884139</v>
      </c>
      <c r="MF14" s="363">
        <v>0</v>
      </c>
      <c r="MG14" s="360">
        <v>0</v>
      </c>
      <c r="MH14" s="364">
        <v>0</v>
      </c>
      <c r="MI14" s="436">
        <v>0</v>
      </c>
      <c r="MJ14" s="360">
        <v>968568</v>
      </c>
      <c r="MK14" s="360">
        <v>893907</v>
      </c>
      <c r="ML14" s="360">
        <v>4398109</v>
      </c>
      <c r="MM14" s="360">
        <v>3669615</v>
      </c>
      <c r="MN14" s="360">
        <v>2570884</v>
      </c>
      <c r="MO14" s="364">
        <v>12501083</v>
      </c>
      <c r="MP14" s="369">
        <v>12501083</v>
      </c>
      <c r="MQ14" s="363">
        <v>0</v>
      </c>
      <c r="MR14" s="360">
        <v>0</v>
      </c>
      <c r="MS14" s="364">
        <v>0</v>
      </c>
      <c r="MT14" s="436">
        <v>0</v>
      </c>
      <c r="MU14" s="360">
        <v>201567</v>
      </c>
      <c r="MV14" s="360">
        <v>393412</v>
      </c>
      <c r="MW14" s="360">
        <v>2274709</v>
      </c>
      <c r="MX14" s="360">
        <v>2222532</v>
      </c>
      <c r="MY14" s="360">
        <v>1682839</v>
      </c>
      <c r="MZ14" s="364">
        <v>6775059</v>
      </c>
      <c r="NA14" s="369">
        <v>6775059</v>
      </c>
      <c r="NB14" s="363">
        <v>0</v>
      </c>
      <c r="NC14" s="360">
        <v>0</v>
      </c>
      <c r="ND14" s="364">
        <v>0</v>
      </c>
      <c r="NE14" s="436">
        <v>0</v>
      </c>
      <c r="NF14" s="360">
        <v>767001</v>
      </c>
      <c r="NG14" s="360">
        <v>500495</v>
      </c>
      <c r="NH14" s="360">
        <v>2123400</v>
      </c>
      <c r="NI14" s="360">
        <v>1169043</v>
      </c>
      <c r="NJ14" s="360">
        <v>888045</v>
      </c>
      <c r="NK14" s="364">
        <v>5447984</v>
      </c>
      <c r="NL14" s="362">
        <v>5447984</v>
      </c>
      <c r="NM14" s="363">
        <v>0</v>
      </c>
      <c r="NN14" s="360">
        <v>0</v>
      </c>
      <c r="NO14" s="364">
        <v>0</v>
      </c>
      <c r="NP14" s="436">
        <v>0</v>
      </c>
      <c r="NQ14" s="360">
        <v>0</v>
      </c>
      <c r="NR14" s="360">
        <v>0</v>
      </c>
      <c r="NS14" s="360">
        <v>0</v>
      </c>
      <c r="NT14" s="360">
        <v>0</v>
      </c>
      <c r="NU14" s="360">
        <v>0</v>
      </c>
      <c r="NV14" s="364">
        <v>0</v>
      </c>
      <c r="NW14" s="365">
        <v>0</v>
      </c>
      <c r="NX14" s="363">
        <v>0</v>
      </c>
      <c r="NY14" s="360">
        <v>0</v>
      </c>
      <c r="NZ14" s="364">
        <v>0</v>
      </c>
      <c r="OA14" s="436">
        <v>0</v>
      </c>
      <c r="OB14" s="360">
        <v>0</v>
      </c>
      <c r="OC14" s="360">
        <v>0</v>
      </c>
      <c r="OD14" s="360">
        <v>0</v>
      </c>
      <c r="OE14" s="360">
        <v>278040</v>
      </c>
      <c r="OF14" s="360">
        <v>0</v>
      </c>
      <c r="OG14" s="364">
        <v>278040</v>
      </c>
      <c r="OH14" s="365">
        <v>278040</v>
      </c>
      <c r="OI14" s="363">
        <v>916747</v>
      </c>
      <c r="OJ14" s="360">
        <v>907479</v>
      </c>
      <c r="OK14" s="361">
        <v>1824226</v>
      </c>
      <c r="OL14" s="366">
        <v>0</v>
      </c>
      <c r="OM14" s="360">
        <v>10356078</v>
      </c>
      <c r="ON14" s="360">
        <v>12443982</v>
      </c>
      <c r="OO14" s="360">
        <v>18593355</v>
      </c>
      <c r="OP14" s="360">
        <v>12565444</v>
      </c>
      <c r="OQ14" s="360">
        <v>9695681</v>
      </c>
      <c r="OR14" s="364">
        <v>63654540</v>
      </c>
      <c r="OS14" s="369">
        <v>65478766</v>
      </c>
    </row>
    <row r="15" spans="1:409" s="137" customFormat="1" ht="21" customHeight="1" x14ac:dyDescent="0.2">
      <c r="B15" s="421" t="s">
        <v>9</v>
      </c>
      <c r="C15" s="341">
        <v>798061</v>
      </c>
      <c r="D15" s="342">
        <v>817638</v>
      </c>
      <c r="E15" s="343">
        <v>1615699</v>
      </c>
      <c r="F15" s="347">
        <v>0</v>
      </c>
      <c r="G15" s="342">
        <v>11561360</v>
      </c>
      <c r="H15" s="342">
        <v>10316470</v>
      </c>
      <c r="I15" s="342">
        <v>11127024</v>
      </c>
      <c r="J15" s="342">
        <v>10542465</v>
      </c>
      <c r="K15" s="342">
        <v>7111788</v>
      </c>
      <c r="L15" s="344">
        <v>50659107</v>
      </c>
      <c r="M15" s="345">
        <v>52274806</v>
      </c>
      <c r="N15" s="341">
        <v>142501</v>
      </c>
      <c r="O15" s="342">
        <v>286733</v>
      </c>
      <c r="P15" s="343">
        <v>429234</v>
      </c>
      <c r="Q15" s="341">
        <v>0</v>
      </c>
      <c r="R15" s="342">
        <v>4188404</v>
      </c>
      <c r="S15" s="342">
        <v>3495914</v>
      </c>
      <c r="T15" s="342">
        <v>3754457</v>
      </c>
      <c r="U15" s="342">
        <v>4320424</v>
      </c>
      <c r="V15" s="342">
        <v>4292434</v>
      </c>
      <c r="W15" s="343">
        <v>20051633</v>
      </c>
      <c r="X15" s="345">
        <v>20480867</v>
      </c>
      <c r="Y15" s="341">
        <v>0</v>
      </c>
      <c r="Z15" s="342">
        <v>0</v>
      </c>
      <c r="AA15" s="343">
        <v>0</v>
      </c>
      <c r="AB15" s="341">
        <v>0</v>
      </c>
      <c r="AC15" s="342">
        <v>1618733</v>
      </c>
      <c r="AD15" s="342">
        <v>1820060</v>
      </c>
      <c r="AE15" s="342">
        <v>1875003</v>
      </c>
      <c r="AF15" s="342">
        <v>2487183</v>
      </c>
      <c r="AG15" s="342">
        <v>2237100</v>
      </c>
      <c r="AH15" s="343">
        <v>10038079</v>
      </c>
      <c r="AI15" s="345">
        <v>10038079</v>
      </c>
      <c r="AJ15" s="341">
        <v>0</v>
      </c>
      <c r="AK15" s="342">
        <v>0</v>
      </c>
      <c r="AL15" s="343">
        <v>0</v>
      </c>
      <c r="AM15" s="341">
        <v>0</v>
      </c>
      <c r="AN15" s="342">
        <v>0</v>
      </c>
      <c r="AO15" s="342">
        <v>48292</v>
      </c>
      <c r="AP15" s="342">
        <v>47374</v>
      </c>
      <c r="AQ15" s="342">
        <v>134719</v>
      </c>
      <c r="AR15" s="342">
        <v>460717</v>
      </c>
      <c r="AS15" s="343">
        <v>691102</v>
      </c>
      <c r="AT15" s="345">
        <v>691102</v>
      </c>
      <c r="AU15" s="341">
        <v>48565</v>
      </c>
      <c r="AV15" s="342">
        <v>183859</v>
      </c>
      <c r="AW15" s="343">
        <v>232424</v>
      </c>
      <c r="AX15" s="341">
        <v>0</v>
      </c>
      <c r="AY15" s="342">
        <v>1760271</v>
      </c>
      <c r="AZ15" s="342">
        <v>848201</v>
      </c>
      <c r="BA15" s="342">
        <v>1073515</v>
      </c>
      <c r="BB15" s="342">
        <v>1054278</v>
      </c>
      <c r="BC15" s="342">
        <v>1212981</v>
      </c>
      <c r="BD15" s="343">
        <v>5949246</v>
      </c>
      <c r="BE15" s="345">
        <v>6181670</v>
      </c>
      <c r="BF15" s="341">
        <v>0</v>
      </c>
      <c r="BG15" s="342">
        <v>64402</v>
      </c>
      <c r="BH15" s="346">
        <v>64402</v>
      </c>
      <c r="BI15" s="347">
        <v>0</v>
      </c>
      <c r="BJ15" s="342">
        <v>78816</v>
      </c>
      <c r="BK15" s="342">
        <v>158289</v>
      </c>
      <c r="BL15" s="342">
        <v>56973</v>
      </c>
      <c r="BM15" s="342">
        <v>92068</v>
      </c>
      <c r="BN15" s="342">
        <v>55204</v>
      </c>
      <c r="BO15" s="343">
        <v>441350</v>
      </c>
      <c r="BP15" s="345">
        <v>505752</v>
      </c>
      <c r="BQ15" s="341">
        <v>93936</v>
      </c>
      <c r="BR15" s="342">
        <v>38472</v>
      </c>
      <c r="BS15" s="343">
        <v>132408</v>
      </c>
      <c r="BT15" s="341">
        <v>0</v>
      </c>
      <c r="BU15" s="342">
        <v>730584</v>
      </c>
      <c r="BV15" s="342">
        <v>621072</v>
      </c>
      <c r="BW15" s="342">
        <v>701592</v>
      </c>
      <c r="BX15" s="342">
        <v>552176</v>
      </c>
      <c r="BY15" s="342">
        <v>326432</v>
      </c>
      <c r="BZ15" s="343">
        <v>2931856</v>
      </c>
      <c r="CA15" s="345">
        <v>3064264</v>
      </c>
      <c r="CB15" s="341">
        <v>130358</v>
      </c>
      <c r="CC15" s="342">
        <v>236983</v>
      </c>
      <c r="CD15" s="343">
        <v>367341</v>
      </c>
      <c r="CE15" s="341">
        <v>0</v>
      </c>
      <c r="CF15" s="342">
        <v>2699140</v>
      </c>
      <c r="CG15" s="342">
        <v>2325541</v>
      </c>
      <c r="CH15" s="342">
        <v>2195811</v>
      </c>
      <c r="CI15" s="342">
        <v>1706243</v>
      </c>
      <c r="CJ15" s="342">
        <v>316383</v>
      </c>
      <c r="CK15" s="343">
        <v>9243118</v>
      </c>
      <c r="CL15" s="345">
        <v>9610459</v>
      </c>
      <c r="CM15" s="341">
        <v>0</v>
      </c>
      <c r="CN15" s="342">
        <v>0</v>
      </c>
      <c r="CO15" s="343">
        <v>0</v>
      </c>
      <c r="CP15" s="347">
        <v>0</v>
      </c>
      <c r="CQ15" s="342">
        <v>2123060</v>
      </c>
      <c r="CR15" s="342">
        <v>1840926</v>
      </c>
      <c r="CS15" s="342">
        <v>1497245</v>
      </c>
      <c r="CT15" s="342">
        <v>1174657</v>
      </c>
      <c r="CU15" s="342">
        <v>166871</v>
      </c>
      <c r="CV15" s="343">
        <v>6802759</v>
      </c>
      <c r="CW15" s="345">
        <v>6802759</v>
      </c>
      <c r="CX15" s="341">
        <v>130358</v>
      </c>
      <c r="CY15" s="342">
        <v>236983</v>
      </c>
      <c r="CZ15" s="343">
        <v>367341</v>
      </c>
      <c r="DA15" s="341">
        <v>0</v>
      </c>
      <c r="DB15" s="342">
        <v>576080</v>
      </c>
      <c r="DC15" s="342">
        <v>484615</v>
      </c>
      <c r="DD15" s="342">
        <v>698566</v>
      </c>
      <c r="DE15" s="342">
        <v>531586</v>
      </c>
      <c r="DF15" s="342">
        <v>149512</v>
      </c>
      <c r="DG15" s="343">
        <v>2440359</v>
      </c>
      <c r="DH15" s="345">
        <v>2807700</v>
      </c>
      <c r="DI15" s="341">
        <v>50924</v>
      </c>
      <c r="DJ15" s="342">
        <v>16842</v>
      </c>
      <c r="DK15" s="346">
        <v>67766</v>
      </c>
      <c r="DL15" s="347">
        <v>0</v>
      </c>
      <c r="DM15" s="342">
        <v>302073</v>
      </c>
      <c r="DN15" s="342">
        <v>601365</v>
      </c>
      <c r="DO15" s="342">
        <v>1288244</v>
      </c>
      <c r="DP15" s="342">
        <v>437522</v>
      </c>
      <c r="DQ15" s="342">
        <v>360880</v>
      </c>
      <c r="DR15" s="343">
        <v>2990084</v>
      </c>
      <c r="DS15" s="345">
        <v>3057850</v>
      </c>
      <c r="DT15" s="341">
        <v>50924</v>
      </c>
      <c r="DU15" s="342">
        <v>16842</v>
      </c>
      <c r="DV15" s="343">
        <v>67766</v>
      </c>
      <c r="DW15" s="341">
        <v>0</v>
      </c>
      <c r="DX15" s="342">
        <v>302073</v>
      </c>
      <c r="DY15" s="342">
        <v>429444</v>
      </c>
      <c r="DZ15" s="342">
        <v>999775</v>
      </c>
      <c r="EA15" s="342">
        <v>365309</v>
      </c>
      <c r="EB15" s="342">
        <v>360880</v>
      </c>
      <c r="EC15" s="343">
        <v>2457481</v>
      </c>
      <c r="ED15" s="345">
        <v>2525247</v>
      </c>
      <c r="EE15" s="341">
        <v>0</v>
      </c>
      <c r="EF15" s="346">
        <v>0</v>
      </c>
      <c r="EG15" s="343">
        <v>0</v>
      </c>
      <c r="EH15" s="341">
        <v>0</v>
      </c>
      <c r="EI15" s="342">
        <v>0</v>
      </c>
      <c r="EJ15" s="342">
        <v>171921</v>
      </c>
      <c r="EK15" s="342">
        <v>288469</v>
      </c>
      <c r="EL15" s="342">
        <v>72213</v>
      </c>
      <c r="EM15" s="342">
        <v>0</v>
      </c>
      <c r="EN15" s="346">
        <v>532603</v>
      </c>
      <c r="EO15" s="345">
        <v>532603</v>
      </c>
      <c r="EP15" s="341">
        <v>0</v>
      </c>
      <c r="EQ15" s="342">
        <v>0</v>
      </c>
      <c r="ER15" s="346">
        <v>0</v>
      </c>
      <c r="ES15" s="347">
        <v>0</v>
      </c>
      <c r="ET15" s="342">
        <v>0</v>
      </c>
      <c r="EU15" s="342">
        <v>0</v>
      </c>
      <c r="EV15" s="342">
        <v>0</v>
      </c>
      <c r="EW15" s="342">
        <v>0</v>
      </c>
      <c r="EX15" s="342">
        <v>0</v>
      </c>
      <c r="EY15" s="343">
        <v>0</v>
      </c>
      <c r="EZ15" s="345">
        <v>0</v>
      </c>
      <c r="FA15" s="341">
        <v>0</v>
      </c>
      <c r="FB15" s="342">
        <v>0</v>
      </c>
      <c r="FC15" s="346">
        <v>0</v>
      </c>
      <c r="FD15" s="347">
        <v>0</v>
      </c>
      <c r="FE15" s="342">
        <v>0</v>
      </c>
      <c r="FF15" s="342">
        <v>0</v>
      </c>
      <c r="FG15" s="342">
        <v>0</v>
      </c>
      <c r="FH15" s="342">
        <v>0</v>
      </c>
      <c r="FI15" s="342">
        <v>0</v>
      </c>
      <c r="FJ15" s="343">
        <v>0</v>
      </c>
      <c r="FK15" s="345">
        <v>0</v>
      </c>
      <c r="FL15" s="341">
        <v>153264</v>
      </c>
      <c r="FM15" s="342">
        <v>185664</v>
      </c>
      <c r="FN15" s="343">
        <v>338928</v>
      </c>
      <c r="FO15" s="341">
        <v>0</v>
      </c>
      <c r="FP15" s="342">
        <v>1046112</v>
      </c>
      <c r="FQ15" s="342">
        <v>801264</v>
      </c>
      <c r="FR15" s="342">
        <v>1072792</v>
      </c>
      <c r="FS15" s="342">
        <v>719744</v>
      </c>
      <c r="FT15" s="342">
        <v>515864</v>
      </c>
      <c r="FU15" s="343">
        <v>4155776</v>
      </c>
      <c r="FV15" s="345">
        <v>4494704</v>
      </c>
      <c r="FW15" s="348">
        <v>141264</v>
      </c>
      <c r="FX15" s="342">
        <v>176864</v>
      </c>
      <c r="FY15" s="346">
        <v>318128</v>
      </c>
      <c r="FZ15" s="347">
        <v>0</v>
      </c>
      <c r="GA15" s="342">
        <v>601200</v>
      </c>
      <c r="GB15" s="342">
        <v>801264</v>
      </c>
      <c r="GC15" s="342">
        <v>848384</v>
      </c>
      <c r="GD15" s="342">
        <v>719744</v>
      </c>
      <c r="GE15" s="342">
        <v>515864</v>
      </c>
      <c r="GF15" s="343">
        <v>3486456</v>
      </c>
      <c r="GG15" s="349">
        <v>3804584</v>
      </c>
      <c r="GH15" s="348">
        <v>0</v>
      </c>
      <c r="GI15" s="342">
        <v>8800</v>
      </c>
      <c r="GJ15" s="346">
        <v>8800</v>
      </c>
      <c r="GK15" s="347">
        <v>0</v>
      </c>
      <c r="GL15" s="342">
        <v>117392</v>
      </c>
      <c r="GM15" s="342">
        <v>0</v>
      </c>
      <c r="GN15" s="342">
        <v>33600</v>
      </c>
      <c r="GO15" s="342">
        <v>0</v>
      </c>
      <c r="GP15" s="342">
        <v>0</v>
      </c>
      <c r="GQ15" s="343">
        <v>150992</v>
      </c>
      <c r="GR15" s="345">
        <v>159792</v>
      </c>
      <c r="GS15" s="341">
        <v>12000</v>
      </c>
      <c r="GT15" s="342">
        <v>0</v>
      </c>
      <c r="GU15" s="343">
        <v>12000</v>
      </c>
      <c r="GV15" s="341">
        <v>0</v>
      </c>
      <c r="GW15" s="342">
        <v>327520</v>
      </c>
      <c r="GX15" s="342">
        <v>0</v>
      </c>
      <c r="GY15" s="342">
        <v>190808</v>
      </c>
      <c r="GZ15" s="342">
        <v>0</v>
      </c>
      <c r="HA15" s="342">
        <v>0</v>
      </c>
      <c r="HB15" s="346">
        <v>518328</v>
      </c>
      <c r="HC15" s="345">
        <v>530328</v>
      </c>
      <c r="HD15" s="341">
        <v>321014</v>
      </c>
      <c r="HE15" s="342">
        <v>91416</v>
      </c>
      <c r="HF15" s="346">
        <v>412430</v>
      </c>
      <c r="HG15" s="347">
        <v>0</v>
      </c>
      <c r="HH15" s="342">
        <v>3325631</v>
      </c>
      <c r="HI15" s="342">
        <v>3092386</v>
      </c>
      <c r="HJ15" s="342">
        <v>2815720</v>
      </c>
      <c r="HK15" s="342">
        <v>3358532</v>
      </c>
      <c r="HL15" s="342">
        <v>1626227</v>
      </c>
      <c r="HM15" s="343">
        <v>14218496</v>
      </c>
      <c r="HN15" s="344">
        <v>14630926</v>
      </c>
      <c r="HO15" s="348">
        <v>0</v>
      </c>
      <c r="HP15" s="342">
        <v>0</v>
      </c>
      <c r="HQ15" s="343">
        <v>0</v>
      </c>
      <c r="HR15" s="341">
        <v>0</v>
      </c>
      <c r="HS15" s="342">
        <v>0</v>
      </c>
      <c r="HT15" s="342">
        <v>0</v>
      </c>
      <c r="HU15" s="342">
        <v>0</v>
      </c>
      <c r="HV15" s="342">
        <v>0</v>
      </c>
      <c r="HW15" s="342">
        <v>0</v>
      </c>
      <c r="HX15" s="346">
        <v>0</v>
      </c>
      <c r="HY15" s="345">
        <v>0</v>
      </c>
      <c r="HZ15" s="375">
        <v>40157</v>
      </c>
      <c r="IA15" s="376">
        <v>0</v>
      </c>
      <c r="IB15" s="377">
        <v>40157</v>
      </c>
      <c r="IC15" s="353">
        <v>0</v>
      </c>
      <c r="ID15" s="351">
        <v>2405585</v>
      </c>
      <c r="IE15" s="354">
        <v>3214289</v>
      </c>
      <c r="IF15" s="352">
        <v>3378479</v>
      </c>
      <c r="IG15" s="351">
        <v>1145786</v>
      </c>
      <c r="IH15" s="352">
        <v>597351</v>
      </c>
      <c r="II15" s="355">
        <v>10741490</v>
      </c>
      <c r="IJ15" s="378">
        <v>10781647</v>
      </c>
      <c r="IK15" s="357">
        <v>0</v>
      </c>
      <c r="IL15" s="358">
        <v>0</v>
      </c>
      <c r="IM15" s="359">
        <v>0</v>
      </c>
      <c r="IN15" s="436">
        <v>0</v>
      </c>
      <c r="IO15" s="360">
        <v>0</v>
      </c>
      <c r="IP15" s="360">
        <v>0</v>
      </c>
      <c r="IQ15" s="360">
        <v>0</v>
      </c>
      <c r="IR15" s="360">
        <v>0</v>
      </c>
      <c r="IS15" s="360">
        <v>0</v>
      </c>
      <c r="IT15" s="361">
        <v>0</v>
      </c>
      <c r="IU15" s="362">
        <v>0</v>
      </c>
      <c r="IV15" s="363">
        <v>0</v>
      </c>
      <c r="IW15" s="360">
        <v>0</v>
      </c>
      <c r="IX15" s="364">
        <v>0</v>
      </c>
      <c r="IY15" s="436">
        <v>0</v>
      </c>
      <c r="IZ15" s="360">
        <v>0</v>
      </c>
      <c r="JA15" s="360">
        <v>0</v>
      </c>
      <c r="JB15" s="360">
        <v>0</v>
      </c>
      <c r="JC15" s="360">
        <v>0</v>
      </c>
      <c r="JD15" s="360">
        <v>0</v>
      </c>
      <c r="JE15" s="364">
        <v>0</v>
      </c>
      <c r="JF15" s="365">
        <v>0</v>
      </c>
      <c r="JG15" s="363">
        <v>0</v>
      </c>
      <c r="JH15" s="360">
        <v>0</v>
      </c>
      <c r="JI15" s="361">
        <v>0</v>
      </c>
      <c r="JJ15" s="366">
        <v>0</v>
      </c>
      <c r="JK15" s="360">
        <v>1467982</v>
      </c>
      <c r="JL15" s="360">
        <v>1127607</v>
      </c>
      <c r="JM15" s="360">
        <v>1168389</v>
      </c>
      <c r="JN15" s="360">
        <v>668639</v>
      </c>
      <c r="JO15" s="360">
        <v>422157</v>
      </c>
      <c r="JP15" s="364">
        <v>4854774</v>
      </c>
      <c r="JQ15" s="362">
        <v>4854774</v>
      </c>
      <c r="JR15" s="363">
        <v>0</v>
      </c>
      <c r="JS15" s="360">
        <v>0</v>
      </c>
      <c r="JT15" s="361">
        <v>0</v>
      </c>
      <c r="JU15" s="366">
        <v>0</v>
      </c>
      <c r="JV15" s="360">
        <v>0</v>
      </c>
      <c r="JW15" s="360">
        <v>0</v>
      </c>
      <c r="JX15" s="360">
        <v>12449</v>
      </c>
      <c r="JY15" s="360">
        <v>0</v>
      </c>
      <c r="JZ15" s="360">
        <v>175194</v>
      </c>
      <c r="KA15" s="364">
        <v>187643</v>
      </c>
      <c r="KB15" s="362">
        <v>187643</v>
      </c>
      <c r="KC15" s="367">
        <v>40157</v>
      </c>
      <c r="KD15" s="368">
        <v>0</v>
      </c>
      <c r="KE15" s="364">
        <v>40157</v>
      </c>
      <c r="KF15" s="366">
        <v>0</v>
      </c>
      <c r="KG15" s="360">
        <v>251514</v>
      </c>
      <c r="KH15" s="360">
        <v>700048</v>
      </c>
      <c r="KI15" s="360">
        <v>56151</v>
      </c>
      <c r="KJ15" s="360">
        <v>0</v>
      </c>
      <c r="KK15" s="360">
        <v>0</v>
      </c>
      <c r="KL15" s="364">
        <v>1007713</v>
      </c>
      <c r="KM15" s="369">
        <v>1047870</v>
      </c>
      <c r="KN15" s="357">
        <v>0</v>
      </c>
      <c r="KO15" s="358">
        <v>0</v>
      </c>
      <c r="KP15" s="359">
        <v>0</v>
      </c>
      <c r="KQ15" s="436">
        <v>0</v>
      </c>
      <c r="KR15" s="360">
        <v>686089</v>
      </c>
      <c r="KS15" s="360">
        <v>840924</v>
      </c>
      <c r="KT15" s="360">
        <v>1884135</v>
      </c>
      <c r="KU15" s="360">
        <v>477147</v>
      </c>
      <c r="KV15" s="360">
        <v>0</v>
      </c>
      <c r="KW15" s="364">
        <v>3888295</v>
      </c>
      <c r="KX15" s="362">
        <v>3888295</v>
      </c>
      <c r="KY15" s="363">
        <v>0</v>
      </c>
      <c r="KZ15" s="360">
        <v>0</v>
      </c>
      <c r="LA15" s="364">
        <v>0</v>
      </c>
      <c r="LB15" s="436">
        <v>0</v>
      </c>
      <c r="LC15" s="360">
        <v>0</v>
      </c>
      <c r="LD15" s="360">
        <v>354189</v>
      </c>
      <c r="LE15" s="360">
        <v>0</v>
      </c>
      <c r="LF15" s="360">
        <v>0</v>
      </c>
      <c r="LG15" s="360">
        <v>0</v>
      </c>
      <c r="LH15" s="364">
        <v>354189</v>
      </c>
      <c r="LI15" s="365">
        <v>354189</v>
      </c>
      <c r="LJ15" s="363">
        <v>0</v>
      </c>
      <c r="LK15" s="360">
        <v>0</v>
      </c>
      <c r="LL15" s="364">
        <v>0</v>
      </c>
      <c r="LM15" s="436">
        <v>0</v>
      </c>
      <c r="LN15" s="360">
        <v>0</v>
      </c>
      <c r="LO15" s="360">
        <v>0</v>
      </c>
      <c r="LP15" s="360">
        <v>0</v>
      </c>
      <c r="LQ15" s="360">
        <v>0</v>
      </c>
      <c r="LR15" s="360">
        <v>0</v>
      </c>
      <c r="LS15" s="364">
        <v>0</v>
      </c>
      <c r="LT15" s="362">
        <v>0</v>
      </c>
      <c r="LU15" s="363">
        <v>0</v>
      </c>
      <c r="LV15" s="360">
        <v>0</v>
      </c>
      <c r="LW15" s="364">
        <v>0</v>
      </c>
      <c r="LX15" s="436">
        <v>0</v>
      </c>
      <c r="LY15" s="360">
        <v>0</v>
      </c>
      <c r="LZ15" s="360">
        <v>191521</v>
      </c>
      <c r="MA15" s="360">
        <v>257355</v>
      </c>
      <c r="MB15" s="360">
        <v>0</v>
      </c>
      <c r="MC15" s="360">
        <v>0</v>
      </c>
      <c r="MD15" s="364">
        <v>448876</v>
      </c>
      <c r="ME15" s="365">
        <v>448876</v>
      </c>
      <c r="MF15" s="363">
        <v>0</v>
      </c>
      <c r="MG15" s="360">
        <v>0</v>
      </c>
      <c r="MH15" s="364">
        <v>0</v>
      </c>
      <c r="MI15" s="436">
        <v>0</v>
      </c>
      <c r="MJ15" s="360">
        <v>83072</v>
      </c>
      <c r="MK15" s="360">
        <v>1061580</v>
      </c>
      <c r="ML15" s="360">
        <v>5541584</v>
      </c>
      <c r="MM15" s="360">
        <v>8452254</v>
      </c>
      <c r="MN15" s="360">
        <v>2566199</v>
      </c>
      <c r="MO15" s="364">
        <v>17704689</v>
      </c>
      <c r="MP15" s="369">
        <v>17704689</v>
      </c>
      <c r="MQ15" s="363">
        <v>0</v>
      </c>
      <c r="MR15" s="360">
        <v>0</v>
      </c>
      <c r="MS15" s="364">
        <v>0</v>
      </c>
      <c r="MT15" s="436">
        <v>0</v>
      </c>
      <c r="MU15" s="360">
        <v>0</v>
      </c>
      <c r="MV15" s="360">
        <v>0</v>
      </c>
      <c r="MW15" s="360">
        <v>3384632</v>
      </c>
      <c r="MX15" s="360">
        <v>6632403</v>
      </c>
      <c r="MY15" s="360">
        <v>2132873</v>
      </c>
      <c r="MZ15" s="364">
        <v>12149908</v>
      </c>
      <c r="NA15" s="369">
        <v>12149908</v>
      </c>
      <c r="NB15" s="363">
        <v>0</v>
      </c>
      <c r="NC15" s="360">
        <v>0</v>
      </c>
      <c r="ND15" s="364">
        <v>0</v>
      </c>
      <c r="NE15" s="436">
        <v>0</v>
      </c>
      <c r="NF15" s="360">
        <v>83072</v>
      </c>
      <c r="NG15" s="360">
        <v>1061580</v>
      </c>
      <c r="NH15" s="360">
        <v>2156952</v>
      </c>
      <c r="NI15" s="360">
        <v>1819851</v>
      </c>
      <c r="NJ15" s="360">
        <v>433326</v>
      </c>
      <c r="NK15" s="364">
        <v>5554781</v>
      </c>
      <c r="NL15" s="362">
        <v>5554781</v>
      </c>
      <c r="NM15" s="363">
        <v>0</v>
      </c>
      <c r="NN15" s="360">
        <v>0</v>
      </c>
      <c r="NO15" s="364">
        <v>0</v>
      </c>
      <c r="NP15" s="436">
        <v>0</v>
      </c>
      <c r="NQ15" s="360">
        <v>0</v>
      </c>
      <c r="NR15" s="360">
        <v>0</v>
      </c>
      <c r="NS15" s="360">
        <v>0</v>
      </c>
      <c r="NT15" s="360">
        <v>0</v>
      </c>
      <c r="NU15" s="360">
        <v>0</v>
      </c>
      <c r="NV15" s="364">
        <v>0</v>
      </c>
      <c r="NW15" s="365">
        <v>0</v>
      </c>
      <c r="NX15" s="363">
        <v>0</v>
      </c>
      <c r="NY15" s="360">
        <v>0</v>
      </c>
      <c r="NZ15" s="364">
        <v>0</v>
      </c>
      <c r="OA15" s="436">
        <v>0</v>
      </c>
      <c r="OB15" s="360">
        <v>0</v>
      </c>
      <c r="OC15" s="360">
        <v>0</v>
      </c>
      <c r="OD15" s="360">
        <v>0</v>
      </c>
      <c r="OE15" s="360">
        <v>0</v>
      </c>
      <c r="OF15" s="360">
        <v>0</v>
      </c>
      <c r="OG15" s="364">
        <v>0</v>
      </c>
      <c r="OH15" s="365">
        <v>0</v>
      </c>
      <c r="OI15" s="363">
        <v>838218</v>
      </c>
      <c r="OJ15" s="360">
        <v>817638</v>
      </c>
      <c r="OK15" s="361">
        <v>1655856</v>
      </c>
      <c r="OL15" s="366">
        <v>0</v>
      </c>
      <c r="OM15" s="360">
        <v>14050017</v>
      </c>
      <c r="ON15" s="360">
        <v>14592339</v>
      </c>
      <c r="OO15" s="360">
        <v>20047087</v>
      </c>
      <c r="OP15" s="360">
        <v>20140505</v>
      </c>
      <c r="OQ15" s="360">
        <v>10275338</v>
      </c>
      <c r="OR15" s="364">
        <v>79105286</v>
      </c>
      <c r="OS15" s="369">
        <v>80761142</v>
      </c>
    </row>
    <row r="16" spans="1:409" s="137" customFormat="1" ht="21" customHeight="1" x14ac:dyDescent="0.2">
      <c r="B16" s="421" t="s">
        <v>10</v>
      </c>
      <c r="C16" s="341">
        <v>1419874</v>
      </c>
      <c r="D16" s="342">
        <v>1518696</v>
      </c>
      <c r="E16" s="343">
        <v>2938570</v>
      </c>
      <c r="F16" s="379">
        <v>0</v>
      </c>
      <c r="G16" s="342">
        <v>18106688</v>
      </c>
      <c r="H16" s="342">
        <v>13350192</v>
      </c>
      <c r="I16" s="342">
        <v>13702392</v>
      </c>
      <c r="J16" s="342">
        <v>17028714</v>
      </c>
      <c r="K16" s="342">
        <v>11210785</v>
      </c>
      <c r="L16" s="344">
        <v>73398771</v>
      </c>
      <c r="M16" s="345">
        <v>76337341</v>
      </c>
      <c r="N16" s="341">
        <v>578900</v>
      </c>
      <c r="O16" s="342">
        <v>631976</v>
      </c>
      <c r="P16" s="343">
        <v>1210876</v>
      </c>
      <c r="Q16" s="341">
        <v>0</v>
      </c>
      <c r="R16" s="342">
        <v>6398895</v>
      </c>
      <c r="S16" s="342">
        <v>4972630</v>
      </c>
      <c r="T16" s="342">
        <v>4652987</v>
      </c>
      <c r="U16" s="342">
        <v>7126912</v>
      </c>
      <c r="V16" s="342">
        <v>5978035</v>
      </c>
      <c r="W16" s="343">
        <v>29129459</v>
      </c>
      <c r="X16" s="345">
        <v>30340335</v>
      </c>
      <c r="Y16" s="341">
        <v>0</v>
      </c>
      <c r="Z16" s="342">
        <v>0</v>
      </c>
      <c r="AA16" s="343">
        <v>0</v>
      </c>
      <c r="AB16" s="341">
        <v>0</v>
      </c>
      <c r="AC16" s="342">
        <v>2660028</v>
      </c>
      <c r="AD16" s="342">
        <v>2533786</v>
      </c>
      <c r="AE16" s="342">
        <v>2552844</v>
      </c>
      <c r="AF16" s="342">
        <v>4354285</v>
      </c>
      <c r="AG16" s="342">
        <v>3546018</v>
      </c>
      <c r="AH16" s="343">
        <v>15646961</v>
      </c>
      <c r="AI16" s="345">
        <v>15646961</v>
      </c>
      <c r="AJ16" s="341">
        <v>0</v>
      </c>
      <c r="AK16" s="342">
        <v>0</v>
      </c>
      <c r="AL16" s="343">
        <v>0</v>
      </c>
      <c r="AM16" s="341">
        <v>0</v>
      </c>
      <c r="AN16" s="342">
        <v>59220</v>
      </c>
      <c r="AO16" s="342">
        <v>49004</v>
      </c>
      <c r="AP16" s="342">
        <v>131075</v>
      </c>
      <c r="AQ16" s="342">
        <v>328872</v>
      </c>
      <c r="AR16" s="342">
        <v>647839</v>
      </c>
      <c r="AS16" s="343">
        <v>1216010</v>
      </c>
      <c r="AT16" s="345">
        <v>1216010</v>
      </c>
      <c r="AU16" s="341">
        <v>305289</v>
      </c>
      <c r="AV16" s="342">
        <v>417679</v>
      </c>
      <c r="AW16" s="343">
        <v>722968</v>
      </c>
      <c r="AX16" s="341">
        <v>0</v>
      </c>
      <c r="AY16" s="342">
        <v>2358184</v>
      </c>
      <c r="AZ16" s="342">
        <v>1380058</v>
      </c>
      <c r="BA16" s="342">
        <v>934157</v>
      </c>
      <c r="BB16" s="342">
        <v>1411222</v>
      </c>
      <c r="BC16" s="342">
        <v>967860</v>
      </c>
      <c r="BD16" s="343">
        <v>7051481</v>
      </c>
      <c r="BE16" s="345">
        <v>7774449</v>
      </c>
      <c r="BF16" s="341">
        <v>63547</v>
      </c>
      <c r="BG16" s="342">
        <v>123321</v>
      </c>
      <c r="BH16" s="346">
        <v>186868</v>
      </c>
      <c r="BI16" s="347">
        <v>0</v>
      </c>
      <c r="BJ16" s="342">
        <v>168943</v>
      </c>
      <c r="BK16" s="342">
        <v>150054</v>
      </c>
      <c r="BL16" s="342">
        <v>118639</v>
      </c>
      <c r="BM16" s="342">
        <v>132709</v>
      </c>
      <c r="BN16" s="342">
        <v>103246</v>
      </c>
      <c r="BO16" s="343">
        <v>673591</v>
      </c>
      <c r="BP16" s="345">
        <v>860459</v>
      </c>
      <c r="BQ16" s="341">
        <v>210064</v>
      </c>
      <c r="BR16" s="342">
        <v>90976</v>
      </c>
      <c r="BS16" s="343">
        <v>301040</v>
      </c>
      <c r="BT16" s="341">
        <v>0</v>
      </c>
      <c r="BU16" s="342">
        <v>1152520</v>
      </c>
      <c r="BV16" s="342">
        <v>859728</v>
      </c>
      <c r="BW16" s="342">
        <v>916272</v>
      </c>
      <c r="BX16" s="342">
        <v>899824</v>
      </c>
      <c r="BY16" s="342">
        <v>713072</v>
      </c>
      <c r="BZ16" s="343">
        <v>4541416</v>
      </c>
      <c r="CA16" s="345">
        <v>4842456</v>
      </c>
      <c r="CB16" s="341">
        <v>63282</v>
      </c>
      <c r="CC16" s="342">
        <v>275573</v>
      </c>
      <c r="CD16" s="343">
        <v>338855</v>
      </c>
      <c r="CE16" s="341">
        <v>0</v>
      </c>
      <c r="CF16" s="342">
        <v>5592480</v>
      </c>
      <c r="CG16" s="342">
        <v>3966235</v>
      </c>
      <c r="CH16" s="342">
        <v>2680227</v>
      </c>
      <c r="CI16" s="342">
        <v>2101279</v>
      </c>
      <c r="CJ16" s="342">
        <v>853509</v>
      </c>
      <c r="CK16" s="343">
        <v>15193730</v>
      </c>
      <c r="CL16" s="345">
        <v>15532585</v>
      </c>
      <c r="CM16" s="341">
        <v>0</v>
      </c>
      <c r="CN16" s="342">
        <v>0</v>
      </c>
      <c r="CO16" s="343">
        <v>0</v>
      </c>
      <c r="CP16" s="347">
        <v>0</v>
      </c>
      <c r="CQ16" s="342">
        <v>4487176</v>
      </c>
      <c r="CR16" s="342">
        <v>3487782</v>
      </c>
      <c r="CS16" s="342">
        <v>2369105</v>
      </c>
      <c r="CT16" s="342">
        <v>1634828</v>
      </c>
      <c r="CU16" s="342">
        <v>568967</v>
      </c>
      <c r="CV16" s="343">
        <v>12547858</v>
      </c>
      <c r="CW16" s="345">
        <v>12547858</v>
      </c>
      <c r="CX16" s="341">
        <v>63282</v>
      </c>
      <c r="CY16" s="342">
        <v>275573</v>
      </c>
      <c r="CZ16" s="343">
        <v>338855</v>
      </c>
      <c r="DA16" s="341">
        <v>0</v>
      </c>
      <c r="DB16" s="342">
        <v>1105304</v>
      </c>
      <c r="DC16" s="342">
        <v>478453</v>
      </c>
      <c r="DD16" s="342">
        <v>311122</v>
      </c>
      <c r="DE16" s="342">
        <v>466451</v>
      </c>
      <c r="DF16" s="342">
        <v>284542</v>
      </c>
      <c r="DG16" s="343">
        <v>2645872</v>
      </c>
      <c r="DH16" s="345">
        <v>2984727</v>
      </c>
      <c r="DI16" s="341">
        <v>0</v>
      </c>
      <c r="DJ16" s="342">
        <v>16339</v>
      </c>
      <c r="DK16" s="346">
        <v>16339</v>
      </c>
      <c r="DL16" s="347">
        <v>0</v>
      </c>
      <c r="DM16" s="342">
        <v>1083569</v>
      </c>
      <c r="DN16" s="342">
        <v>507833</v>
      </c>
      <c r="DO16" s="342">
        <v>1474048</v>
      </c>
      <c r="DP16" s="342">
        <v>1584964</v>
      </c>
      <c r="DQ16" s="342">
        <v>476252</v>
      </c>
      <c r="DR16" s="343">
        <v>5126666</v>
      </c>
      <c r="DS16" s="345">
        <v>5143005</v>
      </c>
      <c r="DT16" s="341">
        <v>0</v>
      </c>
      <c r="DU16" s="342">
        <v>16339</v>
      </c>
      <c r="DV16" s="343">
        <v>16339</v>
      </c>
      <c r="DW16" s="341">
        <v>0</v>
      </c>
      <c r="DX16" s="342">
        <v>1026402</v>
      </c>
      <c r="DY16" s="342">
        <v>459072</v>
      </c>
      <c r="DZ16" s="342">
        <v>1228697</v>
      </c>
      <c r="EA16" s="342">
        <v>1472398</v>
      </c>
      <c r="EB16" s="342">
        <v>476252</v>
      </c>
      <c r="EC16" s="343">
        <v>4662821</v>
      </c>
      <c r="ED16" s="345">
        <v>4679160</v>
      </c>
      <c r="EE16" s="341">
        <v>0</v>
      </c>
      <c r="EF16" s="346">
        <v>0</v>
      </c>
      <c r="EG16" s="343">
        <v>0</v>
      </c>
      <c r="EH16" s="341">
        <v>0</v>
      </c>
      <c r="EI16" s="342">
        <v>57167</v>
      </c>
      <c r="EJ16" s="342">
        <v>48761</v>
      </c>
      <c r="EK16" s="342">
        <v>245351</v>
      </c>
      <c r="EL16" s="342">
        <v>112566</v>
      </c>
      <c r="EM16" s="342">
        <v>0</v>
      </c>
      <c r="EN16" s="346">
        <v>463845</v>
      </c>
      <c r="EO16" s="345">
        <v>463845</v>
      </c>
      <c r="EP16" s="341">
        <v>0</v>
      </c>
      <c r="EQ16" s="342">
        <v>0</v>
      </c>
      <c r="ER16" s="346">
        <v>0</v>
      </c>
      <c r="ES16" s="347">
        <v>0</v>
      </c>
      <c r="ET16" s="342">
        <v>0</v>
      </c>
      <c r="EU16" s="342">
        <v>0</v>
      </c>
      <c r="EV16" s="342">
        <v>0</v>
      </c>
      <c r="EW16" s="342">
        <v>0</v>
      </c>
      <c r="EX16" s="342">
        <v>0</v>
      </c>
      <c r="EY16" s="343">
        <v>0</v>
      </c>
      <c r="EZ16" s="345">
        <v>0</v>
      </c>
      <c r="FA16" s="341">
        <v>0</v>
      </c>
      <c r="FB16" s="342">
        <v>0</v>
      </c>
      <c r="FC16" s="346">
        <v>0</v>
      </c>
      <c r="FD16" s="347">
        <v>0</v>
      </c>
      <c r="FE16" s="342">
        <v>0</v>
      </c>
      <c r="FF16" s="342">
        <v>0</v>
      </c>
      <c r="FG16" s="342">
        <v>0</v>
      </c>
      <c r="FH16" s="342">
        <v>0</v>
      </c>
      <c r="FI16" s="342">
        <v>0</v>
      </c>
      <c r="FJ16" s="343">
        <v>0</v>
      </c>
      <c r="FK16" s="345">
        <v>0</v>
      </c>
      <c r="FL16" s="341">
        <v>258080</v>
      </c>
      <c r="FM16" s="342">
        <v>594808</v>
      </c>
      <c r="FN16" s="343">
        <v>852888</v>
      </c>
      <c r="FO16" s="341">
        <v>0</v>
      </c>
      <c r="FP16" s="342">
        <v>1057788</v>
      </c>
      <c r="FQ16" s="342">
        <v>1270304</v>
      </c>
      <c r="FR16" s="342">
        <v>1190016</v>
      </c>
      <c r="FS16" s="342">
        <v>1240120</v>
      </c>
      <c r="FT16" s="342">
        <v>866027</v>
      </c>
      <c r="FU16" s="343">
        <v>5624255</v>
      </c>
      <c r="FV16" s="345">
        <v>6477143</v>
      </c>
      <c r="FW16" s="348">
        <v>235680</v>
      </c>
      <c r="FX16" s="342">
        <v>368376</v>
      </c>
      <c r="FY16" s="346">
        <v>604056</v>
      </c>
      <c r="FZ16" s="347">
        <v>0</v>
      </c>
      <c r="GA16" s="342">
        <v>841000</v>
      </c>
      <c r="GB16" s="342">
        <v>1222400</v>
      </c>
      <c r="GC16" s="342">
        <v>1046016</v>
      </c>
      <c r="GD16" s="342">
        <v>1160120</v>
      </c>
      <c r="GE16" s="342">
        <v>823224</v>
      </c>
      <c r="GF16" s="343">
        <v>5092760</v>
      </c>
      <c r="GG16" s="349">
        <v>5696816</v>
      </c>
      <c r="GH16" s="348">
        <v>22400</v>
      </c>
      <c r="GI16" s="342">
        <v>23232</v>
      </c>
      <c r="GJ16" s="346">
        <v>45632</v>
      </c>
      <c r="GK16" s="347">
        <v>0</v>
      </c>
      <c r="GL16" s="342">
        <v>23188</v>
      </c>
      <c r="GM16" s="342">
        <v>47904</v>
      </c>
      <c r="GN16" s="342">
        <v>0</v>
      </c>
      <c r="GO16" s="342">
        <v>80000</v>
      </c>
      <c r="GP16" s="342">
        <v>42803</v>
      </c>
      <c r="GQ16" s="343">
        <v>193895</v>
      </c>
      <c r="GR16" s="345">
        <v>239527</v>
      </c>
      <c r="GS16" s="341">
        <v>0</v>
      </c>
      <c r="GT16" s="342">
        <v>203200</v>
      </c>
      <c r="GU16" s="343">
        <v>203200</v>
      </c>
      <c r="GV16" s="341">
        <v>0</v>
      </c>
      <c r="GW16" s="342">
        <v>193600</v>
      </c>
      <c r="GX16" s="342">
        <v>0</v>
      </c>
      <c r="GY16" s="342">
        <v>144000</v>
      </c>
      <c r="GZ16" s="342">
        <v>0</v>
      </c>
      <c r="HA16" s="342">
        <v>0</v>
      </c>
      <c r="HB16" s="346">
        <v>337600</v>
      </c>
      <c r="HC16" s="345">
        <v>540800</v>
      </c>
      <c r="HD16" s="341">
        <v>519612</v>
      </c>
      <c r="HE16" s="342">
        <v>0</v>
      </c>
      <c r="HF16" s="346">
        <v>519612</v>
      </c>
      <c r="HG16" s="347">
        <v>0</v>
      </c>
      <c r="HH16" s="342">
        <v>3973956</v>
      </c>
      <c r="HI16" s="342">
        <v>2633190</v>
      </c>
      <c r="HJ16" s="342">
        <v>3705114</v>
      </c>
      <c r="HK16" s="342">
        <v>4975439</v>
      </c>
      <c r="HL16" s="342">
        <v>3036962</v>
      </c>
      <c r="HM16" s="343">
        <v>18324661</v>
      </c>
      <c r="HN16" s="344">
        <v>18844273</v>
      </c>
      <c r="HO16" s="348">
        <v>0</v>
      </c>
      <c r="HP16" s="342">
        <v>0</v>
      </c>
      <c r="HQ16" s="343">
        <v>0</v>
      </c>
      <c r="HR16" s="341">
        <v>0</v>
      </c>
      <c r="HS16" s="342">
        <v>0</v>
      </c>
      <c r="HT16" s="342">
        <v>0</v>
      </c>
      <c r="HU16" s="342">
        <v>0</v>
      </c>
      <c r="HV16" s="342">
        <v>0</v>
      </c>
      <c r="HW16" s="342">
        <v>0</v>
      </c>
      <c r="HX16" s="346">
        <v>0</v>
      </c>
      <c r="HY16" s="345">
        <v>0</v>
      </c>
      <c r="HZ16" s="373">
        <v>0</v>
      </c>
      <c r="IA16" s="371">
        <v>0</v>
      </c>
      <c r="IB16" s="373">
        <v>0</v>
      </c>
      <c r="IC16" s="370">
        <v>0</v>
      </c>
      <c r="ID16" s="371">
        <v>3821969</v>
      </c>
      <c r="IE16" s="372">
        <v>4281474</v>
      </c>
      <c r="IF16" s="373">
        <v>5979216</v>
      </c>
      <c r="IG16" s="371">
        <v>3054937</v>
      </c>
      <c r="IH16" s="373">
        <v>3847765</v>
      </c>
      <c r="II16" s="374">
        <v>20985361</v>
      </c>
      <c r="IJ16" s="373">
        <v>20985361</v>
      </c>
      <c r="IK16" s="357">
        <v>0</v>
      </c>
      <c r="IL16" s="358">
        <v>0</v>
      </c>
      <c r="IM16" s="359">
        <v>0</v>
      </c>
      <c r="IN16" s="436">
        <v>0</v>
      </c>
      <c r="IO16" s="360">
        <v>55725</v>
      </c>
      <c r="IP16" s="360">
        <v>222774</v>
      </c>
      <c r="IQ16" s="360">
        <v>196212</v>
      </c>
      <c r="IR16" s="360">
        <v>0</v>
      </c>
      <c r="IS16" s="360">
        <v>0</v>
      </c>
      <c r="IT16" s="361">
        <v>474711</v>
      </c>
      <c r="IU16" s="362">
        <v>474711</v>
      </c>
      <c r="IV16" s="363">
        <v>0</v>
      </c>
      <c r="IW16" s="360">
        <v>0</v>
      </c>
      <c r="IX16" s="364">
        <v>0</v>
      </c>
      <c r="IY16" s="436">
        <v>0</v>
      </c>
      <c r="IZ16" s="360">
        <v>0</v>
      </c>
      <c r="JA16" s="360">
        <v>10692</v>
      </c>
      <c r="JB16" s="360">
        <v>10692</v>
      </c>
      <c r="JC16" s="360">
        <v>0</v>
      </c>
      <c r="JD16" s="360">
        <v>10692</v>
      </c>
      <c r="JE16" s="364">
        <v>32076</v>
      </c>
      <c r="JF16" s="365">
        <v>32076</v>
      </c>
      <c r="JG16" s="363">
        <v>0</v>
      </c>
      <c r="JH16" s="360">
        <v>0</v>
      </c>
      <c r="JI16" s="361">
        <v>0</v>
      </c>
      <c r="JJ16" s="366">
        <v>0</v>
      </c>
      <c r="JK16" s="360">
        <v>1343634</v>
      </c>
      <c r="JL16" s="360">
        <v>698200</v>
      </c>
      <c r="JM16" s="360">
        <v>1077647</v>
      </c>
      <c r="JN16" s="360">
        <v>767376</v>
      </c>
      <c r="JO16" s="360">
        <v>327808</v>
      </c>
      <c r="JP16" s="364">
        <v>4214665</v>
      </c>
      <c r="JQ16" s="362">
        <v>4214665</v>
      </c>
      <c r="JR16" s="363">
        <v>0</v>
      </c>
      <c r="JS16" s="360">
        <v>0</v>
      </c>
      <c r="JT16" s="361">
        <v>0</v>
      </c>
      <c r="JU16" s="366">
        <v>0</v>
      </c>
      <c r="JV16" s="360">
        <v>215969</v>
      </c>
      <c r="JW16" s="360">
        <v>0</v>
      </c>
      <c r="JX16" s="360">
        <v>172587</v>
      </c>
      <c r="JY16" s="360">
        <v>0</v>
      </c>
      <c r="JZ16" s="360">
        <v>0</v>
      </c>
      <c r="KA16" s="364">
        <v>388556</v>
      </c>
      <c r="KB16" s="362">
        <v>388556</v>
      </c>
      <c r="KC16" s="367">
        <v>0</v>
      </c>
      <c r="KD16" s="368">
        <v>0</v>
      </c>
      <c r="KE16" s="364">
        <v>0</v>
      </c>
      <c r="KF16" s="366">
        <v>0</v>
      </c>
      <c r="KG16" s="360">
        <v>782097</v>
      </c>
      <c r="KH16" s="360">
        <v>291017</v>
      </c>
      <c r="KI16" s="360">
        <v>982705</v>
      </c>
      <c r="KJ16" s="360">
        <v>339541</v>
      </c>
      <c r="KK16" s="360">
        <v>0</v>
      </c>
      <c r="KL16" s="364">
        <v>2395360</v>
      </c>
      <c r="KM16" s="369">
        <v>2395360</v>
      </c>
      <c r="KN16" s="357">
        <v>0</v>
      </c>
      <c r="KO16" s="358">
        <v>0</v>
      </c>
      <c r="KP16" s="359">
        <v>0</v>
      </c>
      <c r="KQ16" s="436">
        <v>0</v>
      </c>
      <c r="KR16" s="360">
        <v>733303</v>
      </c>
      <c r="KS16" s="360">
        <v>2495357</v>
      </c>
      <c r="KT16" s="360">
        <v>2887640</v>
      </c>
      <c r="KU16" s="360">
        <v>727772</v>
      </c>
      <c r="KV16" s="360">
        <v>1257670</v>
      </c>
      <c r="KW16" s="364">
        <v>8101742</v>
      </c>
      <c r="KX16" s="362">
        <v>8101742</v>
      </c>
      <c r="KY16" s="363">
        <v>0</v>
      </c>
      <c r="KZ16" s="360">
        <v>0</v>
      </c>
      <c r="LA16" s="364">
        <v>0</v>
      </c>
      <c r="LB16" s="436">
        <v>0</v>
      </c>
      <c r="LC16" s="360">
        <v>597775</v>
      </c>
      <c r="LD16" s="360">
        <v>166270</v>
      </c>
      <c r="LE16" s="360">
        <v>185259</v>
      </c>
      <c r="LF16" s="360">
        <v>22648</v>
      </c>
      <c r="LG16" s="360">
        <v>184862</v>
      </c>
      <c r="LH16" s="364">
        <v>1156814</v>
      </c>
      <c r="LI16" s="365">
        <v>1156814</v>
      </c>
      <c r="LJ16" s="363">
        <v>0</v>
      </c>
      <c r="LK16" s="360">
        <v>0</v>
      </c>
      <c r="LL16" s="364">
        <v>0</v>
      </c>
      <c r="LM16" s="436">
        <v>0</v>
      </c>
      <c r="LN16" s="360">
        <v>0</v>
      </c>
      <c r="LO16" s="360">
        <v>199272</v>
      </c>
      <c r="LP16" s="360">
        <v>466474</v>
      </c>
      <c r="LQ16" s="360">
        <v>697332</v>
      </c>
      <c r="LR16" s="360">
        <v>1321448</v>
      </c>
      <c r="LS16" s="364">
        <v>2684526</v>
      </c>
      <c r="LT16" s="362">
        <v>2684526</v>
      </c>
      <c r="LU16" s="363">
        <v>0</v>
      </c>
      <c r="LV16" s="360">
        <v>0</v>
      </c>
      <c r="LW16" s="364">
        <v>0</v>
      </c>
      <c r="LX16" s="436">
        <v>0</v>
      </c>
      <c r="LY16" s="360">
        <v>93466</v>
      </c>
      <c r="LZ16" s="360">
        <v>197892</v>
      </c>
      <c r="MA16" s="360">
        <v>0</v>
      </c>
      <c r="MB16" s="360">
        <v>500268</v>
      </c>
      <c r="MC16" s="360">
        <v>745285</v>
      </c>
      <c r="MD16" s="364">
        <v>1536911</v>
      </c>
      <c r="ME16" s="365">
        <v>1536911</v>
      </c>
      <c r="MF16" s="363">
        <v>0</v>
      </c>
      <c r="MG16" s="360">
        <v>0</v>
      </c>
      <c r="MH16" s="364">
        <v>0</v>
      </c>
      <c r="MI16" s="436">
        <v>0</v>
      </c>
      <c r="MJ16" s="360">
        <v>1368333</v>
      </c>
      <c r="MK16" s="360">
        <v>1289601</v>
      </c>
      <c r="ML16" s="360">
        <v>6343431</v>
      </c>
      <c r="MM16" s="360">
        <v>11439819</v>
      </c>
      <c r="MN16" s="360">
        <v>4848047</v>
      </c>
      <c r="MO16" s="364">
        <v>25289231</v>
      </c>
      <c r="MP16" s="369">
        <v>25289231</v>
      </c>
      <c r="MQ16" s="363">
        <v>0</v>
      </c>
      <c r="MR16" s="360">
        <v>0</v>
      </c>
      <c r="MS16" s="364">
        <v>0</v>
      </c>
      <c r="MT16" s="436">
        <v>0</v>
      </c>
      <c r="MU16" s="360">
        <v>201583</v>
      </c>
      <c r="MV16" s="360">
        <v>226306</v>
      </c>
      <c r="MW16" s="360">
        <v>4561845</v>
      </c>
      <c r="MX16" s="360">
        <v>8580722</v>
      </c>
      <c r="MY16" s="360">
        <v>3077595</v>
      </c>
      <c r="MZ16" s="364">
        <v>16648051</v>
      </c>
      <c r="NA16" s="369">
        <v>16648051</v>
      </c>
      <c r="NB16" s="363">
        <v>0</v>
      </c>
      <c r="NC16" s="360">
        <v>0</v>
      </c>
      <c r="ND16" s="364">
        <v>0</v>
      </c>
      <c r="NE16" s="436">
        <v>0</v>
      </c>
      <c r="NF16" s="360">
        <v>1166750</v>
      </c>
      <c r="NG16" s="360">
        <v>1063295</v>
      </c>
      <c r="NH16" s="360">
        <v>1781586</v>
      </c>
      <c r="NI16" s="360">
        <v>2859097</v>
      </c>
      <c r="NJ16" s="360">
        <v>1409744</v>
      </c>
      <c r="NK16" s="364">
        <v>8280472</v>
      </c>
      <c r="NL16" s="362">
        <v>8280472</v>
      </c>
      <c r="NM16" s="363">
        <v>0</v>
      </c>
      <c r="NN16" s="360">
        <v>0</v>
      </c>
      <c r="NO16" s="364">
        <v>0</v>
      </c>
      <c r="NP16" s="436">
        <v>0</v>
      </c>
      <c r="NQ16" s="360">
        <v>0</v>
      </c>
      <c r="NR16" s="360">
        <v>0</v>
      </c>
      <c r="NS16" s="360">
        <v>0</v>
      </c>
      <c r="NT16" s="360">
        <v>0</v>
      </c>
      <c r="NU16" s="360">
        <v>0</v>
      </c>
      <c r="NV16" s="364">
        <v>0</v>
      </c>
      <c r="NW16" s="365">
        <v>0</v>
      </c>
      <c r="NX16" s="363">
        <v>0</v>
      </c>
      <c r="NY16" s="360">
        <v>0</v>
      </c>
      <c r="NZ16" s="364">
        <v>0</v>
      </c>
      <c r="OA16" s="436">
        <v>0</v>
      </c>
      <c r="OB16" s="360">
        <v>0</v>
      </c>
      <c r="OC16" s="360">
        <v>0</v>
      </c>
      <c r="OD16" s="360">
        <v>0</v>
      </c>
      <c r="OE16" s="360">
        <v>0</v>
      </c>
      <c r="OF16" s="360">
        <v>360708</v>
      </c>
      <c r="OG16" s="364">
        <v>360708</v>
      </c>
      <c r="OH16" s="365">
        <v>360708</v>
      </c>
      <c r="OI16" s="363">
        <v>1419874</v>
      </c>
      <c r="OJ16" s="360">
        <v>1518696</v>
      </c>
      <c r="OK16" s="361">
        <v>2938570</v>
      </c>
      <c r="OL16" s="366">
        <v>0</v>
      </c>
      <c r="OM16" s="360">
        <v>23296990</v>
      </c>
      <c r="ON16" s="360">
        <v>18921267</v>
      </c>
      <c r="OO16" s="360">
        <v>26025039</v>
      </c>
      <c r="OP16" s="360">
        <v>31523470</v>
      </c>
      <c r="OQ16" s="360">
        <v>19906597</v>
      </c>
      <c r="OR16" s="364">
        <v>119673363</v>
      </c>
      <c r="OS16" s="369">
        <v>122611933</v>
      </c>
    </row>
    <row r="17" spans="2:409" s="137" customFormat="1" ht="21" customHeight="1" x14ac:dyDescent="0.2">
      <c r="B17" s="421" t="s">
        <v>11</v>
      </c>
      <c r="C17" s="341">
        <v>756284</v>
      </c>
      <c r="D17" s="342">
        <v>770620</v>
      </c>
      <c r="E17" s="380">
        <v>1526904</v>
      </c>
      <c r="F17" s="347">
        <v>0</v>
      </c>
      <c r="G17" s="342">
        <v>6540456</v>
      </c>
      <c r="H17" s="342">
        <v>7583004</v>
      </c>
      <c r="I17" s="342">
        <v>4893215</v>
      </c>
      <c r="J17" s="342">
        <v>7775822</v>
      </c>
      <c r="K17" s="342">
        <v>3325435</v>
      </c>
      <c r="L17" s="344">
        <v>30117932</v>
      </c>
      <c r="M17" s="345">
        <v>31644836</v>
      </c>
      <c r="N17" s="341">
        <v>146416</v>
      </c>
      <c r="O17" s="342">
        <v>218673</v>
      </c>
      <c r="P17" s="343">
        <v>365089</v>
      </c>
      <c r="Q17" s="341">
        <v>0</v>
      </c>
      <c r="R17" s="342">
        <v>1295525</v>
      </c>
      <c r="S17" s="342">
        <v>1909968</v>
      </c>
      <c r="T17" s="342">
        <v>1249545</v>
      </c>
      <c r="U17" s="342">
        <v>2302631</v>
      </c>
      <c r="V17" s="342">
        <v>1717762</v>
      </c>
      <c r="W17" s="343">
        <v>8475431</v>
      </c>
      <c r="X17" s="345">
        <v>8840520</v>
      </c>
      <c r="Y17" s="341">
        <v>0</v>
      </c>
      <c r="Z17" s="342">
        <v>0</v>
      </c>
      <c r="AA17" s="343">
        <v>0</v>
      </c>
      <c r="AB17" s="341">
        <v>0</v>
      </c>
      <c r="AC17" s="342">
        <v>432102</v>
      </c>
      <c r="AD17" s="342">
        <v>868466</v>
      </c>
      <c r="AE17" s="342">
        <v>625224</v>
      </c>
      <c r="AF17" s="342">
        <v>988488</v>
      </c>
      <c r="AG17" s="342">
        <v>1118527</v>
      </c>
      <c r="AH17" s="343">
        <v>4032807</v>
      </c>
      <c r="AI17" s="345">
        <v>4032807</v>
      </c>
      <c r="AJ17" s="341">
        <v>0</v>
      </c>
      <c r="AK17" s="342">
        <v>0</v>
      </c>
      <c r="AL17" s="343">
        <v>0</v>
      </c>
      <c r="AM17" s="341">
        <v>0</v>
      </c>
      <c r="AN17" s="342">
        <v>0</v>
      </c>
      <c r="AO17" s="342">
        <v>232436</v>
      </c>
      <c r="AP17" s="342">
        <v>23060</v>
      </c>
      <c r="AQ17" s="342">
        <v>188249</v>
      </c>
      <c r="AR17" s="342">
        <v>258553</v>
      </c>
      <c r="AS17" s="343">
        <v>702298</v>
      </c>
      <c r="AT17" s="345">
        <v>702298</v>
      </c>
      <c r="AU17" s="341">
        <v>144128</v>
      </c>
      <c r="AV17" s="342">
        <v>121232</v>
      </c>
      <c r="AW17" s="343">
        <v>265360</v>
      </c>
      <c r="AX17" s="341">
        <v>0</v>
      </c>
      <c r="AY17" s="342">
        <v>512921</v>
      </c>
      <c r="AZ17" s="342">
        <v>418272</v>
      </c>
      <c r="BA17" s="342">
        <v>493381</v>
      </c>
      <c r="BB17" s="342">
        <v>724092</v>
      </c>
      <c r="BC17" s="342">
        <v>211842</v>
      </c>
      <c r="BD17" s="343">
        <v>2360508</v>
      </c>
      <c r="BE17" s="345">
        <v>2625868</v>
      </c>
      <c r="BF17" s="341">
        <v>0</v>
      </c>
      <c r="BG17" s="342">
        <v>57553</v>
      </c>
      <c r="BH17" s="346">
        <v>57553</v>
      </c>
      <c r="BI17" s="347">
        <v>0</v>
      </c>
      <c r="BJ17" s="342">
        <v>103046</v>
      </c>
      <c r="BK17" s="342">
        <v>83322</v>
      </c>
      <c r="BL17" s="342">
        <v>0</v>
      </c>
      <c r="BM17" s="342">
        <v>159122</v>
      </c>
      <c r="BN17" s="342">
        <v>0</v>
      </c>
      <c r="BO17" s="343">
        <v>345490</v>
      </c>
      <c r="BP17" s="345">
        <v>403043</v>
      </c>
      <c r="BQ17" s="341">
        <v>2288</v>
      </c>
      <c r="BR17" s="342">
        <v>39888</v>
      </c>
      <c r="BS17" s="343">
        <v>42176</v>
      </c>
      <c r="BT17" s="341">
        <v>0</v>
      </c>
      <c r="BU17" s="342">
        <v>247456</v>
      </c>
      <c r="BV17" s="342">
        <v>307472</v>
      </c>
      <c r="BW17" s="342">
        <v>107880</v>
      </c>
      <c r="BX17" s="342">
        <v>242680</v>
      </c>
      <c r="BY17" s="342">
        <v>128840</v>
      </c>
      <c r="BZ17" s="343">
        <v>1034328</v>
      </c>
      <c r="CA17" s="345">
        <v>1076504</v>
      </c>
      <c r="CB17" s="341">
        <v>203560</v>
      </c>
      <c r="CC17" s="342">
        <v>183492</v>
      </c>
      <c r="CD17" s="343">
        <v>387052</v>
      </c>
      <c r="CE17" s="341">
        <v>0</v>
      </c>
      <c r="CF17" s="342">
        <v>2332898</v>
      </c>
      <c r="CG17" s="342">
        <v>2156714</v>
      </c>
      <c r="CH17" s="342">
        <v>1465565</v>
      </c>
      <c r="CI17" s="342">
        <v>1887817</v>
      </c>
      <c r="CJ17" s="342">
        <v>180088</v>
      </c>
      <c r="CK17" s="343">
        <v>8023082</v>
      </c>
      <c r="CL17" s="345">
        <v>8410134</v>
      </c>
      <c r="CM17" s="341">
        <v>0</v>
      </c>
      <c r="CN17" s="342">
        <v>0</v>
      </c>
      <c r="CO17" s="343">
        <v>0</v>
      </c>
      <c r="CP17" s="347">
        <v>0</v>
      </c>
      <c r="CQ17" s="342">
        <v>1659843</v>
      </c>
      <c r="CR17" s="342">
        <v>1583792</v>
      </c>
      <c r="CS17" s="342">
        <v>1018225</v>
      </c>
      <c r="CT17" s="342">
        <v>873432</v>
      </c>
      <c r="CU17" s="342">
        <v>114688</v>
      </c>
      <c r="CV17" s="343">
        <v>5249980</v>
      </c>
      <c r="CW17" s="345">
        <v>5249980</v>
      </c>
      <c r="CX17" s="341">
        <v>203560</v>
      </c>
      <c r="CY17" s="342">
        <v>183492</v>
      </c>
      <c r="CZ17" s="343">
        <v>387052</v>
      </c>
      <c r="DA17" s="341">
        <v>0</v>
      </c>
      <c r="DB17" s="342">
        <v>673055</v>
      </c>
      <c r="DC17" s="342">
        <v>572922</v>
      </c>
      <c r="DD17" s="342">
        <v>447340</v>
      </c>
      <c r="DE17" s="342">
        <v>1014385</v>
      </c>
      <c r="DF17" s="342">
        <v>65400</v>
      </c>
      <c r="DG17" s="343">
        <v>2773102</v>
      </c>
      <c r="DH17" s="345">
        <v>3160154</v>
      </c>
      <c r="DI17" s="341">
        <v>0</v>
      </c>
      <c r="DJ17" s="342">
        <v>0</v>
      </c>
      <c r="DK17" s="346">
        <v>0</v>
      </c>
      <c r="DL17" s="347">
        <v>0</v>
      </c>
      <c r="DM17" s="342">
        <v>354018</v>
      </c>
      <c r="DN17" s="342">
        <v>644777</v>
      </c>
      <c r="DO17" s="342">
        <v>720484</v>
      </c>
      <c r="DP17" s="342">
        <v>200046</v>
      </c>
      <c r="DQ17" s="342">
        <v>517402</v>
      </c>
      <c r="DR17" s="343">
        <v>2436727</v>
      </c>
      <c r="DS17" s="345">
        <v>2436727</v>
      </c>
      <c r="DT17" s="341">
        <v>0</v>
      </c>
      <c r="DU17" s="342">
        <v>0</v>
      </c>
      <c r="DV17" s="343">
        <v>0</v>
      </c>
      <c r="DW17" s="341">
        <v>0</v>
      </c>
      <c r="DX17" s="342">
        <v>211791</v>
      </c>
      <c r="DY17" s="342">
        <v>644777</v>
      </c>
      <c r="DZ17" s="342">
        <v>720484</v>
      </c>
      <c r="EA17" s="342">
        <v>148507</v>
      </c>
      <c r="EB17" s="342">
        <v>517402</v>
      </c>
      <c r="EC17" s="343">
        <v>2242961</v>
      </c>
      <c r="ED17" s="345">
        <v>2242961</v>
      </c>
      <c r="EE17" s="341">
        <v>0</v>
      </c>
      <c r="EF17" s="346">
        <v>0</v>
      </c>
      <c r="EG17" s="343">
        <v>0</v>
      </c>
      <c r="EH17" s="341">
        <v>0</v>
      </c>
      <c r="EI17" s="342">
        <v>142227</v>
      </c>
      <c r="EJ17" s="342">
        <v>0</v>
      </c>
      <c r="EK17" s="342">
        <v>0</v>
      </c>
      <c r="EL17" s="342">
        <v>51539</v>
      </c>
      <c r="EM17" s="342">
        <v>0</v>
      </c>
      <c r="EN17" s="346">
        <v>193766</v>
      </c>
      <c r="EO17" s="345">
        <v>193766</v>
      </c>
      <c r="EP17" s="341">
        <v>0</v>
      </c>
      <c r="EQ17" s="342">
        <v>0</v>
      </c>
      <c r="ER17" s="346">
        <v>0</v>
      </c>
      <c r="ES17" s="347">
        <v>0</v>
      </c>
      <c r="ET17" s="342">
        <v>0</v>
      </c>
      <c r="EU17" s="342">
        <v>0</v>
      </c>
      <c r="EV17" s="342">
        <v>0</v>
      </c>
      <c r="EW17" s="342">
        <v>0</v>
      </c>
      <c r="EX17" s="342">
        <v>0</v>
      </c>
      <c r="EY17" s="343">
        <v>0</v>
      </c>
      <c r="EZ17" s="345">
        <v>0</v>
      </c>
      <c r="FA17" s="341">
        <v>0</v>
      </c>
      <c r="FB17" s="342">
        <v>0</v>
      </c>
      <c r="FC17" s="346">
        <v>0</v>
      </c>
      <c r="FD17" s="347">
        <v>0</v>
      </c>
      <c r="FE17" s="342">
        <v>0</v>
      </c>
      <c r="FF17" s="342">
        <v>0</v>
      </c>
      <c r="FG17" s="342">
        <v>0</v>
      </c>
      <c r="FH17" s="342">
        <v>0</v>
      </c>
      <c r="FI17" s="342">
        <v>0</v>
      </c>
      <c r="FJ17" s="343">
        <v>0</v>
      </c>
      <c r="FK17" s="345">
        <v>0</v>
      </c>
      <c r="FL17" s="341">
        <v>125440</v>
      </c>
      <c r="FM17" s="342">
        <v>181088</v>
      </c>
      <c r="FN17" s="343">
        <v>306528</v>
      </c>
      <c r="FO17" s="341">
        <v>0</v>
      </c>
      <c r="FP17" s="342">
        <v>297648</v>
      </c>
      <c r="FQ17" s="342">
        <v>783504</v>
      </c>
      <c r="FR17" s="342">
        <v>369312</v>
      </c>
      <c r="FS17" s="342">
        <v>619392</v>
      </c>
      <c r="FT17" s="342">
        <v>247976</v>
      </c>
      <c r="FU17" s="343">
        <v>2317832</v>
      </c>
      <c r="FV17" s="345">
        <v>2624360</v>
      </c>
      <c r="FW17" s="348">
        <v>40480</v>
      </c>
      <c r="FX17" s="342">
        <v>163488</v>
      </c>
      <c r="FY17" s="346">
        <v>203968</v>
      </c>
      <c r="FZ17" s="347">
        <v>0</v>
      </c>
      <c r="GA17" s="342">
        <v>233648</v>
      </c>
      <c r="GB17" s="342">
        <v>765200</v>
      </c>
      <c r="GC17" s="342">
        <v>369312</v>
      </c>
      <c r="GD17" s="342">
        <v>590352</v>
      </c>
      <c r="GE17" s="342">
        <v>247976</v>
      </c>
      <c r="GF17" s="343">
        <v>2206488</v>
      </c>
      <c r="GG17" s="349">
        <v>2410456</v>
      </c>
      <c r="GH17" s="348">
        <v>42560</v>
      </c>
      <c r="GI17" s="342">
        <v>0</v>
      </c>
      <c r="GJ17" s="346">
        <v>42560</v>
      </c>
      <c r="GK17" s="347">
        <v>0</v>
      </c>
      <c r="GL17" s="342">
        <v>0</v>
      </c>
      <c r="GM17" s="342">
        <v>18304</v>
      </c>
      <c r="GN17" s="342">
        <v>0</v>
      </c>
      <c r="GO17" s="342">
        <v>29040</v>
      </c>
      <c r="GP17" s="342">
        <v>0</v>
      </c>
      <c r="GQ17" s="343">
        <v>47344</v>
      </c>
      <c r="GR17" s="345">
        <v>89904</v>
      </c>
      <c r="GS17" s="341">
        <v>42400</v>
      </c>
      <c r="GT17" s="342">
        <v>17600</v>
      </c>
      <c r="GU17" s="343">
        <v>60000</v>
      </c>
      <c r="GV17" s="341">
        <v>0</v>
      </c>
      <c r="GW17" s="342">
        <v>64000</v>
      </c>
      <c r="GX17" s="342">
        <v>0</v>
      </c>
      <c r="GY17" s="342">
        <v>0</v>
      </c>
      <c r="GZ17" s="342">
        <v>0</v>
      </c>
      <c r="HA17" s="342">
        <v>0</v>
      </c>
      <c r="HB17" s="346">
        <v>64000</v>
      </c>
      <c r="HC17" s="345">
        <v>124000</v>
      </c>
      <c r="HD17" s="341">
        <v>280868</v>
      </c>
      <c r="HE17" s="342">
        <v>187367</v>
      </c>
      <c r="HF17" s="346">
        <v>468235</v>
      </c>
      <c r="HG17" s="347">
        <v>0</v>
      </c>
      <c r="HH17" s="342">
        <v>2260367</v>
      </c>
      <c r="HI17" s="342">
        <v>2088041</v>
      </c>
      <c r="HJ17" s="342">
        <v>1088309</v>
      </c>
      <c r="HK17" s="342">
        <v>2765936</v>
      </c>
      <c r="HL17" s="342">
        <v>662207</v>
      </c>
      <c r="HM17" s="343">
        <v>8864860</v>
      </c>
      <c r="HN17" s="344">
        <v>9333095</v>
      </c>
      <c r="HO17" s="348">
        <v>0</v>
      </c>
      <c r="HP17" s="342">
        <v>0</v>
      </c>
      <c r="HQ17" s="343">
        <v>0</v>
      </c>
      <c r="HR17" s="341">
        <v>0</v>
      </c>
      <c r="HS17" s="342">
        <v>0</v>
      </c>
      <c r="HT17" s="342">
        <v>0</v>
      </c>
      <c r="HU17" s="342">
        <v>0</v>
      </c>
      <c r="HV17" s="342">
        <v>0</v>
      </c>
      <c r="HW17" s="342">
        <v>0</v>
      </c>
      <c r="HX17" s="346">
        <v>0</v>
      </c>
      <c r="HY17" s="345">
        <v>0</v>
      </c>
      <c r="HZ17" s="350">
        <v>0</v>
      </c>
      <c r="IA17" s="351">
        <v>0</v>
      </c>
      <c r="IB17" s="352">
        <v>0</v>
      </c>
      <c r="IC17" s="353">
        <v>0</v>
      </c>
      <c r="ID17" s="351">
        <v>1557582</v>
      </c>
      <c r="IE17" s="354">
        <v>2006128</v>
      </c>
      <c r="IF17" s="352">
        <v>1661456</v>
      </c>
      <c r="IG17" s="351">
        <v>1388577</v>
      </c>
      <c r="IH17" s="352">
        <v>745115</v>
      </c>
      <c r="II17" s="355">
        <v>7358858</v>
      </c>
      <c r="IJ17" s="356">
        <v>7358858</v>
      </c>
      <c r="IK17" s="357">
        <v>0</v>
      </c>
      <c r="IL17" s="358">
        <v>0</v>
      </c>
      <c r="IM17" s="359">
        <v>0</v>
      </c>
      <c r="IN17" s="436">
        <v>0</v>
      </c>
      <c r="IO17" s="360">
        <v>75430</v>
      </c>
      <c r="IP17" s="360">
        <v>0</v>
      </c>
      <c r="IQ17" s="360">
        <v>152076</v>
      </c>
      <c r="IR17" s="360">
        <v>0</v>
      </c>
      <c r="IS17" s="360">
        <v>0</v>
      </c>
      <c r="IT17" s="361">
        <v>227506</v>
      </c>
      <c r="IU17" s="362">
        <v>227506</v>
      </c>
      <c r="IV17" s="363">
        <v>0</v>
      </c>
      <c r="IW17" s="360">
        <v>0</v>
      </c>
      <c r="IX17" s="364">
        <v>0</v>
      </c>
      <c r="IY17" s="436">
        <v>0</v>
      </c>
      <c r="IZ17" s="360">
        <v>0</v>
      </c>
      <c r="JA17" s="360">
        <v>16836</v>
      </c>
      <c r="JB17" s="360">
        <v>0</v>
      </c>
      <c r="JC17" s="360">
        <v>6976</v>
      </c>
      <c r="JD17" s="360">
        <v>0</v>
      </c>
      <c r="JE17" s="364">
        <v>23812</v>
      </c>
      <c r="JF17" s="365">
        <v>23812</v>
      </c>
      <c r="JG17" s="363">
        <v>0</v>
      </c>
      <c r="JH17" s="360">
        <v>0</v>
      </c>
      <c r="JI17" s="361">
        <v>0</v>
      </c>
      <c r="JJ17" s="366">
        <v>0</v>
      </c>
      <c r="JK17" s="360">
        <v>600950</v>
      </c>
      <c r="JL17" s="360">
        <v>252727</v>
      </c>
      <c r="JM17" s="360">
        <v>348826</v>
      </c>
      <c r="JN17" s="360">
        <v>364709</v>
      </c>
      <c r="JO17" s="360">
        <v>231729</v>
      </c>
      <c r="JP17" s="364">
        <v>1798941</v>
      </c>
      <c r="JQ17" s="362">
        <v>1798941</v>
      </c>
      <c r="JR17" s="363">
        <v>0</v>
      </c>
      <c r="JS17" s="360">
        <v>0</v>
      </c>
      <c r="JT17" s="361">
        <v>0</v>
      </c>
      <c r="JU17" s="366">
        <v>0</v>
      </c>
      <c r="JV17" s="360">
        <v>67316</v>
      </c>
      <c r="JW17" s="360">
        <v>514540</v>
      </c>
      <c r="JX17" s="360">
        <v>195808</v>
      </c>
      <c r="JY17" s="360">
        <v>0</v>
      </c>
      <c r="JZ17" s="360">
        <v>0</v>
      </c>
      <c r="KA17" s="364">
        <v>777664</v>
      </c>
      <c r="KB17" s="362">
        <v>777664</v>
      </c>
      <c r="KC17" s="367">
        <v>0</v>
      </c>
      <c r="KD17" s="368">
        <v>0</v>
      </c>
      <c r="KE17" s="364">
        <v>0</v>
      </c>
      <c r="KF17" s="366">
        <v>0</v>
      </c>
      <c r="KG17" s="360">
        <v>109036</v>
      </c>
      <c r="KH17" s="360">
        <v>333597</v>
      </c>
      <c r="KI17" s="360">
        <v>718453</v>
      </c>
      <c r="KJ17" s="360">
        <v>0</v>
      </c>
      <c r="KK17" s="360">
        <v>0</v>
      </c>
      <c r="KL17" s="364">
        <v>1161086</v>
      </c>
      <c r="KM17" s="369">
        <v>1161086</v>
      </c>
      <c r="KN17" s="357">
        <v>0</v>
      </c>
      <c r="KO17" s="358">
        <v>0</v>
      </c>
      <c r="KP17" s="359">
        <v>0</v>
      </c>
      <c r="KQ17" s="436">
        <v>0</v>
      </c>
      <c r="KR17" s="360">
        <v>434602</v>
      </c>
      <c r="KS17" s="360">
        <v>698968</v>
      </c>
      <c r="KT17" s="360">
        <v>246293</v>
      </c>
      <c r="KU17" s="360">
        <v>735250</v>
      </c>
      <c r="KV17" s="360">
        <v>513386</v>
      </c>
      <c r="KW17" s="364">
        <v>2628499</v>
      </c>
      <c r="KX17" s="362">
        <v>2628499</v>
      </c>
      <c r="KY17" s="363">
        <v>0</v>
      </c>
      <c r="KZ17" s="360">
        <v>0</v>
      </c>
      <c r="LA17" s="364">
        <v>0</v>
      </c>
      <c r="LB17" s="436">
        <v>0</v>
      </c>
      <c r="LC17" s="360">
        <v>0</v>
      </c>
      <c r="LD17" s="360">
        <v>0</v>
      </c>
      <c r="LE17" s="360">
        <v>0</v>
      </c>
      <c r="LF17" s="360">
        <v>0</v>
      </c>
      <c r="LG17" s="360">
        <v>0</v>
      </c>
      <c r="LH17" s="364">
        <v>0</v>
      </c>
      <c r="LI17" s="365">
        <v>0</v>
      </c>
      <c r="LJ17" s="363">
        <v>0</v>
      </c>
      <c r="LK17" s="360">
        <v>0</v>
      </c>
      <c r="LL17" s="364">
        <v>0</v>
      </c>
      <c r="LM17" s="436">
        <v>0</v>
      </c>
      <c r="LN17" s="360">
        <v>0</v>
      </c>
      <c r="LO17" s="360">
        <v>0</v>
      </c>
      <c r="LP17" s="360">
        <v>0</v>
      </c>
      <c r="LQ17" s="360">
        <v>0</v>
      </c>
      <c r="LR17" s="360">
        <v>0</v>
      </c>
      <c r="LS17" s="364">
        <v>0</v>
      </c>
      <c r="LT17" s="362">
        <v>0</v>
      </c>
      <c r="LU17" s="363">
        <v>0</v>
      </c>
      <c r="LV17" s="360">
        <v>0</v>
      </c>
      <c r="LW17" s="364">
        <v>0</v>
      </c>
      <c r="LX17" s="436">
        <v>0</v>
      </c>
      <c r="LY17" s="360">
        <v>270248</v>
      </c>
      <c r="LZ17" s="360">
        <v>189460</v>
      </c>
      <c r="MA17" s="360">
        <v>0</v>
      </c>
      <c r="MB17" s="360">
        <v>281642</v>
      </c>
      <c r="MC17" s="360">
        <v>0</v>
      </c>
      <c r="MD17" s="364">
        <v>741350</v>
      </c>
      <c r="ME17" s="365">
        <v>741350</v>
      </c>
      <c r="MF17" s="363">
        <v>0</v>
      </c>
      <c r="MG17" s="360">
        <v>0</v>
      </c>
      <c r="MH17" s="364">
        <v>0</v>
      </c>
      <c r="MI17" s="436">
        <v>0</v>
      </c>
      <c r="MJ17" s="360">
        <v>469152</v>
      </c>
      <c r="MK17" s="360">
        <v>488958</v>
      </c>
      <c r="ML17" s="360">
        <v>1370841</v>
      </c>
      <c r="MM17" s="360">
        <v>5624505</v>
      </c>
      <c r="MN17" s="360">
        <v>2209879</v>
      </c>
      <c r="MO17" s="364">
        <v>10163335</v>
      </c>
      <c r="MP17" s="369">
        <v>10163335</v>
      </c>
      <c r="MQ17" s="363">
        <v>0</v>
      </c>
      <c r="MR17" s="360">
        <v>0</v>
      </c>
      <c r="MS17" s="364">
        <v>0</v>
      </c>
      <c r="MT17" s="436">
        <v>0</v>
      </c>
      <c r="MU17" s="360">
        <v>0</v>
      </c>
      <c r="MV17" s="360">
        <v>0</v>
      </c>
      <c r="MW17" s="360">
        <v>612516</v>
      </c>
      <c r="MX17" s="360">
        <v>3975626</v>
      </c>
      <c r="MY17" s="360">
        <v>460835</v>
      </c>
      <c r="MZ17" s="364">
        <v>5048977</v>
      </c>
      <c r="NA17" s="369">
        <v>5048977</v>
      </c>
      <c r="NB17" s="363">
        <v>0</v>
      </c>
      <c r="NC17" s="360">
        <v>0</v>
      </c>
      <c r="ND17" s="364">
        <v>0</v>
      </c>
      <c r="NE17" s="436">
        <v>0</v>
      </c>
      <c r="NF17" s="360">
        <v>469152</v>
      </c>
      <c r="NG17" s="360">
        <v>488958</v>
      </c>
      <c r="NH17" s="360">
        <v>758325</v>
      </c>
      <c r="NI17" s="360">
        <v>1343673</v>
      </c>
      <c r="NJ17" s="360">
        <v>1749044</v>
      </c>
      <c r="NK17" s="364">
        <v>4809152</v>
      </c>
      <c r="NL17" s="362">
        <v>4809152</v>
      </c>
      <c r="NM17" s="363">
        <v>0</v>
      </c>
      <c r="NN17" s="360">
        <v>0</v>
      </c>
      <c r="NO17" s="364">
        <v>0</v>
      </c>
      <c r="NP17" s="436">
        <v>0</v>
      </c>
      <c r="NQ17" s="360">
        <v>0</v>
      </c>
      <c r="NR17" s="360">
        <v>0</v>
      </c>
      <c r="NS17" s="360">
        <v>0</v>
      </c>
      <c r="NT17" s="360">
        <v>0</v>
      </c>
      <c r="NU17" s="360">
        <v>0</v>
      </c>
      <c r="NV17" s="364">
        <v>0</v>
      </c>
      <c r="NW17" s="365">
        <v>0</v>
      </c>
      <c r="NX17" s="363">
        <v>0</v>
      </c>
      <c r="NY17" s="360">
        <v>0</v>
      </c>
      <c r="NZ17" s="364">
        <v>0</v>
      </c>
      <c r="OA17" s="436">
        <v>0</v>
      </c>
      <c r="OB17" s="360">
        <v>0</v>
      </c>
      <c r="OC17" s="360">
        <v>0</v>
      </c>
      <c r="OD17" s="360">
        <v>0</v>
      </c>
      <c r="OE17" s="360">
        <v>305206</v>
      </c>
      <c r="OF17" s="360">
        <v>0</v>
      </c>
      <c r="OG17" s="364">
        <v>305206</v>
      </c>
      <c r="OH17" s="365">
        <v>305206</v>
      </c>
      <c r="OI17" s="363">
        <v>756284</v>
      </c>
      <c r="OJ17" s="360">
        <v>770620</v>
      </c>
      <c r="OK17" s="361">
        <v>1526904</v>
      </c>
      <c r="OL17" s="366">
        <v>0</v>
      </c>
      <c r="OM17" s="360">
        <v>8567190</v>
      </c>
      <c r="ON17" s="360">
        <v>10078090</v>
      </c>
      <c r="OO17" s="360">
        <v>7925512</v>
      </c>
      <c r="OP17" s="360">
        <v>14788904</v>
      </c>
      <c r="OQ17" s="360">
        <v>6280429</v>
      </c>
      <c r="OR17" s="364">
        <v>47640125</v>
      </c>
      <c r="OS17" s="369">
        <v>49167029</v>
      </c>
    </row>
    <row r="18" spans="2:409" s="137" customFormat="1" ht="21" customHeight="1" x14ac:dyDescent="0.2">
      <c r="B18" s="421" t="s">
        <v>12</v>
      </c>
      <c r="C18" s="341">
        <v>783012</v>
      </c>
      <c r="D18" s="342">
        <v>2036506</v>
      </c>
      <c r="E18" s="343">
        <v>2819518</v>
      </c>
      <c r="F18" s="344">
        <v>0</v>
      </c>
      <c r="G18" s="342">
        <v>6812405</v>
      </c>
      <c r="H18" s="381">
        <v>10195331</v>
      </c>
      <c r="I18" s="381">
        <v>7355870</v>
      </c>
      <c r="J18" s="381">
        <v>12525065</v>
      </c>
      <c r="K18" s="381">
        <v>2974288</v>
      </c>
      <c r="L18" s="346">
        <v>39862959</v>
      </c>
      <c r="M18" s="345">
        <v>42682477</v>
      </c>
      <c r="N18" s="341">
        <v>341777</v>
      </c>
      <c r="O18" s="342">
        <v>696110</v>
      </c>
      <c r="P18" s="343">
        <v>1037887</v>
      </c>
      <c r="Q18" s="341">
        <v>0</v>
      </c>
      <c r="R18" s="342">
        <v>2042793</v>
      </c>
      <c r="S18" s="342">
        <v>3725748</v>
      </c>
      <c r="T18" s="342">
        <v>2146154</v>
      </c>
      <c r="U18" s="342">
        <v>5104387</v>
      </c>
      <c r="V18" s="342">
        <v>1829047</v>
      </c>
      <c r="W18" s="343">
        <v>14848129</v>
      </c>
      <c r="X18" s="345">
        <v>15886016</v>
      </c>
      <c r="Y18" s="341">
        <v>0</v>
      </c>
      <c r="Z18" s="342">
        <v>0</v>
      </c>
      <c r="AA18" s="343">
        <v>0</v>
      </c>
      <c r="AB18" s="341">
        <v>0</v>
      </c>
      <c r="AC18" s="342">
        <v>1269286</v>
      </c>
      <c r="AD18" s="342">
        <v>2059393</v>
      </c>
      <c r="AE18" s="342">
        <v>1281420</v>
      </c>
      <c r="AF18" s="342">
        <v>3361674</v>
      </c>
      <c r="AG18" s="342">
        <v>1009766</v>
      </c>
      <c r="AH18" s="343">
        <v>8981539</v>
      </c>
      <c r="AI18" s="345">
        <v>8981539</v>
      </c>
      <c r="AJ18" s="341">
        <v>0</v>
      </c>
      <c r="AK18" s="342">
        <v>0</v>
      </c>
      <c r="AL18" s="343">
        <v>0</v>
      </c>
      <c r="AM18" s="341">
        <v>0</v>
      </c>
      <c r="AN18" s="342">
        <v>0</v>
      </c>
      <c r="AO18" s="342">
        <v>0</v>
      </c>
      <c r="AP18" s="342">
        <v>35078</v>
      </c>
      <c r="AQ18" s="342">
        <v>398939</v>
      </c>
      <c r="AR18" s="342">
        <v>140296</v>
      </c>
      <c r="AS18" s="343">
        <v>574313</v>
      </c>
      <c r="AT18" s="345">
        <v>574313</v>
      </c>
      <c r="AU18" s="341">
        <v>278873</v>
      </c>
      <c r="AV18" s="342">
        <v>554137</v>
      </c>
      <c r="AW18" s="343">
        <v>833010</v>
      </c>
      <c r="AX18" s="341">
        <v>0</v>
      </c>
      <c r="AY18" s="342">
        <v>584196</v>
      </c>
      <c r="AZ18" s="342">
        <v>1098379</v>
      </c>
      <c r="BA18" s="342">
        <v>540896</v>
      </c>
      <c r="BB18" s="342">
        <v>758230</v>
      </c>
      <c r="BC18" s="342">
        <v>561793</v>
      </c>
      <c r="BD18" s="343">
        <v>3543494</v>
      </c>
      <c r="BE18" s="345">
        <v>4376504</v>
      </c>
      <c r="BF18" s="341">
        <v>0</v>
      </c>
      <c r="BG18" s="342">
        <v>45861</v>
      </c>
      <c r="BH18" s="346">
        <v>45861</v>
      </c>
      <c r="BI18" s="347">
        <v>0</v>
      </c>
      <c r="BJ18" s="342">
        <v>23775</v>
      </c>
      <c r="BK18" s="342">
        <v>63400</v>
      </c>
      <c r="BL18" s="342">
        <v>0</v>
      </c>
      <c r="BM18" s="342">
        <v>103184</v>
      </c>
      <c r="BN18" s="342">
        <v>0</v>
      </c>
      <c r="BO18" s="343">
        <v>190359</v>
      </c>
      <c r="BP18" s="345">
        <v>236220</v>
      </c>
      <c r="BQ18" s="341">
        <v>62904</v>
      </c>
      <c r="BR18" s="342">
        <v>96112</v>
      </c>
      <c r="BS18" s="343">
        <v>159016</v>
      </c>
      <c r="BT18" s="341">
        <v>0</v>
      </c>
      <c r="BU18" s="342">
        <v>165536</v>
      </c>
      <c r="BV18" s="342">
        <v>504576</v>
      </c>
      <c r="BW18" s="342">
        <v>288760</v>
      </c>
      <c r="BX18" s="342">
        <v>482360</v>
      </c>
      <c r="BY18" s="342">
        <v>117192</v>
      </c>
      <c r="BZ18" s="343">
        <v>1558424</v>
      </c>
      <c r="CA18" s="345">
        <v>1717440</v>
      </c>
      <c r="CB18" s="341">
        <v>105285</v>
      </c>
      <c r="CC18" s="342">
        <v>532197</v>
      </c>
      <c r="CD18" s="343">
        <v>637482</v>
      </c>
      <c r="CE18" s="341">
        <v>0</v>
      </c>
      <c r="CF18" s="342">
        <v>2690909</v>
      </c>
      <c r="CG18" s="342">
        <v>2768546</v>
      </c>
      <c r="CH18" s="342">
        <v>2456944</v>
      </c>
      <c r="CI18" s="342">
        <v>2360169</v>
      </c>
      <c r="CJ18" s="342">
        <v>34400</v>
      </c>
      <c r="CK18" s="343">
        <v>10310968</v>
      </c>
      <c r="CL18" s="345">
        <v>10948450</v>
      </c>
      <c r="CM18" s="341">
        <v>0</v>
      </c>
      <c r="CN18" s="342">
        <v>0</v>
      </c>
      <c r="CO18" s="343">
        <v>0</v>
      </c>
      <c r="CP18" s="347">
        <v>0</v>
      </c>
      <c r="CQ18" s="342">
        <v>2364979</v>
      </c>
      <c r="CR18" s="342">
        <v>1965244</v>
      </c>
      <c r="CS18" s="342">
        <v>1829767</v>
      </c>
      <c r="CT18" s="342">
        <v>1794680</v>
      </c>
      <c r="CU18" s="342">
        <v>34400</v>
      </c>
      <c r="CV18" s="343">
        <v>7989070</v>
      </c>
      <c r="CW18" s="345">
        <v>7989070</v>
      </c>
      <c r="CX18" s="341">
        <v>105285</v>
      </c>
      <c r="CY18" s="342">
        <v>532197</v>
      </c>
      <c r="CZ18" s="343">
        <v>637482</v>
      </c>
      <c r="DA18" s="341">
        <v>0</v>
      </c>
      <c r="DB18" s="342">
        <v>325930</v>
      </c>
      <c r="DC18" s="342">
        <v>803302</v>
      </c>
      <c r="DD18" s="342">
        <v>627177</v>
      </c>
      <c r="DE18" s="342">
        <v>565489</v>
      </c>
      <c r="DF18" s="342">
        <v>0</v>
      </c>
      <c r="DG18" s="343">
        <v>2321898</v>
      </c>
      <c r="DH18" s="345">
        <v>2959380</v>
      </c>
      <c r="DI18" s="341">
        <v>0</v>
      </c>
      <c r="DJ18" s="342">
        <v>45034</v>
      </c>
      <c r="DK18" s="346">
        <v>45034</v>
      </c>
      <c r="DL18" s="347">
        <v>0</v>
      </c>
      <c r="DM18" s="342">
        <v>308675</v>
      </c>
      <c r="DN18" s="342">
        <v>263817</v>
      </c>
      <c r="DO18" s="342">
        <v>736524</v>
      </c>
      <c r="DP18" s="342">
        <v>1059225</v>
      </c>
      <c r="DQ18" s="342">
        <v>162132</v>
      </c>
      <c r="DR18" s="343">
        <v>2530373</v>
      </c>
      <c r="DS18" s="345">
        <v>2575407</v>
      </c>
      <c r="DT18" s="341">
        <v>0</v>
      </c>
      <c r="DU18" s="342">
        <v>45034</v>
      </c>
      <c r="DV18" s="343">
        <v>45034</v>
      </c>
      <c r="DW18" s="341">
        <v>0</v>
      </c>
      <c r="DX18" s="342">
        <v>259076</v>
      </c>
      <c r="DY18" s="342">
        <v>252448</v>
      </c>
      <c r="DZ18" s="342">
        <v>736524</v>
      </c>
      <c r="EA18" s="342">
        <v>1059225</v>
      </c>
      <c r="EB18" s="342">
        <v>162132</v>
      </c>
      <c r="EC18" s="343">
        <v>2469405</v>
      </c>
      <c r="ED18" s="345">
        <v>2514439</v>
      </c>
      <c r="EE18" s="341">
        <v>0</v>
      </c>
      <c r="EF18" s="346">
        <v>0</v>
      </c>
      <c r="EG18" s="343">
        <v>0</v>
      </c>
      <c r="EH18" s="341">
        <v>0</v>
      </c>
      <c r="EI18" s="342">
        <v>49599</v>
      </c>
      <c r="EJ18" s="342">
        <v>11369</v>
      </c>
      <c r="EK18" s="342">
        <v>0</v>
      </c>
      <c r="EL18" s="342">
        <v>0</v>
      </c>
      <c r="EM18" s="342">
        <v>0</v>
      </c>
      <c r="EN18" s="346">
        <v>60968</v>
      </c>
      <c r="EO18" s="345">
        <v>60968</v>
      </c>
      <c r="EP18" s="341">
        <v>0</v>
      </c>
      <c r="EQ18" s="342">
        <v>0</v>
      </c>
      <c r="ER18" s="346">
        <v>0</v>
      </c>
      <c r="ES18" s="347">
        <v>0</v>
      </c>
      <c r="ET18" s="342">
        <v>0</v>
      </c>
      <c r="EU18" s="342">
        <v>0</v>
      </c>
      <c r="EV18" s="342">
        <v>0</v>
      </c>
      <c r="EW18" s="342">
        <v>0</v>
      </c>
      <c r="EX18" s="342">
        <v>0</v>
      </c>
      <c r="EY18" s="343">
        <v>0</v>
      </c>
      <c r="EZ18" s="345">
        <v>0</v>
      </c>
      <c r="FA18" s="341">
        <v>0</v>
      </c>
      <c r="FB18" s="342">
        <v>0</v>
      </c>
      <c r="FC18" s="346">
        <v>0</v>
      </c>
      <c r="FD18" s="347">
        <v>0</v>
      </c>
      <c r="FE18" s="342">
        <v>0</v>
      </c>
      <c r="FF18" s="342">
        <v>0</v>
      </c>
      <c r="FG18" s="342">
        <v>0</v>
      </c>
      <c r="FH18" s="342">
        <v>0</v>
      </c>
      <c r="FI18" s="342">
        <v>0</v>
      </c>
      <c r="FJ18" s="343">
        <v>0</v>
      </c>
      <c r="FK18" s="345">
        <v>0</v>
      </c>
      <c r="FL18" s="341">
        <v>128672</v>
      </c>
      <c r="FM18" s="342">
        <v>508976</v>
      </c>
      <c r="FN18" s="343">
        <v>637648</v>
      </c>
      <c r="FO18" s="341">
        <v>0</v>
      </c>
      <c r="FP18" s="342">
        <v>333248</v>
      </c>
      <c r="FQ18" s="342">
        <v>1106856</v>
      </c>
      <c r="FR18" s="342">
        <v>733876</v>
      </c>
      <c r="FS18" s="342">
        <v>1052624</v>
      </c>
      <c r="FT18" s="342">
        <v>226240</v>
      </c>
      <c r="FU18" s="343">
        <v>3452844</v>
      </c>
      <c r="FV18" s="345">
        <v>4090492</v>
      </c>
      <c r="FW18" s="348">
        <v>114272</v>
      </c>
      <c r="FX18" s="342">
        <v>337256</v>
      </c>
      <c r="FY18" s="346">
        <v>451528</v>
      </c>
      <c r="FZ18" s="347">
        <v>0</v>
      </c>
      <c r="GA18" s="342">
        <v>215648</v>
      </c>
      <c r="GB18" s="342">
        <v>946368</v>
      </c>
      <c r="GC18" s="342">
        <v>661952</v>
      </c>
      <c r="GD18" s="342">
        <v>1002224</v>
      </c>
      <c r="GE18" s="342">
        <v>226240</v>
      </c>
      <c r="GF18" s="343">
        <v>3052432</v>
      </c>
      <c r="GG18" s="349">
        <v>3503960</v>
      </c>
      <c r="GH18" s="348">
        <v>0</v>
      </c>
      <c r="GI18" s="342">
        <v>27720</v>
      </c>
      <c r="GJ18" s="346">
        <v>27720</v>
      </c>
      <c r="GK18" s="347">
        <v>0</v>
      </c>
      <c r="GL18" s="342">
        <v>61600</v>
      </c>
      <c r="GM18" s="342">
        <v>57288</v>
      </c>
      <c r="GN18" s="342">
        <v>0</v>
      </c>
      <c r="GO18" s="342">
        <v>0</v>
      </c>
      <c r="GP18" s="342">
        <v>0</v>
      </c>
      <c r="GQ18" s="343">
        <v>118888</v>
      </c>
      <c r="GR18" s="345">
        <v>146608</v>
      </c>
      <c r="GS18" s="341">
        <v>14400</v>
      </c>
      <c r="GT18" s="342">
        <v>144000</v>
      </c>
      <c r="GU18" s="343">
        <v>158400</v>
      </c>
      <c r="GV18" s="341">
        <v>0</v>
      </c>
      <c r="GW18" s="342">
        <v>56000</v>
      </c>
      <c r="GX18" s="342">
        <v>103200</v>
      </c>
      <c r="GY18" s="342">
        <v>71924</v>
      </c>
      <c r="GZ18" s="342">
        <v>50400</v>
      </c>
      <c r="HA18" s="342">
        <v>0</v>
      </c>
      <c r="HB18" s="346">
        <v>281524</v>
      </c>
      <c r="HC18" s="345">
        <v>439924</v>
      </c>
      <c r="HD18" s="341">
        <v>207278</v>
      </c>
      <c r="HE18" s="342">
        <v>254189</v>
      </c>
      <c r="HF18" s="346">
        <v>461467</v>
      </c>
      <c r="HG18" s="347">
        <v>0</v>
      </c>
      <c r="HH18" s="342">
        <v>1436780</v>
      </c>
      <c r="HI18" s="342">
        <v>2330364</v>
      </c>
      <c r="HJ18" s="342">
        <v>1282372</v>
      </c>
      <c r="HK18" s="342">
        <v>2948660</v>
      </c>
      <c r="HL18" s="342">
        <v>722469</v>
      </c>
      <c r="HM18" s="343">
        <v>8720645</v>
      </c>
      <c r="HN18" s="344">
        <v>9182112</v>
      </c>
      <c r="HO18" s="348">
        <v>0</v>
      </c>
      <c r="HP18" s="342">
        <v>0</v>
      </c>
      <c r="HQ18" s="343">
        <v>0</v>
      </c>
      <c r="HR18" s="341">
        <v>0</v>
      </c>
      <c r="HS18" s="342">
        <v>0</v>
      </c>
      <c r="HT18" s="342">
        <v>0</v>
      </c>
      <c r="HU18" s="342">
        <v>0</v>
      </c>
      <c r="HV18" s="342">
        <v>0</v>
      </c>
      <c r="HW18" s="342">
        <v>0</v>
      </c>
      <c r="HX18" s="346">
        <v>0</v>
      </c>
      <c r="HY18" s="345">
        <v>0</v>
      </c>
      <c r="HZ18" s="373">
        <v>0</v>
      </c>
      <c r="IA18" s="371">
        <v>0</v>
      </c>
      <c r="IB18" s="373">
        <v>0</v>
      </c>
      <c r="IC18" s="370">
        <v>0</v>
      </c>
      <c r="ID18" s="371">
        <v>1554770</v>
      </c>
      <c r="IE18" s="372">
        <v>2595101</v>
      </c>
      <c r="IF18" s="373">
        <v>1698300</v>
      </c>
      <c r="IG18" s="371">
        <v>2692063</v>
      </c>
      <c r="IH18" s="373">
        <v>1721977</v>
      </c>
      <c r="II18" s="374">
        <v>10262211</v>
      </c>
      <c r="IJ18" s="373">
        <v>10262211</v>
      </c>
      <c r="IK18" s="357">
        <v>0</v>
      </c>
      <c r="IL18" s="358">
        <v>0</v>
      </c>
      <c r="IM18" s="359">
        <v>0</v>
      </c>
      <c r="IN18" s="436">
        <v>0</v>
      </c>
      <c r="IO18" s="360">
        <v>72177</v>
      </c>
      <c r="IP18" s="360">
        <v>0</v>
      </c>
      <c r="IQ18" s="360">
        <v>0</v>
      </c>
      <c r="IR18" s="360">
        <v>0</v>
      </c>
      <c r="IS18" s="360">
        <v>0</v>
      </c>
      <c r="IT18" s="361">
        <v>72177</v>
      </c>
      <c r="IU18" s="362">
        <v>72177</v>
      </c>
      <c r="IV18" s="363">
        <v>0</v>
      </c>
      <c r="IW18" s="360">
        <v>0</v>
      </c>
      <c r="IX18" s="364">
        <v>0</v>
      </c>
      <c r="IY18" s="436">
        <v>0</v>
      </c>
      <c r="IZ18" s="360">
        <v>0</v>
      </c>
      <c r="JA18" s="360">
        <v>0</v>
      </c>
      <c r="JB18" s="360">
        <v>0</v>
      </c>
      <c r="JC18" s="360">
        <v>0</v>
      </c>
      <c r="JD18" s="360">
        <v>0</v>
      </c>
      <c r="JE18" s="364">
        <v>0</v>
      </c>
      <c r="JF18" s="365">
        <v>0</v>
      </c>
      <c r="JG18" s="363">
        <v>0</v>
      </c>
      <c r="JH18" s="360">
        <v>0</v>
      </c>
      <c r="JI18" s="361">
        <v>0</v>
      </c>
      <c r="JJ18" s="366">
        <v>0</v>
      </c>
      <c r="JK18" s="360">
        <v>905560</v>
      </c>
      <c r="JL18" s="360">
        <v>1097516</v>
      </c>
      <c r="JM18" s="360">
        <v>738190</v>
      </c>
      <c r="JN18" s="360">
        <v>190104</v>
      </c>
      <c r="JO18" s="360">
        <v>71101</v>
      </c>
      <c r="JP18" s="364">
        <v>3002471</v>
      </c>
      <c r="JQ18" s="362">
        <v>3002471</v>
      </c>
      <c r="JR18" s="363">
        <v>0</v>
      </c>
      <c r="JS18" s="360">
        <v>0</v>
      </c>
      <c r="JT18" s="361">
        <v>0</v>
      </c>
      <c r="JU18" s="366">
        <v>0</v>
      </c>
      <c r="JV18" s="360">
        <v>0</v>
      </c>
      <c r="JW18" s="360">
        <v>0</v>
      </c>
      <c r="JX18" s="360">
        <v>0</v>
      </c>
      <c r="JY18" s="360">
        <v>0</v>
      </c>
      <c r="JZ18" s="360">
        <v>0</v>
      </c>
      <c r="KA18" s="364">
        <v>0</v>
      </c>
      <c r="KB18" s="362">
        <v>0</v>
      </c>
      <c r="KC18" s="367">
        <v>0</v>
      </c>
      <c r="KD18" s="368">
        <v>0</v>
      </c>
      <c r="KE18" s="364">
        <v>0</v>
      </c>
      <c r="KF18" s="366">
        <v>0</v>
      </c>
      <c r="KG18" s="360">
        <v>121924</v>
      </c>
      <c r="KH18" s="360">
        <v>538233</v>
      </c>
      <c r="KI18" s="360">
        <v>478141</v>
      </c>
      <c r="KJ18" s="360">
        <v>817571</v>
      </c>
      <c r="KK18" s="360">
        <v>590748</v>
      </c>
      <c r="KL18" s="364">
        <v>2546617</v>
      </c>
      <c r="KM18" s="369">
        <v>2546617</v>
      </c>
      <c r="KN18" s="357">
        <v>0</v>
      </c>
      <c r="KO18" s="358">
        <v>0</v>
      </c>
      <c r="KP18" s="359">
        <v>0</v>
      </c>
      <c r="KQ18" s="436">
        <v>0</v>
      </c>
      <c r="KR18" s="360">
        <v>455109</v>
      </c>
      <c r="KS18" s="360">
        <v>236286</v>
      </c>
      <c r="KT18" s="360">
        <v>238719</v>
      </c>
      <c r="KU18" s="360">
        <v>732517</v>
      </c>
      <c r="KV18" s="360">
        <v>497736</v>
      </c>
      <c r="KW18" s="364">
        <v>2160367</v>
      </c>
      <c r="KX18" s="362">
        <v>2160367</v>
      </c>
      <c r="KY18" s="363">
        <v>0</v>
      </c>
      <c r="KZ18" s="360">
        <v>0</v>
      </c>
      <c r="LA18" s="364">
        <v>0</v>
      </c>
      <c r="LB18" s="436">
        <v>0</v>
      </c>
      <c r="LC18" s="360">
        <v>0</v>
      </c>
      <c r="LD18" s="360">
        <v>528558</v>
      </c>
      <c r="LE18" s="360">
        <v>0</v>
      </c>
      <c r="LF18" s="360">
        <v>359579</v>
      </c>
      <c r="LG18" s="360">
        <v>0</v>
      </c>
      <c r="LH18" s="364">
        <v>888137</v>
      </c>
      <c r="LI18" s="365">
        <v>888137</v>
      </c>
      <c r="LJ18" s="363">
        <v>0</v>
      </c>
      <c r="LK18" s="360">
        <v>0</v>
      </c>
      <c r="LL18" s="364">
        <v>0</v>
      </c>
      <c r="LM18" s="436">
        <v>0</v>
      </c>
      <c r="LN18" s="360">
        <v>0</v>
      </c>
      <c r="LO18" s="360">
        <v>0</v>
      </c>
      <c r="LP18" s="360">
        <v>243250</v>
      </c>
      <c r="LQ18" s="360">
        <v>0</v>
      </c>
      <c r="LR18" s="360">
        <v>562392</v>
      </c>
      <c r="LS18" s="364">
        <v>805642</v>
      </c>
      <c r="LT18" s="362">
        <v>805642</v>
      </c>
      <c r="LU18" s="363">
        <v>0</v>
      </c>
      <c r="LV18" s="360">
        <v>0</v>
      </c>
      <c r="LW18" s="364">
        <v>0</v>
      </c>
      <c r="LX18" s="436">
        <v>0</v>
      </c>
      <c r="LY18" s="360">
        <v>0</v>
      </c>
      <c r="LZ18" s="360">
        <v>194508</v>
      </c>
      <c r="MA18" s="360">
        <v>0</v>
      </c>
      <c r="MB18" s="360">
        <v>592292</v>
      </c>
      <c r="MC18" s="360">
        <v>0</v>
      </c>
      <c r="MD18" s="364">
        <v>786800</v>
      </c>
      <c r="ME18" s="365">
        <v>786800</v>
      </c>
      <c r="MF18" s="363">
        <v>0</v>
      </c>
      <c r="MG18" s="360">
        <v>0</v>
      </c>
      <c r="MH18" s="364">
        <v>0</v>
      </c>
      <c r="MI18" s="436">
        <v>0</v>
      </c>
      <c r="MJ18" s="360">
        <v>153614</v>
      </c>
      <c r="MK18" s="360">
        <v>796145</v>
      </c>
      <c r="ML18" s="360">
        <v>4229352</v>
      </c>
      <c r="MM18" s="360">
        <v>5694081</v>
      </c>
      <c r="MN18" s="360">
        <v>3053793</v>
      </c>
      <c r="MO18" s="364">
        <v>13926985</v>
      </c>
      <c r="MP18" s="369">
        <v>13926985</v>
      </c>
      <c r="MQ18" s="363">
        <v>0</v>
      </c>
      <c r="MR18" s="360">
        <v>0</v>
      </c>
      <c r="MS18" s="364">
        <v>0</v>
      </c>
      <c r="MT18" s="436">
        <v>0</v>
      </c>
      <c r="MU18" s="360">
        <v>0</v>
      </c>
      <c r="MV18" s="360">
        <v>0</v>
      </c>
      <c r="MW18" s="360">
        <v>1998097</v>
      </c>
      <c r="MX18" s="360">
        <v>2670967</v>
      </c>
      <c r="MY18" s="360">
        <v>1371470</v>
      </c>
      <c r="MZ18" s="364">
        <v>6040534</v>
      </c>
      <c r="NA18" s="369">
        <v>6040534</v>
      </c>
      <c r="NB18" s="363">
        <v>0</v>
      </c>
      <c r="NC18" s="360">
        <v>0</v>
      </c>
      <c r="ND18" s="364">
        <v>0</v>
      </c>
      <c r="NE18" s="436">
        <v>0</v>
      </c>
      <c r="NF18" s="360">
        <v>153614</v>
      </c>
      <c r="NG18" s="360">
        <v>796145</v>
      </c>
      <c r="NH18" s="360">
        <v>2231255</v>
      </c>
      <c r="NI18" s="360">
        <v>3023114</v>
      </c>
      <c r="NJ18" s="360">
        <v>1682323</v>
      </c>
      <c r="NK18" s="364">
        <v>7886451</v>
      </c>
      <c r="NL18" s="362">
        <v>7886451</v>
      </c>
      <c r="NM18" s="363">
        <v>0</v>
      </c>
      <c r="NN18" s="360">
        <v>0</v>
      </c>
      <c r="NO18" s="364">
        <v>0</v>
      </c>
      <c r="NP18" s="436">
        <v>0</v>
      </c>
      <c r="NQ18" s="360">
        <v>0</v>
      </c>
      <c r="NR18" s="360">
        <v>0</v>
      </c>
      <c r="NS18" s="360">
        <v>0</v>
      </c>
      <c r="NT18" s="360">
        <v>0</v>
      </c>
      <c r="NU18" s="360">
        <v>0</v>
      </c>
      <c r="NV18" s="364">
        <v>0</v>
      </c>
      <c r="NW18" s="365">
        <v>0</v>
      </c>
      <c r="NX18" s="363">
        <v>0</v>
      </c>
      <c r="NY18" s="360">
        <v>0</v>
      </c>
      <c r="NZ18" s="364">
        <v>0</v>
      </c>
      <c r="OA18" s="436">
        <v>0</v>
      </c>
      <c r="OB18" s="360">
        <v>0</v>
      </c>
      <c r="OC18" s="360">
        <v>0</v>
      </c>
      <c r="OD18" s="360">
        <v>0</v>
      </c>
      <c r="OE18" s="360">
        <v>0</v>
      </c>
      <c r="OF18" s="360">
        <v>0</v>
      </c>
      <c r="OG18" s="364">
        <v>0</v>
      </c>
      <c r="OH18" s="365">
        <v>0</v>
      </c>
      <c r="OI18" s="363">
        <v>783012</v>
      </c>
      <c r="OJ18" s="360">
        <v>2036506</v>
      </c>
      <c r="OK18" s="361">
        <v>2819518</v>
      </c>
      <c r="OL18" s="366">
        <v>0</v>
      </c>
      <c r="OM18" s="360">
        <v>8520789</v>
      </c>
      <c r="ON18" s="360">
        <v>13586577</v>
      </c>
      <c r="OO18" s="360">
        <v>13283522</v>
      </c>
      <c r="OP18" s="360">
        <v>20911209</v>
      </c>
      <c r="OQ18" s="360">
        <v>7750058</v>
      </c>
      <c r="OR18" s="364">
        <v>64052155</v>
      </c>
      <c r="OS18" s="369">
        <v>66871673</v>
      </c>
    </row>
    <row r="19" spans="2:409" s="137" customFormat="1" ht="21" customHeight="1" x14ac:dyDescent="0.2">
      <c r="B19" s="421" t="s">
        <v>13</v>
      </c>
      <c r="C19" s="341">
        <v>72251</v>
      </c>
      <c r="D19" s="342">
        <v>94019</v>
      </c>
      <c r="E19" s="343">
        <v>166270</v>
      </c>
      <c r="F19" s="341">
        <v>0</v>
      </c>
      <c r="G19" s="381">
        <v>2868015</v>
      </c>
      <c r="H19" s="342">
        <v>4137855</v>
      </c>
      <c r="I19" s="342">
        <v>4815373</v>
      </c>
      <c r="J19" s="342">
        <v>4578266</v>
      </c>
      <c r="K19" s="342">
        <v>3182445</v>
      </c>
      <c r="L19" s="346">
        <v>19581954</v>
      </c>
      <c r="M19" s="345">
        <v>19748224</v>
      </c>
      <c r="N19" s="341">
        <v>18979</v>
      </c>
      <c r="O19" s="342">
        <v>25664</v>
      </c>
      <c r="P19" s="343">
        <v>44643</v>
      </c>
      <c r="Q19" s="341">
        <v>0</v>
      </c>
      <c r="R19" s="342">
        <v>756807</v>
      </c>
      <c r="S19" s="342">
        <v>1735543</v>
      </c>
      <c r="T19" s="342">
        <v>1402326</v>
      </c>
      <c r="U19" s="342">
        <v>1380380</v>
      </c>
      <c r="V19" s="342">
        <v>1882587</v>
      </c>
      <c r="W19" s="343">
        <v>7157643</v>
      </c>
      <c r="X19" s="345">
        <v>7202286</v>
      </c>
      <c r="Y19" s="341">
        <v>0</v>
      </c>
      <c r="Z19" s="342">
        <v>0</v>
      </c>
      <c r="AA19" s="343">
        <v>0</v>
      </c>
      <c r="AB19" s="341">
        <v>0</v>
      </c>
      <c r="AC19" s="342">
        <v>308336</v>
      </c>
      <c r="AD19" s="342">
        <v>500377</v>
      </c>
      <c r="AE19" s="342">
        <v>642260</v>
      </c>
      <c r="AF19" s="342">
        <v>799441</v>
      </c>
      <c r="AG19" s="342">
        <v>1116420</v>
      </c>
      <c r="AH19" s="343">
        <v>3366834</v>
      </c>
      <c r="AI19" s="345">
        <v>3366834</v>
      </c>
      <c r="AJ19" s="341">
        <v>0</v>
      </c>
      <c r="AK19" s="342">
        <v>0</v>
      </c>
      <c r="AL19" s="343">
        <v>0</v>
      </c>
      <c r="AM19" s="341">
        <v>0</v>
      </c>
      <c r="AN19" s="342">
        <v>0</v>
      </c>
      <c r="AO19" s="342">
        <v>0</v>
      </c>
      <c r="AP19" s="342">
        <v>0</v>
      </c>
      <c r="AQ19" s="342">
        <v>46716</v>
      </c>
      <c r="AR19" s="342">
        <v>190382</v>
      </c>
      <c r="AS19" s="343">
        <v>237098</v>
      </c>
      <c r="AT19" s="345">
        <v>237098</v>
      </c>
      <c r="AU19" s="341">
        <v>0</v>
      </c>
      <c r="AV19" s="342">
        <v>25664</v>
      </c>
      <c r="AW19" s="343">
        <v>25664</v>
      </c>
      <c r="AX19" s="341">
        <v>0</v>
      </c>
      <c r="AY19" s="342">
        <v>188001</v>
      </c>
      <c r="AZ19" s="342">
        <v>963892</v>
      </c>
      <c r="BA19" s="342">
        <v>521778</v>
      </c>
      <c r="BB19" s="342">
        <v>256891</v>
      </c>
      <c r="BC19" s="342">
        <v>371399</v>
      </c>
      <c r="BD19" s="343">
        <v>2301961</v>
      </c>
      <c r="BE19" s="345">
        <v>2327625</v>
      </c>
      <c r="BF19" s="341">
        <v>10723</v>
      </c>
      <c r="BG19" s="342">
        <v>0</v>
      </c>
      <c r="BH19" s="346">
        <v>10723</v>
      </c>
      <c r="BI19" s="347">
        <v>0</v>
      </c>
      <c r="BJ19" s="342">
        <v>74942</v>
      </c>
      <c r="BK19" s="342">
        <v>23562</v>
      </c>
      <c r="BL19" s="342">
        <v>0</v>
      </c>
      <c r="BM19" s="342">
        <v>19836</v>
      </c>
      <c r="BN19" s="342">
        <v>16450</v>
      </c>
      <c r="BO19" s="343">
        <v>134790</v>
      </c>
      <c r="BP19" s="345">
        <v>145513</v>
      </c>
      <c r="BQ19" s="341">
        <v>8256</v>
      </c>
      <c r="BR19" s="342">
        <v>0</v>
      </c>
      <c r="BS19" s="343">
        <v>8256</v>
      </c>
      <c r="BT19" s="341">
        <v>0</v>
      </c>
      <c r="BU19" s="342">
        <v>185528</v>
      </c>
      <c r="BV19" s="342">
        <v>247712</v>
      </c>
      <c r="BW19" s="342">
        <v>238288</v>
      </c>
      <c r="BX19" s="342">
        <v>257496</v>
      </c>
      <c r="BY19" s="342">
        <v>187936</v>
      </c>
      <c r="BZ19" s="343">
        <v>1116960</v>
      </c>
      <c r="CA19" s="345">
        <v>1125216</v>
      </c>
      <c r="CB19" s="341">
        <v>0</v>
      </c>
      <c r="CC19" s="342">
        <v>40115</v>
      </c>
      <c r="CD19" s="343">
        <v>40115</v>
      </c>
      <c r="CE19" s="341">
        <v>0</v>
      </c>
      <c r="CF19" s="342">
        <v>552754</v>
      </c>
      <c r="CG19" s="342">
        <v>628399</v>
      </c>
      <c r="CH19" s="342">
        <v>908509</v>
      </c>
      <c r="CI19" s="342">
        <v>520944</v>
      </c>
      <c r="CJ19" s="342">
        <v>347820</v>
      </c>
      <c r="CK19" s="343">
        <v>2958426</v>
      </c>
      <c r="CL19" s="345">
        <v>2998541</v>
      </c>
      <c r="CM19" s="341">
        <v>0</v>
      </c>
      <c r="CN19" s="342">
        <v>0</v>
      </c>
      <c r="CO19" s="343">
        <v>0</v>
      </c>
      <c r="CP19" s="347">
        <v>0</v>
      </c>
      <c r="CQ19" s="342">
        <v>402976</v>
      </c>
      <c r="CR19" s="342">
        <v>545755</v>
      </c>
      <c r="CS19" s="342">
        <v>763281</v>
      </c>
      <c r="CT19" s="342">
        <v>480815</v>
      </c>
      <c r="CU19" s="342">
        <v>27066</v>
      </c>
      <c r="CV19" s="343">
        <v>2219893</v>
      </c>
      <c r="CW19" s="345">
        <v>2219893</v>
      </c>
      <c r="CX19" s="341">
        <v>0</v>
      </c>
      <c r="CY19" s="342">
        <v>40115</v>
      </c>
      <c r="CZ19" s="343">
        <v>40115</v>
      </c>
      <c r="DA19" s="341">
        <v>0</v>
      </c>
      <c r="DB19" s="342">
        <v>149778</v>
      </c>
      <c r="DC19" s="342">
        <v>82644</v>
      </c>
      <c r="DD19" s="342">
        <v>145228</v>
      </c>
      <c r="DE19" s="342">
        <v>40129</v>
      </c>
      <c r="DF19" s="342">
        <v>320754</v>
      </c>
      <c r="DG19" s="343">
        <v>738533</v>
      </c>
      <c r="DH19" s="345">
        <v>778648</v>
      </c>
      <c r="DI19" s="341">
        <v>0</v>
      </c>
      <c r="DJ19" s="342">
        <v>0</v>
      </c>
      <c r="DK19" s="346">
        <v>0</v>
      </c>
      <c r="DL19" s="347">
        <v>0</v>
      </c>
      <c r="DM19" s="342">
        <v>154968</v>
      </c>
      <c r="DN19" s="342">
        <v>72093</v>
      </c>
      <c r="DO19" s="342">
        <v>28881</v>
      </c>
      <c r="DP19" s="342">
        <v>304657</v>
      </c>
      <c r="DQ19" s="342">
        <v>34516</v>
      </c>
      <c r="DR19" s="343">
        <v>595115</v>
      </c>
      <c r="DS19" s="345">
        <v>595115</v>
      </c>
      <c r="DT19" s="341">
        <v>0</v>
      </c>
      <c r="DU19" s="342">
        <v>0</v>
      </c>
      <c r="DV19" s="343">
        <v>0</v>
      </c>
      <c r="DW19" s="341">
        <v>0</v>
      </c>
      <c r="DX19" s="342">
        <v>154968</v>
      </c>
      <c r="DY19" s="342">
        <v>72093</v>
      </c>
      <c r="DZ19" s="342">
        <v>28881</v>
      </c>
      <c r="EA19" s="342">
        <v>304657</v>
      </c>
      <c r="EB19" s="342">
        <v>34516</v>
      </c>
      <c r="EC19" s="343">
        <v>595115</v>
      </c>
      <c r="ED19" s="345">
        <v>595115</v>
      </c>
      <c r="EE19" s="341">
        <v>0</v>
      </c>
      <c r="EF19" s="346">
        <v>0</v>
      </c>
      <c r="EG19" s="343">
        <v>0</v>
      </c>
      <c r="EH19" s="341">
        <v>0</v>
      </c>
      <c r="EI19" s="342">
        <v>0</v>
      </c>
      <c r="EJ19" s="342">
        <v>0</v>
      </c>
      <c r="EK19" s="342">
        <v>0</v>
      </c>
      <c r="EL19" s="342">
        <v>0</v>
      </c>
      <c r="EM19" s="342">
        <v>0</v>
      </c>
      <c r="EN19" s="346">
        <v>0</v>
      </c>
      <c r="EO19" s="345">
        <v>0</v>
      </c>
      <c r="EP19" s="341">
        <v>0</v>
      </c>
      <c r="EQ19" s="342">
        <v>0</v>
      </c>
      <c r="ER19" s="346">
        <v>0</v>
      </c>
      <c r="ES19" s="347">
        <v>0</v>
      </c>
      <c r="ET19" s="342">
        <v>0</v>
      </c>
      <c r="EU19" s="342">
        <v>0</v>
      </c>
      <c r="EV19" s="342">
        <v>0</v>
      </c>
      <c r="EW19" s="342">
        <v>0</v>
      </c>
      <c r="EX19" s="342">
        <v>0</v>
      </c>
      <c r="EY19" s="343">
        <v>0</v>
      </c>
      <c r="EZ19" s="345">
        <v>0</v>
      </c>
      <c r="FA19" s="341">
        <v>0</v>
      </c>
      <c r="FB19" s="342">
        <v>0</v>
      </c>
      <c r="FC19" s="346">
        <v>0</v>
      </c>
      <c r="FD19" s="347">
        <v>0</v>
      </c>
      <c r="FE19" s="342">
        <v>0</v>
      </c>
      <c r="FF19" s="342">
        <v>0</v>
      </c>
      <c r="FG19" s="342">
        <v>0</v>
      </c>
      <c r="FH19" s="342">
        <v>0</v>
      </c>
      <c r="FI19" s="342">
        <v>0</v>
      </c>
      <c r="FJ19" s="343">
        <v>0</v>
      </c>
      <c r="FK19" s="345">
        <v>0</v>
      </c>
      <c r="FL19" s="341">
        <v>5680</v>
      </c>
      <c r="FM19" s="342">
        <v>28240</v>
      </c>
      <c r="FN19" s="343">
        <v>33920</v>
      </c>
      <c r="FO19" s="341">
        <v>0</v>
      </c>
      <c r="FP19" s="342">
        <v>274984</v>
      </c>
      <c r="FQ19" s="342">
        <v>514992</v>
      </c>
      <c r="FR19" s="342">
        <v>396784</v>
      </c>
      <c r="FS19" s="342">
        <v>331408</v>
      </c>
      <c r="FT19" s="342">
        <v>250512</v>
      </c>
      <c r="FU19" s="343">
        <v>1768680</v>
      </c>
      <c r="FV19" s="345">
        <v>1802600</v>
      </c>
      <c r="FW19" s="348">
        <v>5680</v>
      </c>
      <c r="FX19" s="342">
        <v>28240</v>
      </c>
      <c r="FY19" s="346">
        <v>33920</v>
      </c>
      <c r="FZ19" s="347">
        <v>0</v>
      </c>
      <c r="GA19" s="342">
        <v>122984</v>
      </c>
      <c r="GB19" s="342">
        <v>476592</v>
      </c>
      <c r="GC19" s="342">
        <v>396784</v>
      </c>
      <c r="GD19" s="342">
        <v>331408</v>
      </c>
      <c r="GE19" s="342">
        <v>250512</v>
      </c>
      <c r="GF19" s="343">
        <v>1578280</v>
      </c>
      <c r="GG19" s="349">
        <v>1612200</v>
      </c>
      <c r="GH19" s="348">
        <v>0</v>
      </c>
      <c r="GI19" s="342">
        <v>0</v>
      </c>
      <c r="GJ19" s="346">
        <v>0</v>
      </c>
      <c r="GK19" s="347">
        <v>0</v>
      </c>
      <c r="GL19" s="342">
        <v>0</v>
      </c>
      <c r="GM19" s="342">
        <v>0</v>
      </c>
      <c r="GN19" s="342">
        <v>0</v>
      </c>
      <c r="GO19" s="342">
        <v>0</v>
      </c>
      <c r="GP19" s="342">
        <v>0</v>
      </c>
      <c r="GQ19" s="343">
        <v>0</v>
      </c>
      <c r="GR19" s="345">
        <v>0</v>
      </c>
      <c r="GS19" s="341">
        <v>0</v>
      </c>
      <c r="GT19" s="342">
        <v>0</v>
      </c>
      <c r="GU19" s="343">
        <v>0</v>
      </c>
      <c r="GV19" s="341">
        <v>0</v>
      </c>
      <c r="GW19" s="342">
        <v>152000</v>
      </c>
      <c r="GX19" s="342">
        <v>38400</v>
      </c>
      <c r="GY19" s="342">
        <v>0</v>
      </c>
      <c r="GZ19" s="342">
        <v>0</v>
      </c>
      <c r="HA19" s="342">
        <v>0</v>
      </c>
      <c r="HB19" s="346">
        <v>190400</v>
      </c>
      <c r="HC19" s="345">
        <v>190400</v>
      </c>
      <c r="HD19" s="341">
        <v>47592</v>
      </c>
      <c r="HE19" s="342">
        <v>0</v>
      </c>
      <c r="HF19" s="346">
        <v>47592</v>
      </c>
      <c r="HG19" s="347">
        <v>0</v>
      </c>
      <c r="HH19" s="342">
        <v>1128502</v>
      </c>
      <c r="HI19" s="342">
        <v>1186828</v>
      </c>
      <c r="HJ19" s="342">
        <v>2078873</v>
      </c>
      <c r="HK19" s="342">
        <v>2040877</v>
      </c>
      <c r="HL19" s="342">
        <v>667010</v>
      </c>
      <c r="HM19" s="343">
        <v>7102090</v>
      </c>
      <c r="HN19" s="344">
        <v>7149682</v>
      </c>
      <c r="HO19" s="348">
        <v>0</v>
      </c>
      <c r="HP19" s="342">
        <v>0</v>
      </c>
      <c r="HQ19" s="343">
        <v>0</v>
      </c>
      <c r="HR19" s="341">
        <v>0</v>
      </c>
      <c r="HS19" s="342">
        <v>0</v>
      </c>
      <c r="HT19" s="342">
        <v>0</v>
      </c>
      <c r="HU19" s="342">
        <v>0</v>
      </c>
      <c r="HV19" s="342">
        <v>0</v>
      </c>
      <c r="HW19" s="342">
        <v>0</v>
      </c>
      <c r="HX19" s="346">
        <v>0</v>
      </c>
      <c r="HY19" s="345">
        <v>0</v>
      </c>
      <c r="HZ19" s="350">
        <v>0</v>
      </c>
      <c r="IA19" s="351">
        <v>77980</v>
      </c>
      <c r="IB19" s="352">
        <v>77980</v>
      </c>
      <c r="IC19" s="353">
        <v>0</v>
      </c>
      <c r="ID19" s="351">
        <v>1121902</v>
      </c>
      <c r="IE19" s="354">
        <v>692960</v>
      </c>
      <c r="IF19" s="352">
        <v>869743</v>
      </c>
      <c r="IG19" s="351">
        <v>344292</v>
      </c>
      <c r="IH19" s="352">
        <v>55908</v>
      </c>
      <c r="II19" s="355">
        <v>3084805</v>
      </c>
      <c r="IJ19" s="356">
        <v>3162785</v>
      </c>
      <c r="IK19" s="357">
        <v>0</v>
      </c>
      <c r="IL19" s="358">
        <v>0</v>
      </c>
      <c r="IM19" s="359">
        <v>0</v>
      </c>
      <c r="IN19" s="436">
        <v>0</v>
      </c>
      <c r="IO19" s="360">
        <v>0</v>
      </c>
      <c r="IP19" s="360">
        <v>0</v>
      </c>
      <c r="IQ19" s="360">
        <v>0</v>
      </c>
      <c r="IR19" s="360">
        <v>0</v>
      </c>
      <c r="IS19" s="360">
        <v>0</v>
      </c>
      <c r="IT19" s="361">
        <v>0</v>
      </c>
      <c r="IU19" s="362">
        <v>0</v>
      </c>
      <c r="IV19" s="363">
        <v>0</v>
      </c>
      <c r="IW19" s="360">
        <v>0</v>
      </c>
      <c r="IX19" s="364">
        <v>0</v>
      </c>
      <c r="IY19" s="436">
        <v>0</v>
      </c>
      <c r="IZ19" s="360">
        <v>0</v>
      </c>
      <c r="JA19" s="360">
        <v>0</v>
      </c>
      <c r="JB19" s="360">
        <v>0</v>
      </c>
      <c r="JC19" s="360">
        <v>0</v>
      </c>
      <c r="JD19" s="360">
        <v>0</v>
      </c>
      <c r="JE19" s="364">
        <v>0</v>
      </c>
      <c r="JF19" s="365">
        <v>0</v>
      </c>
      <c r="JG19" s="363">
        <v>0</v>
      </c>
      <c r="JH19" s="360">
        <v>0</v>
      </c>
      <c r="JI19" s="361">
        <v>0</v>
      </c>
      <c r="JJ19" s="366">
        <v>0</v>
      </c>
      <c r="JK19" s="360">
        <v>786498</v>
      </c>
      <c r="JL19" s="360">
        <v>405712</v>
      </c>
      <c r="JM19" s="360">
        <v>263554</v>
      </c>
      <c r="JN19" s="360">
        <v>278650</v>
      </c>
      <c r="JO19" s="360">
        <v>0</v>
      </c>
      <c r="JP19" s="364">
        <v>1734414</v>
      </c>
      <c r="JQ19" s="362">
        <v>1734414</v>
      </c>
      <c r="JR19" s="363">
        <v>0</v>
      </c>
      <c r="JS19" s="360">
        <v>0</v>
      </c>
      <c r="JT19" s="361">
        <v>0</v>
      </c>
      <c r="JU19" s="366">
        <v>0</v>
      </c>
      <c r="JV19" s="360">
        <v>0</v>
      </c>
      <c r="JW19" s="360">
        <v>123084</v>
      </c>
      <c r="JX19" s="360">
        <v>375102</v>
      </c>
      <c r="JY19" s="360">
        <v>0</v>
      </c>
      <c r="JZ19" s="360">
        <v>55908</v>
      </c>
      <c r="KA19" s="364">
        <v>554094</v>
      </c>
      <c r="KB19" s="362">
        <v>554094</v>
      </c>
      <c r="KC19" s="367">
        <v>0</v>
      </c>
      <c r="KD19" s="368">
        <v>77980</v>
      </c>
      <c r="KE19" s="364">
        <v>77980</v>
      </c>
      <c r="KF19" s="366">
        <v>0</v>
      </c>
      <c r="KG19" s="360">
        <v>110641</v>
      </c>
      <c r="KH19" s="360">
        <v>164164</v>
      </c>
      <c r="KI19" s="360">
        <v>0</v>
      </c>
      <c r="KJ19" s="360">
        <v>0</v>
      </c>
      <c r="KK19" s="360">
        <v>0</v>
      </c>
      <c r="KL19" s="364">
        <v>274805</v>
      </c>
      <c r="KM19" s="369">
        <v>352785</v>
      </c>
      <c r="KN19" s="357">
        <v>0</v>
      </c>
      <c r="KO19" s="358">
        <v>0</v>
      </c>
      <c r="KP19" s="359">
        <v>0</v>
      </c>
      <c r="KQ19" s="436">
        <v>0</v>
      </c>
      <c r="KR19" s="360">
        <v>224763</v>
      </c>
      <c r="KS19" s="360">
        <v>0</v>
      </c>
      <c r="KT19" s="360">
        <v>231087</v>
      </c>
      <c r="KU19" s="360">
        <v>65642</v>
      </c>
      <c r="KV19" s="360">
        <v>0</v>
      </c>
      <c r="KW19" s="364">
        <v>521492</v>
      </c>
      <c r="KX19" s="362">
        <v>521492</v>
      </c>
      <c r="KY19" s="363">
        <v>0</v>
      </c>
      <c r="KZ19" s="360">
        <v>0</v>
      </c>
      <c r="LA19" s="364">
        <v>0</v>
      </c>
      <c r="LB19" s="436">
        <v>0</v>
      </c>
      <c r="LC19" s="360">
        <v>0</v>
      </c>
      <c r="LD19" s="360">
        <v>0</v>
      </c>
      <c r="LE19" s="360">
        <v>0</v>
      </c>
      <c r="LF19" s="360">
        <v>0</v>
      </c>
      <c r="LG19" s="360">
        <v>0</v>
      </c>
      <c r="LH19" s="364">
        <v>0</v>
      </c>
      <c r="LI19" s="365">
        <v>0</v>
      </c>
      <c r="LJ19" s="363">
        <v>0</v>
      </c>
      <c r="LK19" s="360">
        <v>0</v>
      </c>
      <c r="LL19" s="364">
        <v>0</v>
      </c>
      <c r="LM19" s="436">
        <v>0</v>
      </c>
      <c r="LN19" s="360">
        <v>0</v>
      </c>
      <c r="LO19" s="360">
        <v>0</v>
      </c>
      <c r="LP19" s="360">
        <v>0</v>
      </c>
      <c r="LQ19" s="360">
        <v>0</v>
      </c>
      <c r="LR19" s="360">
        <v>0</v>
      </c>
      <c r="LS19" s="364">
        <v>0</v>
      </c>
      <c r="LT19" s="362">
        <v>0</v>
      </c>
      <c r="LU19" s="363">
        <v>0</v>
      </c>
      <c r="LV19" s="360">
        <v>0</v>
      </c>
      <c r="LW19" s="364">
        <v>0</v>
      </c>
      <c r="LX19" s="436">
        <v>0</v>
      </c>
      <c r="LY19" s="360">
        <v>0</v>
      </c>
      <c r="LZ19" s="360">
        <v>0</v>
      </c>
      <c r="MA19" s="360">
        <v>0</v>
      </c>
      <c r="MB19" s="360">
        <v>0</v>
      </c>
      <c r="MC19" s="360">
        <v>0</v>
      </c>
      <c r="MD19" s="364">
        <v>0</v>
      </c>
      <c r="ME19" s="365">
        <v>0</v>
      </c>
      <c r="MF19" s="363">
        <v>0</v>
      </c>
      <c r="MG19" s="360">
        <v>0</v>
      </c>
      <c r="MH19" s="364">
        <v>0</v>
      </c>
      <c r="MI19" s="436">
        <v>0</v>
      </c>
      <c r="MJ19" s="360">
        <v>0</v>
      </c>
      <c r="MK19" s="360">
        <v>259224</v>
      </c>
      <c r="ML19" s="360">
        <v>3167275</v>
      </c>
      <c r="MM19" s="360">
        <v>2806009</v>
      </c>
      <c r="MN19" s="360">
        <v>1458562</v>
      </c>
      <c r="MO19" s="364">
        <v>7691070</v>
      </c>
      <c r="MP19" s="369">
        <v>7691070</v>
      </c>
      <c r="MQ19" s="363">
        <v>0</v>
      </c>
      <c r="MR19" s="360">
        <v>0</v>
      </c>
      <c r="MS19" s="364">
        <v>0</v>
      </c>
      <c r="MT19" s="436">
        <v>0</v>
      </c>
      <c r="MU19" s="360">
        <v>0</v>
      </c>
      <c r="MV19" s="360">
        <v>0</v>
      </c>
      <c r="MW19" s="360">
        <v>1576968</v>
      </c>
      <c r="MX19" s="360">
        <v>2509057</v>
      </c>
      <c r="MY19" s="360">
        <v>1458562</v>
      </c>
      <c r="MZ19" s="364">
        <v>5544587</v>
      </c>
      <c r="NA19" s="369">
        <v>5544587</v>
      </c>
      <c r="NB19" s="363">
        <v>0</v>
      </c>
      <c r="NC19" s="360">
        <v>0</v>
      </c>
      <c r="ND19" s="364">
        <v>0</v>
      </c>
      <c r="NE19" s="436">
        <v>0</v>
      </c>
      <c r="NF19" s="360">
        <v>0</v>
      </c>
      <c r="NG19" s="360">
        <v>259224</v>
      </c>
      <c r="NH19" s="360">
        <v>1590307</v>
      </c>
      <c r="NI19" s="360">
        <v>296952</v>
      </c>
      <c r="NJ19" s="360">
        <v>0</v>
      </c>
      <c r="NK19" s="364">
        <v>2146483</v>
      </c>
      <c r="NL19" s="362">
        <v>2146483</v>
      </c>
      <c r="NM19" s="363">
        <v>0</v>
      </c>
      <c r="NN19" s="360">
        <v>0</v>
      </c>
      <c r="NO19" s="364">
        <v>0</v>
      </c>
      <c r="NP19" s="436">
        <v>0</v>
      </c>
      <c r="NQ19" s="360">
        <v>0</v>
      </c>
      <c r="NR19" s="360">
        <v>0</v>
      </c>
      <c r="NS19" s="360">
        <v>0</v>
      </c>
      <c r="NT19" s="360">
        <v>0</v>
      </c>
      <c r="NU19" s="360">
        <v>0</v>
      </c>
      <c r="NV19" s="364">
        <v>0</v>
      </c>
      <c r="NW19" s="365">
        <v>0</v>
      </c>
      <c r="NX19" s="363">
        <v>0</v>
      </c>
      <c r="NY19" s="360">
        <v>0</v>
      </c>
      <c r="NZ19" s="364">
        <v>0</v>
      </c>
      <c r="OA19" s="436">
        <v>0</v>
      </c>
      <c r="OB19" s="360">
        <v>0</v>
      </c>
      <c r="OC19" s="360">
        <v>0</v>
      </c>
      <c r="OD19" s="360">
        <v>0</v>
      </c>
      <c r="OE19" s="360">
        <v>0</v>
      </c>
      <c r="OF19" s="360">
        <v>0</v>
      </c>
      <c r="OG19" s="364">
        <v>0</v>
      </c>
      <c r="OH19" s="365">
        <v>0</v>
      </c>
      <c r="OI19" s="363">
        <v>72251</v>
      </c>
      <c r="OJ19" s="360">
        <v>171999</v>
      </c>
      <c r="OK19" s="361">
        <v>244250</v>
      </c>
      <c r="OL19" s="366">
        <v>0</v>
      </c>
      <c r="OM19" s="360">
        <v>3989917</v>
      </c>
      <c r="ON19" s="360">
        <v>5090039</v>
      </c>
      <c r="OO19" s="360">
        <v>8852391</v>
      </c>
      <c r="OP19" s="360">
        <v>7728567</v>
      </c>
      <c r="OQ19" s="360">
        <v>4696915</v>
      </c>
      <c r="OR19" s="364">
        <v>30357829</v>
      </c>
      <c r="OS19" s="369">
        <v>30602079</v>
      </c>
    </row>
    <row r="20" spans="2:409" s="137" customFormat="1" ht="21" customHeight="1" x14ac:dyDescent="0.2">
      <c r="B20" s="421" t="s">
        <v>15</v>
      </c>
      <c r="C20" s="341">
        <v>136983</v>
      </c>
      <c r="D20" s="342">
        <v>225695</v>
      </c>
      <c r="E20" s="343">
        <v>362678</v>
      </c>
      <c r="F20" s="344">
        <v>0</v>
      </c>
      <c r="G20" s="342">
        <v>1868693</v>
      </c>
      <c r="H20" s="342">
        <v>1290565</v>
      </c>
      <c r="I20" s="342">
        <v>1844500</v>
      </c>
      <c r="J20" s="342">
        <v>2240169</v>
      </c>
      <c r="K20" s="342">
        <v>637505</v>
      </c>
      <c r="L20" s="344">
        <v>7881432</v>
      </c>
      <c r="M20" s="345">
        <v>8244110</v>
      </c>
      <c r="N20" s="341">
        <v>0</v>
      </c>
      <c r="O20" s="342">
        <v>25189</v>
      </c>
      <c r="P20" s="343">
        <v>25189</v>
      </c>
      <c r="Q20" s="341">
        <v>0</v>
      </c>
      <c r="R20" s="342">
        <v>474129</v>
      </c>
      <c r="S20" s="342">
        <v>516611</v>
      </c>
      <c r="T20" s="342">
        <v>509788</v>
      </c>
      <c r="U20" s="342">
        <v>1163238</v>
      </c>
      <c r="V20" s="342">
        <v>284212</v>
      </c>
      <c r="W20" s="343">
        <v>2947978</v>
      </c>
      <c r="X20" s="345">
        <v>2973167</v>
      </c>
      <c r="Y20" s="341">
        <v>0</v>
      </c>
      <c r="Z20" s="342">
        <v>0</v>
      </c>
      <c r="AA20" s="343">
        <v>0</v>
      </c>
      <c r="AB20" s="341">
        <v>0</v>
      </c>
      <c r="AC20" s="342">
        <v>172533</v>
      </c>
      <c r="AD20" s="342">
        <v>205584</v>
      </c>
      <c r="AE20" s="342">
        <v>292918</v>
      </c>
      <c r="AF20" s="342">
        <v>813077</v>
      </c>
      <c r="AG20" s="342">
        <v>265308</v>
      </c>
      <c r="AH20" s="343">
        <v>1749420</v>
      </c>
      <c r="AI20" s="345">
        <v>1749420</v>
      </c>
      <c r="AJ20" s="341">
        <v>0</v>
      </c>
      <c r="AK20" s="342">
        <v>0</v>
      </c>
      <c r="AL20" s="343">
        <v>0</v>
      </c>
      <c r="AM20" s="341">
        <v>0</v>
      </c>
      <c r="AN20" s="342">
        <v>0</v>
      </c>
      <c r="AO20" s="342">
        <v>46763</v>
      </c>
      <c r="AP20" s="342">
        <v>0</v>
      </c>
      <c r="AQ20" s="342">
        <v>93534</v>
      </c>
      <c r="AR20" s="342">
        <v>0</v>
      </c>
      <c r="AS20" s="343">
        <v>140297</v>
      </c>
      <c r="AT20" s="345">
        <v>140297</v>
      </c>
      <c r="AU20" s="341">
        <v>0</v>
      </c>
      <c r="AV20" s="342">
        <v>14277</v>
      </c>
      <c r="AW20" s="343">
        <v>14277</v>
      </c>
      <c r="AX20" s="341">
        <v>0</v>
      </c>
      <c r="AY20" s="342">
        <v>115477</v>
      </c>
      <c r="AZ20" s="342">
        <v>151658</v>
      </c>
      <c r="BA20" s="342">
        <v>112950</v>
      </c>
      <c r="BB20" s="342">
        <v>176387</v>
      </c>
      <c r="BC20" s="342">
        <v>0</v>
      </c>
      <c r="BD20" s="343">
        <v>556472</v>
      </c>
      <c r="BE20" s="345">
        <v>570749</v>
      </c>
      <c r="BF20" s="341">
        <v>0</v>
      </c>
      <c r="BG20" s="342">
        <v>0</v>
      </c>
      <c r="BH20" s="346">
        <v>0</v>
      </c>
      <c r="BI20" s="347">
        <v>0</v>
      </c>
      <c r="BJ20" s="342">
        <v>42983</v>
      </c>
      <c r="BK20" s="342">
        <v>62078</v>
      </c>
      <c r="BL20" s="342">
        <v>0</v>
      </c>
      <c r="BM20" s="342">
        <v>0</v>
      </c>
      <c r="BN20" s="342">
        <v>0</v>
      </c>
      <c r="BO20" s="343">
        <v>105061</v>
      </c>
      <c r="BP20" s="345">
        <v>105061</v>
      </c>
      <c r="BQ20" s="341">
        <v>0</v>
      </c>
      <c r="BR20" s="342">
        <v>10912</v>
      </c>
      <c r="BS20" s="343">
        <v>10912</v>
      </c>
      <c r="BT20" s="341">
        <v>0</v>
      </c>
      <c r="BU20" s="342">
        <v>143136</v>
      </c>
      <c r="BV20" s="342">
        <v>50528</v>
      </c>
      <c r="BW20" s="342">
        <v>103920</v>
      </c>
      <c r="BX20" s="342">
        <v>80240</v>
      </c>
      <c r="BY20" s="342">
        <v>18904</v>
      </c>
      <c r="BZ20" s="343">
        <v>396728</v>
      </c>
      <c r="CA20" s="345">
        <v>407640</v>
      </c>
      <c r="CB20" s="341">
        <v>19225</v>
      </c>
      <c r="CC20" s="342">
        <v>0</v>
      </c>
      <c r="CD20" s="343">
        <v>19225</v>
      </c>
      <c r="CE20" s="341">
        <v>0</v>
      </c>
      <c r="CF20" s="342">
        <v>279290</v>
      </c>
      <c r="CG20" s="342">
        <v>296226</v>
      </c>
      <c r="CH20" s="342">
        <v>371066</v>
      </c>
      <c r="CI20" s="342">
        <v>83515</v>
      </c>
      <c r="CJ20" s="342">
        <v>0</v>
      </c>
      <c r="CK20" s="343">
        <v>1030097</v>
      </c>
      <c r="CL20" s="345">
        <v>1049322</v>
      </c>
      <c r="CM20" s="341">
        <v>0</v>
      </c>
      <c r="CN20" s="342">
        <v>0</v>
      </c>
      <c r="CO20" s="343">
        <v>0</v>
      </c>
      <c r="CP20" s="347">
        <v>0</v>
      </c>
      <c r="CQ20" s="342">
        <v>225814</v>
      </c>
      <c r="CR20" s="342">
        <v>243519</v>
      </c>
      <c r="CS20" s="342">
        <v>218993</v>
      </c>
      <c r="CT20" s="342">
        <v>83515</v>
      </c>
      <c r="CU20" s="342">
        <v>0</v>
      </c>
      <c r="CV20" s="343">
        <v>771841</v>
      </c>
      <c r="CW20" s="345">
        <v>771841</v>
      </c>
      <c r="CX20" s="341">
        <v>19225</v>
      </c>
      <c r="CY20" s="342">
        <v>0</v>
      </c>
      <c r="CZ20" s="343">
        <v>19225</v>
      </c>
      <c r="DA20" s="341">
        <v>0</v>
      </c>
      <c r="DB20" s="342">
        <v>53476</v>
      </c>
      <c r="DC20" s="342">
        <v>52707</v>
      </c>
      <c r="DD20" s="342">
        <v>152073</v>
      </c>
      <c r="DE20" s="342">
        <v>0</v>
      </c>
      <c r="DF20" s="342">
        <v>0</v>
      </c>
      <c r="DG20" s="343">
        <v>258256</v>
      </c>
      <c r="DH20" s="345">
        <v>277481</v>
      </c>
      <c r="DI20" s="341">
        <v>0</v>
      </c>
      <c r="DJ20" s="342">
        <v>0</v>
      </c>
      <c r="DK20" s="346">
        <v>0</v>
      </c>
      <c r="DL20" s="347">
        <v>0</v>
      </c>
      <c r="DM20" s="342">
        <v>55737</v>
      </c>
      <c r="DN20" s="342">
        <v>25758</v>
      </c>
      <c r="DO20" s="342">
        <v>0</v>
      </c>
      <c r="DP20" s="342">
        <v>250903</v>
      </c>
      <c r="DQ20" s="342">
        <v>0</v>
      </c>
      <c r="DR20" s="343">
        <v>332398</v>
      </c>
      <c r="DS20" s="345">
        <v>332398</v>
      </c>
      <c r="DT20" s="341">
        <v>0</v>
      </c>
      <c r="DU20" s="342">
        <v>0</v>
      </c>
      <c r="DV20" s="343">
        <v>0</v>
      </c>
      <c r="DW20" s="341">
        <v>0</v>
      </c>
      <c r="DX20" s="342">
        <v>28601</v>
      </c>
      <c r="DY20" s="342">
        <v>25758</v>
      </c>
      <c r="DZ20" s="342">
        <v>0</v>
      </c>
      <c r="EA20" s="342">
        <v>250903</v>
      </c>
      <c r="EB20" s="342">
        <v>0</v>
      </c>
      <c r="EC20" s="343">
        <v>305262</v>
      </c>
      <c r="ED20" s="345">
        <v>305262</v>
      </c>
      <c r="EE20" s="341">
        <v>0</v>
      </c>
      <c r="EF20" s="346">
        <v>0</v>
      </c>
      <c r="EG20" s="343">
        <v>0</v>
      </c>
      <c r="EH20" s="341">
        <v>0</v>
      </c>
      <c r="EI20" s="342">
        <v>27136</v>
      </c>
      <c r="EJ20" s="342">
        <v>0</v>
      </c>
      <c r="EK20" s="342">
        <v>0</v>
      </c>
      <c r="EL20" s="342">
        <v>0</v>
      </c>
      <c r="EM20" s="342">
        <v>0</v>
      </c>
      <c r="EN20" s="346">
        <v>27136</v>
      </c>
      <c r="EO20" s="345">
        <v>27136</v>
      </c>
      <c r="EP20" s="341">
        <v>0</v>
      </c>
      <c r="EQ20" s="342">
        <v>0</v>
      </c>
      <c r="ER20" s="346">
        <v>0</v>
      </c>
      <c r="ES20" s="347">
        <v>0</v>
      </c>
      <c r="ET20" s="342">
        <v>0</v>
      </c>
      <c r="EU20" s="342">
        <v>0</v>
      </c>
      <c r="EV20" s="342">
        <v>0</v>
      </c>
      <c r="EW20" s="342">
        <v>0</v>
      </c>
      <c r="EX20" s="342">
        <v>0</v>
      </c>
      <c r="EY20" s="343">
        <v>0</v>
      </c>
      <c r="EZ20" s="345">
        <v>0</v>
      </c>
      <c r="FA20" s="341">
        <v>0</v>
      </c>
      <c r="FB20" s="342">
        <v>0</v>
      </c>
      <c r="FC20" s="346">
        <v>0</v>
      </c>
      <c r="FD20" s="347">
        <v>0</v>
      </c>
      <c r="FE20" s="342">
        <v>0</v>
      </c>
      <c r="FF20" s="342">
        <v>0</v>
      </c>
      <c r="FG20" s="342">
        <v>0</v>
      </c>
      <c r="FH20" s="342">
        <v>0</v>
      </c>
      <c r="FI20" s="342">
        <v>0</v>
      </c>
      <c r="FJ20" s="343">
        <v>0</v>
      </c>
      <c r="FK20" s="345">
        <v>0</v>
      </c>
      <c r="FL20" s="341">
        <v>6400</v>
      </c>
      <c r="FM20" s="342">
        <v>19600</v>
      </c>
      <c r="FN20" s="343">
        <v>26000</v>
      </c>
      <c r="FO20" s="341">
        <v>0</v>
      </c>
      <c r="FP20" s="342">
        <v>21216</v>
      </c>
      <c r="FQ20" s="342">
        <v>110696</v>
      </c>
      <c r="FR20" s="342">
        <v>213968</v>
      </c>
      <c r="FS20" s="342">
        <v>101248</v>
      </c>
      <c r="FT20" s="342">
        <v>57120</v>
      </c>
      <c r="FU20" s="343">
        <v>504248</v>
      </c>
      <c r="FV20" s="345">
        <v>530248</v>
      </c>
      <c r="FW20" s="348">
        <v>6400</v>
      </c>
      <c r="FX20" s="342">
        <v>19600</v>
      </c>
      <c r="FY20" s="346">
        <v>26000</v>
      </c>
      <c r="FZ20" s="347">
        <v>0</v>
      </c>
      <c r="GA20" s="342">
        <v>21216</v>
      </c>
      <c r="GB20" s="342">
        <v>110696</v>
      </c>
      <c r="GC20" s="342">
        <v>181584</v>
      </c>
      <c r="GD20" s="342">
        <v>101248</v>
      </c>
      <c r="GE20" s="342">
        <v>57120</v>
      </c>
      <c r="GF20" s="343">
        <v>471864</v>
      </c>
      <c r="GG20" s="349">
        <v>497864</v>
      </c>
      <c r="GH20" s="348">
        <v>0</v>
      </c>
      <c r="GI20" s="342">
        <v>0</v>
      </c>
      <c r="GJ20" s="346">
        <v>0</v>
      </c>
      <c r="GK20" s="347">
        <v>0</v>
      </c>
      <c r="GL20" s="342">
        <v>0</v>
      </c>
      <c r="GM20" s="342">
        <v>0</v>
      </c>
      <c r="GN20" s="342">
        <v>32384</v>
      </c>
      <c r="GO20" s="342">
        <v>0</v>
      </c>
      <c r="GP20" s="342">
        <v>0</v>
      </c>
      <c r="GQ20" s="343">
        <v>32384</v>
      </c>
      <c r="GR20" s="345">
        <v>32384</v>
      </c>
      <c r="GS20" s="341">
        <v>0</v>
      </c>
      <c r="GT20" s="342">
        <v>0</v>
      </c>
      <c r="GU20" s="343">
        <v>0</v>
      </c>
      <c r="GV20" s="341">
        <v>0</v>
      </c>
      <c r="GW20" s="342">
        <v>0</v>
      </c>
      <c r="GX20" s="342">
        <v>0</v>
      </c>
      <c r="GY20" s="342">
        <v>0</v>
      </c>
      <c r="GZ20" s="342">
        <v>0</v>
      </c>
      <c r="HA20" s="342">
        <v>0</v>
      </c>
      <c r="HB20" s="346">
        <v>0</v>
      </c>
      <c r="HC20" s="345">
        <v>0</v>
      </c>
      <c r="HD20" s="341">
        <v>111358</v>
      </c>
      <c r="HE20" s="342">
        <v>180906</v>
      </c>
      <c r="HF20" s="346">
        <v>292264</v>
      </c>
      <c r="HG20" s="347">
        <v>0</v>
      </c>
      <c r="HH20" s="342">
        <v>1038321</v>
      </c>
      <c r="HI20" s="342">
        <v>341274</v>
      </c>
      <c r="HJ20" s="342">
        <v>749678</v>
      </c>
      <c r="HK20" s="342">
        <v>641265</v>
      </c>
      <c r="HL20" s="342">
        <v>296173</v>
      </c>
      <c r="HM20" s="343">
        <v>3066711</v>
      </c>
      <c r="HN20" s="344">
        <v>3358975</v>
      </c>
      <c r="HO20" s="348">
        <v>0</v>
      </c>
      <c r="HP20" s="342">
        <v>0</v>
      </c>
      <c r="HQ20" s="343">
        <v>0</v>
      </c>
      <c r="HR20" s="341">
        <v>0</v>
      </c>
      <c r="HS20" s="342">
        <v>0</v>
      </c>
      <c r="HT20" s="342">
        <v>0</v>
      </c>
      <c r="HU20" s="342">
        <v>0</v>
      </c>
      <c r="HV20" s="342">
        <v>0</v>
      </c>
      <c r="HW20" s="342">
        <v>0</v>
      </c>
      <c r="HX20" s="346">
        <v>0</v>
      </c>
      <c r="HY20" s="345">
        <v>0</v>
      </c>
      <c r="HZ20" s="373">
        <v>0</v>
      </c>
      <c r="IA20" s="371">
        <v>74301</v>
      </c>
      <c r="IB20" s="373">
        <v>74301</v>
      </c>
      <c r="IC20" s="370">
        <v>0</v>
      </c>
      <c r="ID20" s="371">
        <v>853624</v>
      </c>
      <c r="IE20" s="372">
        <v>918226</v>
      </c>
      <c r="IF20" s="373">
        <v>921762</v>
      </c>
      <c r="IG20" s="371">
        <v>412608</v>
      </c>
      <c r="IH20" s="373">
        <v>260935</v>
      </c>
      <c r="II20" s="374">
        <v>3367155</v>
      </c>
      <c r="IJ20" s="373">
        <v>3441456</v>
      </c>
      <c r="IK20" s="357">
        <v>0</v>
      </c>
      <c r="IL20" s="358">
        <v>0</v>
      </c>
      <c r="IM20" s="359">
        <v>0</v>
      </c>
      <c r="IN20" s="436">
        <v>0</v>
      </c>
      <c r="IO20" s="360">
        <v>152331</v>
      </c>
      <c r="IP20" s="360">
        <v>0</v>
      </c>
      <c r="IQ20" s="360">
        <v>0</v>
      </c>
      <c r="IR20" s="360">
        <v>266234</v>
      </c>
      <c r="IS20" s="360">
        <v>0</v>
      </c>
      <c r="IT20" s="361">
        <v>418565</v>
      </c>
      <c r="IU20" s="362">
        <v>418565</v>
      </c>
      <c r="IV20" s="363">
        <v>0</v>
      </c>
      <c r="IW20" s="360">
        <v>0</v>
      </c>
      <c r="IX20" s="364">
        <v>0</v>
      </c>
      <c r="IY20" s="436">
        <v>0</v>
      </c>
      <c r="IZ20" s="360">
        <v>0</v>
      </c>
      <c r="JA20" s="360">
        <v>0</v>
      </c>
      <c r="JB20" s="360">
        <v>0</v>
      </c>
      <c r="JC20" s="360">
        <v>0</v>
      </c>
      <c r="JD20" s="360">
        <v>0</v>
      </c>
      <c r="JE20" s="364">
        <v>0</v>
      </c>
      <c r="JF20" s="365">
        <v>0</v>
      </c>
      <c r="JG20" s="363">
        <v>0</v>
      </c>
      <c r="JH20" s="360">
        <v>0</v>
      </c>
      <c r="JI20" s="361">
        <v>0</v>
      </c>
      <c r="JJ20" s="366">
        <v>0</v>
      </c>
      <c r="JK20" s="360">
        <v>217889</v>
      </c>
      <c r="JL20" s="360">
        <v>285609</v>
      </c>
      <c r="JM20" s="360">
        <v>196705</v>
      </c>
      <c r="JN20" s="360">
        <v>116649</v>
      </c>
      <c r="JO20" s="360">
        <v>0</v>
      </c>
      <c r="JP20" s="364">
        <v>816852</v>
      </c>
      <c r="JQ20" s="362">
        <v>816852</v>
      </c>
      <c r="JR20" s="363">
        <v>0</v>
      </c>
      <c r="JS20" s="360">
        <v>74301</v>
      </c>
      <c r="JT20" s="361">
        <v>74301</v>
      </c>
      <c r="JU20" s="366">
        <v>0</v>
      </c>
      <c r="JV20" s="360">
        <v>32452</v>
      </c>
      <c r="JW20" s="360">
        <v>0</v>
      </c>
      <c r="JX20" s="360">
        <v>0</v>
      </c>
      <c r="JY20" s="360">
        <v>29725</v>
      </c>
      <c r="JZ20" s="360">
        <v>0</v>
      </c>
      <c r="KA20" s="364">
        <v>62177</v>
      </c>
      <c r="KB20" s="362">
        <v>136478</v>
      </c>
      <c r="KC20" s="367">
        <v>0</v>
      </c>
      <c r="KD20" s="368">
        <v>0</v>
      </c>
      <c r="KE20" s="364">
        <v>0</v>
      </c>
      <c r="KF20" s="366">
        <v>0</v>
      </c>
      <c r="KG20" s="360">
        <v>115175</v>
      </c>
      <c r="KH20" s="360">
        <v>0</v>
      </c>
      <c r="KI20" s="360">
        <v>0</v>
      </c>
      <c r="KJ20" s="360">
        <v>0</v>
      </c>
      <c r="KK20" s="360">
        <v>260935</v>
      </c>
      <c r="KL20" s="364">
        <v>376110</v>
      </c>
      <c r="KM20" s="369">
        <v>376110</v>
      </c>
      <c r="KN20" s="357">
        <v>0</v>
      </c>
      <c r="KO20" s="358">
        <v>0</v>
      </c>
      <c r="KP20" s="359">
        <v>0</v>
      </c>
      <c r="KQ20" s="436">
        <v>0</v>
      </c>
      <c r="KR20" s="360">
        <v>335777</v>
      </c>
      <c r="KS20" s="360">
        <v>456760</v>
      </c>
      <c r="KT20" s="360">
        <v>234706</v>
      </c>
      <c r="KU20" s="360">
        <v>0</v>
      </c>
      <c r="KV20" s="360">
        <v>0</v>
      </c>
      <c r="KW20" s="364">
        <v>1027243</v>
      </c>
      <c r="KX20" s="362">
        <v>1027243</v>
      </c>
      <c r="KY20" s="363">
        <v>0</v>
      </c>
      <c r="KZ20" s="360">
        <v>0</v>
      </c>
      <c r="LA20" s="364">
        <v>0</v>
      </c>
      <c r="LB20" s="436">
        <v>0</v>
      </c>
      <c r="LC20" s="360">
        <v>0</v>
      </c>
      <c r="LD20" s="360">
        <v>0</v>
      </c>
      <c r="LE20" s="360">
        <v>0</v>
      </c>
      <c r="LF20" s="360">
        <v>0</v>
      </c>
      <c r="LG20" s="360">
        <v>0</v>
      </c>
      <c r="LH20" s="364">
        <v>0</v>
      </c>
      <c r="LI20" s="365">
        <v>0</v>
      </c>
      <c r="LJ20" s="363">
        <v>0</v>
      </c>
      <c r="LK20" s="360">
        <v>0</v>
      </c>
      <c r="LL20" s="364">
        <v>0</v>
      </c>
      <c r="LM20" s="436">
        <v>0</v>
      </c>
      <c r="LN20" s="360">
        <v>0</v>
      </c>
      <c r="LO20" s="360">
        <v>0</v>
      </c>
      <c r="LP20" s="360">
        <v>0</v>
      </c>
      <c r="LQ20" s="360">
        <v>0</v>
      </c>
      <c r="LR20" s="360">
        <v>0</v>
      </c>
      <c r="LS20" s="364">
        <v>0</v>
      </c>
      <c r="LT20" s="362">
        <v>0</v>
      </c>
      <c r="LU20" s="363">
        <v>0</v>
      </c>
      <c r="LV20" s="360">
        <v>0</v>
      </c>
      <c r="LW20" s="364">
        <v>0</v>
      </c>
      <c r="LX20" s="436">
        <v>0</v>
      </c>
      <c r="LY20" s="360">
        <v>0</v>
      </c>
      <c r="LZ20" s="360">
        <v>175857</v>
      </c>
      <c r="MA20" s="360">
        <v>490351</v>
      </c>
      <c r="MB20" s="360">
        <v>0</v>
      </c>
      <c r="MC20" s="360">
        <v>0</v>
      </c>
      <c r="MD20" s="364">
        <v>666208</v>
      </c>
      <c r="ME20" s="365">
        <v>666208</v>
      </c>
      <c r="MF20" s="363">
        <v>0</v>
      </c>
      <c r="MG20" s="360">
        <v>0</v>
      </c>
      <c r="MH20" s="364">
        <v>0</v>
      </c>
      <c r="MI20" s="436">
        <v>0</v>
      </c>
      <c r="MJ20" s="360">
        <v>224749</v>
      </c>
      <c r="MK20" s="360">
        <v>738188</v>
      </c>
      <c r="ML20" s="360">
        <v>1193130</v>
      </c>
      <c r="MM20" s="360">
        <v>3943738</v>
      </c>
      <c r="MN20" s="360">
        <v>812053</v>
      </c>
      <c r="MO20" s="364">
        <v>6911858</v>
      </c>
      <c r="MP20" s="369">
        <v>6911858</v>
      </c>
      <c r="MQ20" s="363">
        <v>0</v>
      </c>
      <c r="MR20" s="360">
        <v>0</v>
      </c>
      <c r="MS20" s="364">
        <v>0</v>
      </c>
      <c r="MT20" s="436">
        <v>0</v>
      </c>
      <c r="MU20" s="360">
        <v>0</v>
      </c>
      <c r="MV20" s="360">
        <v>0</v>
      </c>
      <c r="MW20" s="360">
        <v>661451</v>
      </c>
      <c r="MX20" s="360">
        <v>2859006</v>
      </c>
      <c r="MY20" s="360">
        <v>533917</v>
      </c>
      <c r="MZ20" s="364">
        <v>4054374</v>
      </c>
      <c r="NA20" s="369">
        <v>4054374</v>
      </c>
      <c r="NB20" s="363">
        <v>0</v>
      </c>
      <c r="NC20" s="360">
        <v>0</v>
      </c>
      <c r="ND20" s="364">
        <v>0</v>
      </c>
      <c r="NE20" s="436">
        <v>0</v>
      </c>
      <c r="NF20" s="360">
        <v>224749</v>
      </c>
      <c r="NG20" s="360">
        <v>738188</v>
      </c>
      <c r="NH20" s="360">
        <v>531679</v>
      </c>
      <c r="NI20" s="360">
        <v>1084732</v>
      </c>
      <c r="NJ20" s="360">
        <v>278136</v>
      </c>
      <c r="NK20" s="364">
        <v>2857484</v>
      </c>
      <c r="NL20" s="362">
        <v>2857484</v>
      </c>
      <c r="NM20" s="363">
        <v>0</v>
      </c>
      <c r="NN20" s="360">
        <v>0</v>
      </c>
      <c r="NO20" s="364">
        <v>0</v>
      </c>
      <c r="NP20" s="436">
        <v>0</v>
      </c>
      <c r="NQ20" s="360">
        <v>0</v>
      </c>
      <c r="NR20" s="360">
        <v>0</v>
      </c>
      <c r="NS20" s="360">
        <v>0</v>
      </c>
      <c r="NT20" s="360">
        <v>0</v>
      </c>
      <c r="NU20" s="360">
        <v>0</v>
      </c>
      <c r="NV20" s="364">
        <v>0</v>
      </c>
      <c r="NW20" s="365">
        <v>0</v>
      </c>
      <c r="NX20" s="363">
        <v>0</v>
      </c>
      <c r="NY20" s="360">
        <v>0</v>
      </c>
      <c r="NZ20" s="364">
        <v>0</v>
      </c>
      <c r="OA20" s="436">
        <v>0</v>
      </c>
      <c r="OB20" s="360">
        <v>0</v>
      </c>
      <c r="OC20" s="360">
        <v>0</v>
      </c>
      <c r="OD20" s="360">
        <v>0</v>
      </c>
      <c r="OE20" s="360">
        <v>0</v>
      </c>
      <c r="OF20" s="360">
        <v>0</v>
      </c>
      <c r="OG20" s="364">
        <v>0</v>
      </c>
      <c r="OH20" s="365">
        <v>0</v>
      </c>
      <c r="OI20" s="363">
        <v>136983</v>
      </c>
      <c r="OJ20" s="360">
        <v>299996</v>
      </c>
      <c r="OK20" s="361">
        <v>436979</v>
      </c>
      <c r="OL20" s="366">
        <v>0</v>
      </c>
      <c r="OM20" s="360">
        <v>2947066</v>
      </c>
      <c r="ON20" s="360">
        <v>2946979</v>
      </c>
      <c r="OO20" s="360">
        <v>3959392</v>
      </c>
      <c r="OP20" s="360">
        <v>6596515</v>
      </c>
      <c r="OQ20" s="360">
        <v>1710493</v>
      </c>
      <c r="OR20" s="364">
        <v>18160445</v>
      </c>
      <c r="OS20" s="369">
        <v>18597424</v>
      </c>
    </row>
    <row r="21" spans="2:409" s="137" customFormat="1" ht="21" customHeight="1" x14ac:dyDescent="0.2">
      <c r="B21" s="421" t="s">
        <v>16</v>
      </c>
      <c r="C21" s="341">
        <v>486136</v>
      </c>
      <c r="D21" s="342">
        <v>716905</v>
      </c>
      <c r="E21" s="343">
        <v>1203041</v>
      </c>
      <c r="F21" s="344">
        <v>0</v>
      </c>
      <c r="G21" s="342">
        <v>3529914</v>
      </c>
      <c r="H21" s="342">
        <v>7161487</v>
      </c>
      <c r="I21" s="342">
        <v>3681052</v>
      </c>
      <c r="J21" s="342">
        <v>3736096</v>
      </c>
      <c r="K21" s="342">
        <v>2562065</v>
      </c>
      <c r="L21" s="344">
        <v>20670614</v>
      </c>
      <c r="M21" s="345">
        <v>21873655</v>
      </c>
      <c r="N21" s="341">
        <v>140561</v>
      </c>
      <c r="O21" s="342">
        <v>165000</v>
      </c>
      <c r="P21" s="343">
        <v>305561</v>
      </c>
      <c r="Q21" s="341">
        <v>0</v>
      </c>
      <c r="R21" s="342">
        <v>887442</v>
      </c>
      <c r="S21" s="342">
        <v>1413961</v>
      </c>
      <c r="T21" s="342">
        <v>682917</v>
      </c>
      <c r="U21" s="342">
        <v>692833</v>
      </c>
      <c r="V21" s="342">
        <v>899213</v>
      </c>
      <c r="W21" s="343">
        <v>4576366</v>
      </c>
      <c r="X21" s="345">
        <v>4881927</v>
      </c>
      <c r="Y21" s="341">
        <v>0</v>
      </c>
      <c r="Z21" s="342">
        <v>0</v>
      </c>
      <c r="AA21" s="343">
        <v>0</v>
      </c>
      <c r="AB21" s="341">
        <v>0</v>
      </c>
      <c r="AC21" s="342">
        <v>255126</v>
      </c>
      <c r="AD21" s="342">
        <v>382556</v>
      </c>
      <c r="AE21" s="342">
        <v>261798</v>
      </c>
      <c r="AF21" s="342">
        <v>53983</v>
      </c>
      <c r="AG21" s="342">
        <v>463805</v>
      </c>
      <c r="AH21" s="343">
        <v>1417268</v>
      </c>
      <c r="AI21" s="345">
        <v>1417268</v>
      </c>
      <c r="AJ21" s="341">
        <v>0</v>
      </c>
      <c r="AK21" s="342">
        <v>0</v>
      </c>
      <c r="AL21" s="343">
        <v>0</v>
      </c>
      <c r="AM21" s="341">
        <v>0</v>
      </c>
      <c r="AN21" s="342">
        <v>0</v>
      </c>
      <c r="AO21" s="342">
        <v>0</v>
      </c>
      <c r="AP21" s="342">
        <v>56926</v>
      </c>
      <c r="AQ21" s="342">
        <v>83913</v>
      </c>
      <c r="AR21" s="342">
        <v>118538</v>
      </c>
      <c r="AS21" s="343">
        <v>259377</v>
      </c>
      <c r="AT21" s="345">
        <v>259377</v>
      </c>
      <c r="AU21" s="341">
        <v>84042</v>
      </c>
      <c r="AV21" s="342">
        <v>135640</v>
      </c>
      <c r="AW21" s="343">
        <v>219682</v>
      </c>
      <c r="AX21" s="341">
        <v>0</v>
      </c>
      <c r="AY21" s="342">
        <v>482646</v>
      </c>
      <c r="AZ21" s="342">
        <v>634954</v>
      </c>
      <c r="BA21" s="342">
        <v>157465</v>
      </c>
      <c r="BB21" s="342">
        <v>347497</v>
      </c>
      <c r="BC21" s="342">
        <v>104406</v>
      </c>
      <c r="BD21" s="343">
        <v>1726968</v>
      </c>
      <c r="BE21" s="345">
        <v>1946650</v>
      </c>
      <c r="BF21" s="341">
        <v>31039</v>
      </c>
      <c r="BG21" s="342">
        <v>0</v>
      </c>
      <c r="BH21" s="346">
        <v>31039</v>
      </c>
      <c r="BI21" s="347">
        <v>0</v>
      </c>
      <c r="BJ21" s="342">
        <v>16982</v>
      </c>
      <c r="BK21" s="342">
        <v>115363</v>
      </c>
      <c r="BL21" s="342">
        <v>0</v>
      </c>
      <c r="BM21" s="342">
        <v>0</v>
      </c>
      <c r="BN21" s="342">
        <v>0</v>
      </c>
      <c r="BO21" s="343">
        <v>132345</v>
      </c>
      <c r="BP21" s="345">
        <v>163384</v>
      </c>
      <c r="BQ21" s="341">
        <v>25480</v>
      </c>
      <c r="BR21" s="342">
        <v>29360</v>
      </c>
      <c r="BS21" s="343">
        <v>54840</v>
      </c>
      <c r="BT21" s="341">
        <v>0</v>
      </c>
      <c r="BU21" s="342">
        <v>132688</v>
      </c>
      <c r="BV21" s="342">
        <v>281088</v>
      </c>
      <c r="BW21" s="342">
        <v>206728</v>
      </c>
      <c r="BX21" s="342">
        <v>207440</v>
      </c>
      <c r="BY21" s="342">
        <v>212464</v>
      </c>
      <c r="BZ21" s="343">
        <v>1040408</v>
      </c>
      <c r="CA21" s="345">
        <v>1095248</v>
      </c>
      <c r="CB21" s="341">
        <v>21089</v>
      </c>
      <c r="CC21" s="342">
        <v>313338</v>
      </c>
      <c r="CD21" s="343">
        <v>334427</v>
      </c>
      <c r="CE21" s="341">
        <v>0</v>
      </c>
      <c r="CF21" s="342">
        <v>1308532</v>
      </c>
      <c r="CG21" s="342">
        <v>3115046</v>
      </c>
      <c r="CH21" s="342">
        <v>1236331</v>
      </c>
      <c r="CI21" s="342">
        <v>470119</v>
      </c>
      <c r="CJ21" s="342">
        <v>67731</v>
      </c>
      <c r="CK21" s="343">
        <v>6197759</v>
      </c>
      <c r="CL21" s="345">
        <v>6532186</v>
      </c>
      <c r="CM21" s="341">
        <v>0</v>
      </c>
      <c r="CN21" s="342">
        <v>0</v>
      </c>
      <c r="CO21" s="343">
        <v>0</v>
      </c>
      <c r="CP21" s="347">
        <v>0</v>
      </c>
      <c r="CQ21" s="342">
        <v>842509</v>
      </c>
      <c r="CR21" s="342">
        <v>1559793</v>
      </c>
      <c r="CS21" s="342">
        <v>597759</v>
      </c>
      <c r="CT21" s="342">
        <v>391636</v>
      </c>
      <c r="CU21" s="342">
        <v>0</v>
      </c>
      <c r="CV21" s="343">
        <v>3391697</v>
      </c>
      <c r="CW21" s="345">
        <v>3391697</v>
      </c>
      <c r="CX21" s="341">
        <v>21089</v>
      </c>
      <c r="CY21" s="342">
        <v>313338</v>
      </c>
      <c r="CZ21" s="343">
        <v>334427</v>
      </c>
      <c r="DA21" s="341">
        <v>0</v>
      </c>
      <c r="DB21" s="342">
        <v>466023</v>
      </c>
      <c r="DC21" s="342">
        <v>1555253</v>
      </c>
      <c r="DD21" s="342">
        <v>638572</v>
      </c>
      <c r="DE21" s="342">
        <v>78483</v>
      </c>
      <c r="DF21" s="342">
        <v>67731</v>
      </c>
      <c r="DG21" s="343">
        <v>2806062</v>
      </c>
      <c r="DH21" s="345">
        <v>3140489</v>
      </c>
      <c r="DI21" s="341">
        <v>0</v>
      </c>
      <c r="DJ21" s="342">
        <v>98647</v>
      </c>
      <c r="DK21" s="346">
        <v>98647</v>
      </c>
      <c r="DL21" s="347">
        <v>0</v>
      </c>
      <c r="DM21" s="342">
        <v>40848</v>
      </c>
      <c r="DN21" s="342">
        <v>88385</v>
      </c>
      <c r="DO21" s="342">
        <v>191006</v>
      </c>
      <c r="DP21" s="342">
        <v>179723</v>
      </c>
      <c r="DQ21" s="342">
        <v>66574</v>
      </c>
      <c r="DR21" s="343">
        <v>566536</v>
      </c>
      <c r="DS21" s="345">
        <v>665183</v>
      </c>
      <c r="DT21" s="341">
        <v>0</v>
      </c>
      <c r="DU21" s="342">
        <v>98647</v>
      </c>
      <c r="DV21" s="343">
        <v>98647</v>
      </c>
      <c r="DW21" s="341">
        <v>0</v>
      </c>
      <c r="DX21" s="342">
        <v>40848</v>
      </c>
      <c r="DY21" s="342">
        <v>72137</v>
      </c>
      <c r="DZ21" s="342">
        <v>98844</v>
      </c>
      <c r="EA21" s="342">
        <v>179723</v>
      </c>
      <c r="EB21" s="342">
        <v>66574</v>
      </c>
      <c r="EC21" s="343">
        <v>458126</v>
      </c>
      <c r="ED21" s="345">
        <v>556773</v>
      </c>
      <c r="EE21" s="341">
        <v>0</v>
      </c>
      <c r="EF21" s="346">
        <v>0</v>
      </c>
      <c r="EG21" s="343">
        <v>0</v>
      </c>
      <c r="EH21" s="341">
        <v>0</v>
      </c>
      <c r="EI21" s="342">
        <v>0</v>
      </c>
      <c r="EJ21" s="342">
        <v>16248</v>
      </c>
      <c r="EK21" s="342">
        <v>92162</v>
      </c>
      <c r="EL21" s="342">
        <v>0</v>
      </c>
      <c r="EM21" s="342">
        <v>0</v>
      </c>
      <c r="EN21" s="346">
        <v>108410</v>
      </c>
      <c r="EO21" s="345">
        <v>108410</v>
      </c>
      <c r="EP21" s="341">
        <v>0</v>
      </c>
      <c r="EQ21" s="342">
        <v>0</v>
      </c>
      <c r="ER21" s="346">
        <v>0</v>
      </c>
      <c r="ES21" s="347">
        <v>0</v>
      </c>
      <c r="ET21" s="342">
        <v>0</v>
      </c>
      <c r="EU21" s="342">
        <v>0</v>
      </c>
      <c r="EV21" s="342">
        <v>0</v>
      </c>
      <c r="EW21" s="342">
        <v>0</v>
      </c>
      <c r="EX21" s="342">
        <v>0</v>
      </c>
      <c r="EY21" s="343">
        <v>0</v>
      </c>
      <c r="EZ21" s="345">
        <v>0</v>
      </c>
      <c r="FA21" s="341">
        <v>0</v>
      </c>
      <c r="FB21" s="342">
        <v>0</v>
      </c>
      <c r="FC21" s="346">
        <v>0</v>
      </c>
      <c r="FD21" s="347">
        <v>0</v>
      </c>
      <c r="FE21" s="342">
        <v>0</v>
      </c>
      <c r="FF21" s="342">
        <v>0</v>
      </c>
      <c r="FG21" s="342">
        <v>0</v>
      </c>
      <c r="FH21" s="342">
        <v>0</v>
      </c>
      <c r="FI21" s="342">
        <v>0</v>
      </c>
      <c r="FJ21" s="343">
        <v>0</v>
      </c>
      <c r="FK21" s="345">
        <v>0</v>
      </c>
      <c r="FL21" s="341">
        <v>167472</v>
      </c>
      <c r="FM21" s="342">
        <v>139920</v>
      </c>
      <c r="FN21" s="343">
        <v>307392</v>
      </c>
      <c r="FO21" s="341">
        <v>0</v>
      </c>
      <c r="FP21" s="342">
        <v>238040</v>
      </c>
      <c r="FQ21" s="342">
        <v>607864</v>
      </c>
      <c r="FR21" s="342">
        <v>386488</v>
      </c>
      <c r="FS21" s="342">
        <v>262848</v>
      </c>
      <c r="FT21" s="342">
        <v>96984</v>
      </c>
      <c r="FU21" s="343">
        <v>1592224</v>
      </c>
      <c r="FV21" s="345">
        <v>1899616</v>
      </c>
      <c r="FW21" s="348">
        <v>34912</v>
      </c>
      <c r="FX21" s="342">
        <v>95920</v>
      </c>
      <c r="FY21" s="346">
        <v>130832</v>
      </c>
      <c r="FZ21" s="347">
        <v>0</v>
      </c>
      <c r="GA21" s="342">
        <v>107280</v>
      </c>
      <c r="GB21" s="342">
        <v>557968</v>
      </c>
      <c r="GC21" s="342">
        <v>347288</v>
      </c>
      <c r="GD21" s="342">
        <v>262848</v>
      </c>
      <c r="GE21" s="342">
        <v>96984</v>
      </c>
      <c r="GF21" s="343">
        <v>1372368</v>
      </c>
      <c r="GG21" s="349">
        <v>1503200</v>
      </c>
      <c r="GH21" s="348">
        <v>0</v>
      </c>
      <c r="GI21" s="342">
        <v>44000</v>
      </c>
      <c r="GJ21" s="346">
        <v>44000</v>
      </c>
      <c r="GK21" s="347">
        <v>0</v>
      </c>
      <c r="GL21" s="342">
        <v>25960</v>
      </c>
      <c r="GM21" s="342">
        <v>0</v>
      </c>
      <c r="GN21" s="342">
        <v>0</v>
      </c>
      <c r="GO21" s="342">
        <v>0</v>
      </c>
      <c r="GP21" s="342">
        <v>0</v>
      </c>
      <c r="GQ21" s="343">
        <v>25960</v>
      </c>
      <c r="GR21" s="345">
        <v>69960</v>
      </c>
      <c r="GS21" s="341">
        <v>132560</v>
      </c>
      <c r="GT21" s="342">
        <v>0</v>
      </c>
      <c r="GU21" s="343">
        <v>132560</v>
      </c>
      <c r="GV21" s="341">
        <v>0</v>
      </c>
      <c r="GW21" s="342">
        <v>104800</v>
      </c>
      <c r="GX21" s="342">
        <v>49896</v>
      </c>
      <c r="GY21" s="342">
        <v>39200</v>
      </c>
      <c r="GZ21" s="342">
        <v>0</v>
      </c>
      <c r="HA21" s="342">
        <v>0</v>
      </c>
      <c r="HB21" s="346">
        <v>193896</v>
      </c>
      <c r="HC21" s="345">
        <v>326456</v>
      </c>
      <c r="HD21" s="341">
        <v>157014</v>
      </c>
      <c r="HE21" s="342">
        <v>0</v>
      </c>
      <c r="HF21" s="346">
        <v>157014</v>
      </c>
      <c r="HG21" s="347">
        <v>0</v>
      </c>
      <c r="HH21" s="342">
        <v>1055052</v>
      </c>
      <c r="HI21" s="342">
        <v>1936231</v>
      </c>
      <c r="HJ21" s="342">
        <v>1184310</v>
      </c>
      <c r="HK21" s="342">
        <v>2130573</v>
      </c>
      <c r="HL21" s="342">
        <v>1431563</v>
      </c>
      <c r="HM21" s="343">
        <v>7737729</v>
      </c>
      <c r="HN21" s="344">
        <v>7894743</v>
      </c>
      <c r="HO21" s="348">
        <v>0</v>
      </c>
      <c r="HP21" s="342">
        <v>0</v>
      </c>
      <c r="HQ21" s="343">
        <v>0</v>
      </c>
      <c r="HR21" s="341">
        <v>0</v>
      </c>
      <c r="HS21" s="342">
        <v>0</v>
      </c>
      <c r="HT21" s="342">
        <v>0</v>
      </c>
      <c r="HU21" s="342">
        <v>0</v>
      </c>
      <c r="HV21" s="342">
        <v>0</v>
      </c>
      <c r="HW21" s="342">
        <v>0</v>
      </c>
      <c r="HX21" s="346">
        <v>0</v>
      </c>
      <c r="HY21" s="345">
        <v>0</v>
      </c>
      <c r="HZ21" s="350">
        <v>0</v>
      </c>
      <c r="IA21" s="351">
        <v>0</v>
      </c>
      <c r="IB21" s="352">
        <v>0</v>
      </c>
      <c r="IC21" s="353">
        <v>0</v>
      </c>
      <c r="ID21" s="351">
        <v>343946</v>
      </c>
      <c r="IE21" s="354">
        <v>1545403</v>
      </c>
      <c r="IF21" s="352">
        <v>1266710</v>
      </c>
      <c r="IG21" s="351">
        <v>847698</v>
      </c>
      <c r="IH21" s="352">
        <v>766985</v>
      </c>
      <c r="II21" s="355">
        <v>4770742</v>
      </c>
      <c r="IJ21" s="356">
        <v>4770742</v>
      </c>
      <c r="IK21" s="357">
        <v>0</v>
      </c>
      <c r="IL21" s="358">
        <v>0</v>
      </c>
      <c r="IM21" s="359">
        <v>0</v>
      </c>
      <c r="IN21" s="436">
        <v>0</v>
      </c>
      <c r="IO21" s="360">
        <v>0</v>
      </c>
      <c r="IP21" s="360">
        <v>0</v>
      </c>
      <c r="IQ21" s="360">
        <v>157480</v>
      </c>
      <c r="IR21" s="360">
        <v>227714</v>
      </c>
      <c r="IS21" s="360">
        <v>0</v>
      </c>
      <c r="IT21" s="361">
        <v>385194</v>
      </c>
      <c r="IU21" s="362">
        <v>385194</v>
      </c>
      <c r="IV21" s="363">
        <v>0</v>
      </c>
      <c r="IW21" s="360">
        <v>0</v>
      </c>
      <c r="IX21" s="364">
        <v>0</v>
      </c>
      <c r="IY21" s="436">
        <v>0</v>
      </c>
      <c r="IZ21" s="360">
        <v>0</v>
      </c>
      <c r="JA21" s="360">
        <v>0</v>
      </c>
      <c r="JB21" s="360">
        <v>0</v>
      </c>
      <c r="JC21" s="360">
        <v>0</v>
      </c>
      <c r="JD21" s="360">
        <v>0</v>
      </c>
      <c r="JE21" s="364">
        <v>0</v>
      </c>
      <c r="JF21" s="365">
        <v>0</v>
      </c>
      <c r="JG21" s="363">
        <v>0</v>
      </c>
      <c r="JH21" s="360">
        <v>0</v>
      </c>
      <c r="JI21" s="361">
        <v>0</v>
      </c>
      <c r="JJ21" s="366">
        <v>0</v>
      </c>
      <c r="JK21" s="360">
        <v>249282</v>
      </c>
      <c r="JL21" s="360">
        <v>520253</v>
      </c>
      <c r="JM21" s="360">
        <v>333302</v>
      </c>
      <c r="JN21" s="360">
        <v>129992</v>
      </c>
      <c r="JO21" s="360">
        <v>31450</v>
      </c>
      <c r="JP21" s="364">
        <v>1264279</v>
      </c>
      <c r="JQ21" s="362">
        <v>1264279</v>
      </c>
      <c r="JR21" s="363">
        <v>0</v>
      </c>
      <c r="JS21" s="360">
        <v>0</v>
      </c>
      <c r="JT21" s="361">
        <v>0</v>
      </c>
      <c r="JU21" s="366">
        <v>0</v>
      </c>
      <c r="JV21" s="360">
        <v>94664</v>
      </c>
      <c r="JW21" s="360">
        <v>162701</v>
      </c>
      <c r="JX21" s="360">
        <v>48542</v>
      </c>
      <c r="JY21" s="360">
        <v>0</v>
      </c>
      <c r="JZ21" s="360">
        <v>0</v>
      </c>
      <c r="KA21" s="364">
        <v>305907</v>
      </c>
      <c r="KB21" s="362">
        <v>305907</v>
      </c>
      <c r="KC21" s="367">
        <v>0</v>
      </c>
      <c r="KD21" s="368">
        <v>0</v>
      </c>
      <c r="KE21" s="364">
        <v>0</v>
      </c>
      <c r="KF21" s="366">
        <v>0</v>
      </c>
      <c r="KG21" s="360">
        <v>0</v>
      </c>
      <c r="KH21" s="360">
        <v>0</v>
      </c>
      <c r="KI21" s="360">
        <v>491029</v>
      </c>
      <c r="KJ21" s="360">
        <v>251745</v>
      </c>
      <c r="KK21" s="360">
        <v>0</v>
      </c>
      <c r="KL21" s="364">
        <v>742774</v>
      </c>
      <c r="KM21" s="369">
        <v>742774</v>
      </c>
      <c r="KN21" s="357">
        <v>0</v>
      </c>
      <c r="KO21" s="358">
        <v>0</v>
      </c>
      <c r="KP21" s="359">
        <v>0</v>
      </c>
      <c r="KQ21" s="436">
        <v>0</v>
      </c>
      <c r="KR21" s="360">
        <v>0</v>
      </c>
      <c r="KS21" s="360">
        <v>693691</v>
      </c>
      <c r="KT21" s="360">
        <v>236357</v>
      </c>
      <c r="KU21" s="360">
        <v>238247</v>
      </c>
      <c r="KV21" s="360">
        <v>735535</v>
      </c>
      <c r="KW21" s="364">
        <v>1903830</v>
      </c>
      <c r="KX21" s="362">
        <v>1903830</v>
      </c>
      <c r="KY21" s="363">
        <v>0</v>
      </c>
      <c r="KZ21" s="360">
        <v>0</v>
      </c>
      <c r="LA21" s="364">
        <v>0</v>
      </c>
      <c r="LB21" s="436">
        <v>0</v>
      </c>
      <c r="LC21" s="360">
        <v>0</v>
      </c>
      <c r="LD21" s="360">
        <v>0</v>
      </c>
      <c r="LE21" s="360">
        <v>0</v>
      </c>
      <c r="LF21" s="360">
        <v>0</v>
      </c>
      <c r="LG21" s="360">
        <v>0</v>
      </c>
      <c r="LH21" s="364">
        <v>0</v>
      </c>
      <c r="LI21" s="365">
        <v>0</v>
      </c>
      <c r="LJ21" s="363">
        <v>0</v>
      </c>
      <c r="LK21" s="360">
        <v>0</v>
      </c>
      <c r="LL21" s="364">
        <v>0</v>
      </c>
      <c r="LM21" s="436">
        <v>0</v>
      </c>
      <c r="LN21" s="360">
        <v>0</v>
      </c>
      <c r="LO21" s="360">
        <v>0</v>
      </c>
      <c r="LP21" s="360">
        <v>0</v>
      </c>
      <c r="LQ21" s="360">
        <v>0</v>
      </c>
      <c r="LR21" s="360">
        <v>0</v>
      </c>
      <c r="LS21" s="364">
        <v>0</v>
      </c>
      <c r="LT21" s="362">
        <v>0</v>
      </c>
      <c r="LU21" s="363">
        <v>0</v>
      </c>
      <c r="LV21" s="360">
        <v>0</v>
      </c>
      <c r="LW21" s="364">
        <v>0</v>
      </c>
      <c r="LX21" s="436">
        <v>0</v>
      </c>
      <c r="LY21" s="360">
        <v>0</v>
      </c>
      <c r="LZ21" s="360">
        <v>168758</v>
      </c>
      <c r="MA21" s="360">
        <v>0</v>
      </c>
      <c r="MB21" s="360">
        <v>0</v>
      </c>
      <c r="MC21" s="360">
        <v>0</v>
      </c>
      <c r="MD21" s="364">
        <v>168758</v>
      </c>
      <c r="ME21" s="365">
        <v>168758</v>
      </c>
      <c r="MF21" s="363">
        <v>0</v>
      </c>
      <c r="MG21" s="360">
        <v>0</v>
      </c>
      <c r="MH21" s="364">
        <v>0</v>
      </c>
      <c r="MI21" s="436">
        <v>0</v>
      </c>
      <c r="MJ21" s="360">
        <v>532326</v>
      </c>
      <c r="MK21" s="360">
        <v>1284553</v>
      </c>
      <c r="ML21" s="360">
        <v>2002098</v>
      </c>
      <c r="MM21" s="360">
        <v>4409601</v>
      </c>
      <c r="MN21" s="360">
        <v>1669443</v>
      </c>
      <c r="MO21" s="364">
        <v>9898021</v>
      </c>
      <c r="MP21" s="369">
        <v>9898021</v>
      </c>
      <c r="MQ21" s="363">
        <v>0</v>
      </c>
      <c r="MR21" s="360">
        <v>0</v>
      </c>
      <c r="MS21" s="364">
        <v>0</v>
      </c>
      <c r="MT21" s="436">
        <v>0</v>
      </c>
      <c r="MU21" s="360">
        <v>0</v>
      </c>
      <c r="MV21" s="360">
        <v>198375</v>
      </c>
      <c r="MW21" s="360">
        <v>1220645</v>
      </c>
      <c r="MX21" s="360">
        <v>2192791</v>
      </c>
      <c r="MY21" s="360">
        <v>1292745</v>
      </c>
      <c r="MZ21" s="364">
        <v>4904556</v>
      </c>
      <c r="NA21" s="369">
        <v>4904556</v>
      </c>
      <c r="NB21" s="363">
        <v>0</v>
      </c>
      <c r="NC21" s="360">
        <v>0</v>
      </c>
      <c r="ND21" s="364">
        <v>0</v>
      </c>
      <c r="NE21" s="436">
        <v>0</v>
      </c>
      <c r="NF21" s="360">
        <v>532326</v>
      </c>
      <c r="NG21" s="360">
        <v>1086178</v>
      </c>
      <c r="NH21" s="360">
        <v>781453</v>
      </c>
      <c r="NI21" s="360">
        <v>2216810</v>
      </c>
      <c r="NJ21" s="360">
        <v>0</v>
      </c>
      <c r="NK21" s="364">
        <v>4616767</v>
      </c>
      <c r="NL21" s="362">
        <v>4616767</v>
      </c>
      <c r="NM21" s="363">
        <v>0</v>
      </c>
      <c r="NN21" s="360">
        <v>0</v>
      </c>
      <c r="NO21" s="364">
        <v>0</v>
      </c>
      <c r="NP21" s="436">
        <v>0</v>
      </c>
      <c r="NQ21" s="360">
        <v>0</v>
      </c>
      <c r="NR21" s="360">
        <v>0</v>
      </c>
      <c r="NS21" s="360">
        <v>0</v>
      </c>
      <c r="NT21" s="360">
        <v>0</v>
      </c>
      <c r="NU21" s="360">
        <v>0</v>
      </c>
      <c r="NV21" s="364">
        <v>0</v>
      </c>
      <c r="NW21" s="365">
        <v>0</v>
      </c>
      <c r="NX21" s="363">
        <v>0</v>
      </c>
      <c r="NY21" s="360">
        <v>0</v>
      </c>
      <c r="NZ21" s="364">
        <v>0</v>
      </c>
      <c r="OA21" s="436">
        <v>0</v>
      </c>
      <c r="OB21" s="360">
        <v>0</v>
      </c>
      <c r="OC21" s="360">
        <v>0</v>
      </c>
      <c r="OD21" s="360">
        <v>0</v>
      </c>
      <c r="OE21" s="360">
        <v>0</v>
      </c>
      <c r="OF21" s="360">
        <v>376698</v>
      </c>
      <c r="OG21" s="364">
        <v>376698</v>
      </c>
      <c r="OH21" s="365">
        <v>376698</v>
      </c>
      <c r="OI21" s="363">
        <v>486136</v>
      </c>
      <c r="OJ21" s="360">
        <v>716905</v>
      </c>
      <c r="OK21" s="361">
        <v>1203041</v>
      </c>
      <c r="OL21" s="366">
        <v>0</v>
      </c>
      <c r="OM21" s="360">
        <v>4406186</v>
      </c>
      <c r="ON21" s="360">
        <v>9991443</v>
      </c>
      <c r="OO21" s="360">
        <v>6949860</v>
      </c>
      <c r="OP21" s="360">
        <v>8993395</v>
      </c>
      <c r="OQ21" s="360">
        <v>4998493</v>
      </c>
      <c r="OR21" s="364">
        <v>35339377</v>
      </c>
      <c r="OS21" s="369">
        <v>36542418</v>
      </c>
    </row>
    <row r="22" spans="2:409" s="137" customFormat="1" ht="21" customHeight="1" x14ac:dyDescent="0.2">
      <c r="B22" s="421" t="s">
        <v>17</v>
      </c>
      <c r="C22" s="341">
        <v>619392</v>
      </c>
      <c r="D22" s="342">
        <v>434557</v>
      </c>
      <c r="E22" s="343">
        <v>1053949</v>
      </c>
      <c r="F22" s="344">
        <v>0</v>
      </c>
      <c r="G22" s="342">
        <v>4136252</v>
      </c>
      <c r="H22" s="342">
        <v>7056315</v>
      </c>
      <c r="I22" s="342">
        <v>5822835</v>
      </c>
      <c r="J22" s="342">
        <v>2916375</v>
      </c>
      <c r="K22" s="342">
        <v>3342736</v>
      </c>
      <c r="L22" s="344">
        <v>23274513</v>
      </c>
      <c r="M22" s="345">
        <v>24328462</v>
      </c>
      <c r="N22" s="341">
        <v>105304</v>
      </c>
      <c r="O22" s="342">
        <v>93257</v>
      </c>
      <c r="P22" s="343">
        <v>198561</v>
      </c>
      <c r="Q22" s="341">
        <v>0</v>
      </c>
      <c r="R22" s="342">
        <v>1100891</v>
      </c>
      <c r="S22" s="342">
        <v>1436813</v>
      </c>
      <c r="T22" s="342">
        <v>1906941</v>
      </c>
      <c r="U22" s="342">
        <v>415803</v>
      </c>
      <c r="V22" s="342">
        <v>1720148</v>
      </c>
      <c r="W22" s="343">
        <v>6580596</v>
      </c>
      <c r="X22" s="345">
        <v>6779157</v>
      </c>
      <c r="Y22" s="341">
        <v>0</v>
      </c>
      <c r="Z22" s="342">
        <v>0</v>
      </c>
      <c r="AA22" s="343">
        <v>0</v>
      </c>
      <c r="AB22" s="341">
        <v>0</v>
      </c>
      <c r="AC22" s="342">
        <v>436603</v>
      </c>
      <c r="AD22" s="342">
        <v>535481</v>
      </c>
      <c r="AE22" s="342">
        <v>883409</v>
      </c>
      <c r="AF22" s="342">
        <v>83458</v>
      </c>
      <c r="AG22" s="342">
        <v>1347191</v>
      </c>
      <c r="AH22" s="343">
        <v>3286142</v>
      </c>
      <c r="AI22" s="345">
        <v>3286142</v>
      </c>
      <c r="AJ22" s="341">
        <v>0</v>
      </c>
      <c r="AK22" s="342">
        <v>0</v>
      </c>
      <c r="AL22" s="343">
        <v>0</v>
      </c>
      <c r="AM22" s="341">
        <v>0</v>
      </c>
      <c r="AN22" s="342">
        <v>0</v>
      </c>
      <c r="AO22" s="342">
        <v>62801</v>
      </c>
      <c r="AP22" s="342">
        <v>47374</v>
      </c>
      <c r="AQ22" s="342">
        <v>46716</v>
      </c>
      <c r="AR22" s="342">
        <v>131967</v>
      </c>
      <c r="AS22" s="343">
        <v>288858</v>
      </c>
      <c r="AT22" s="345">
        <v>288858</v>
      </c>
      <c r="AU22" s="341">
        <v>0</v>
      </c>
      <c r="AV22" s="342">
        <v>66339</v>
      </c>
      <c r="AW22" s="343">
        <v>66339</v>
      </c>
      <c r="AX22" s="341">
        <v>0</v>
      </c>
      <c r="AY22" s="342">
        <v>440487</v>
      </c>
      <c r="AZ22" s="342">
        <v>487893</v>
      </c>
      <c r="BA22" s="342">
        <v>592415</v>
      </c>
      <c r="BB22" s="342">
        <v>127389</v>
      </c>
      <c r="BC22" s="342">
        <v>145918</v>
      </c>
      <c r="BD22" s="343">
        <v>1794102</v>
      </c>
      <c r="BE22" s="345">
        <v>1860441</v>
      </c>
      <c r="BF22" s="341">
        <v>0</v>
      </c>
      <c r="BG22" s="342">
        <v>7726</v>
      </c>
      <c r="BH22" s="346">
        <v>7726</v>
      </c>
      <c r="BI22" s="347">
        <v>0</v>
      </c>
      <c r="BJ22" s="342">
        <v>19545</v>
      </c>
      <c r="BK22" s="342">
        <v>35254</v>
      </c>
      <c r="BL22" s="342">
        <v>116671</v>
      </c>
      <c r="BM22" s="342">
        <v>0</v>
      </c>
      <c r="BN22" s="342">
        <v>0</v>
      </c>
      <c r="BO22" s="343">
        <v>171470</v>
      </c>
      <c r="BP22" s="345">
        <v>179196</v>
      </c>
      <c r="BQ22" s="341">
        <v>105304</v>
      </c>
      <c r="BR22" s="342">
        <v>19192</v>
      </c>
      <c r="BS22" s="343">
        <v>124496</v>
      </c>
      <c r="BT22" s="341">
        <v>0</v>
      </c>
      <c r="BU22" s="342">
        <v>204256</v>
      </c>
      <c r="BV22" s="342">
        <v>315384</v>
      </c>
      <c r="BW22" s="342">
        <v>267072</v>
      </c>
      <c r="BX22" s="342">
        <v>158240</v>
      </c>
      <c r="BY22" s="342">
        <v>95072</v>
      </c>
      <c r="BZ22" s="343">
        <v>1040024</v>
      </c>
      <c r="CA22" s="345">
        <v>1164520</v>
      </c>
      <c r="CB22" s="341">
        <v>88739</v>
      </c>
      <c r="CC22" s="342">
        <v>118383</v>
      </c>
      <c r="CD22" s="343">
        <v>207122</v>
      </c>
      <c r="CE22" s="341">
        <v>0</v>
      </c>
      <c r="CF22" s="342">
        <v>1040569</v>
      </c>
      <c r="CG22" s="342">
        <v>2549490</v>
      </c>
      <c r="CH22" s="342">
        <v>1382196</v>
      </c>
      <c r="CI22" s="342">
        <v>303435</v>
      </c>
      <c r="CJ22" s="342">
        <v>819930</v>
      </c>
      <c r="CK22" s="343">
        <v>6095620</v>
      </c>
      <c r="CL22" s="345">
        <v>6302742</v>
      </c>
      <c r="CM22" s="341">
        <v>0</v>
      </c>
      <c r="CN22" s="342">
        <v>0</v>
      </c>
      <c r="CO22" s="343">
        <v>0</v>
      </c>
      <c r="CP22" s="347">
        <v>0</v>
      </c>
      <c r="CQ22" s="342">
        <v>900951</v>
      </c>
      <c r="CR22" s="342">
        <v>1850041</v>
      </c>
      <c r="CS22" s="342">
        <v>1105474</v>
      </c>
      <c r="CT22" s="342">
        <v>241693</v>
      </c>
      <c r="CU22" s="342">
        <v>710909</v>
      </c>
      <c r="CV22" s="343">
        <v>4809068</v>
      </c>
      <c r="CW22" s="345">
        <v>4809068</v>
      </c>
      <c r="CX22" s="341">
        <v>88739</v>
      </c>
      <c r="CY22" s="342">
        <v>118383</v>
      </c>
      <c r="CZ22" s="343">
        <v>207122</v>
      </c>
      <c r="DA22" s="341">
        <v>0</v>
      </c>
      <c r="DB22" s="342">
        <v>139618</v>
      </c>
      <c r="DC22" s="342">
        <v>699449</v>
      </c>
      <c r="DD22" s="342">
        <v>276722</v>
      </c>
      <c r="DE22" s="342">
        <v>61742</v>
      </c>
      <c r="DF22" s="342">
        <v>109021</v>
      </c>
      <c r="DG22" s="343">
        <v>1286552</v>
      </c>
      <c r="DH22" s="345">
        <v>1493674</v>
      </c>
      <c r="DI22" s="341">
        <v>0</v>
      </c>
      <c r="DJ22" s="342">
        <v>0</v>
      </c>
      <c r="DK22" s="346">
        <v>0</v>
      </c>
      <c r="DL22" s="347">
        <v>0</v>
      </c>
      <c r="DM22" s="342">
        <v>220720</v>
      </c>
      <c r="DN22" s="342">
        <v>602155</v>
      </c>
      <c r="DO22" s="342">
        <v>898274</v>
      </c>
      <c r="DP22" s="342">
        <v>980287</v>
      </c>
      <c r="DQ22" s="342">
        <v>251473</v>
      </c>
      <c r="DR22" s="343">
        <v>2952909</v>
      </c>
      <c r="DS22" s="345">
        <v>2952909</v>
      </c>
      <c r="DT22" s="341">
        <v>0</v>
      </c>
      <c r="DU22" s="342">
        <v>0</v>
      </c>
      <c r="DV22" s="343">
        <v>0</v>
      </c>
      <c r="DW22" s="341">
        <v>0</v>
      </c>
      <c r="DX22" s="342">
        <v>220720</v>
      </c>
      <c r="DY22" s="342">
        <v>582897</v>
      </c>
      <c r="DZ22" s="342">
        <v>795152</v>
      </c>
      <c r="EA22" s="342">
        <v>980287</v>
      </c>
      <c r="EB22" s="342">
        <v>226119</v>
      </c>
      <c r="EC22" s="343">
        <v>2805175</v>
      </c>
      <c r="ED22" s="345">
        <v>2805175</v>
      </c>
      <c r="EE22" s="341">
        <v>0</v>
      </c>
      <c r="EF22" s="346">
        <v>0</v>
      </c>
      <c r="EG22" s="343">
        <v>0</v>
      </c>
      <c r="EH22" s="341">
        <v>0</v>
      </c>
      <c r="EI22" s="342">
        <v>0</v>
      </c>
      <c r="EJ22" s="342">
        <v>19258</v>
      </c>
      <c r="EK22" s="342">
        <v>103122</v>
      </c>
      <c r="EL22" s="342">
        <v>0</v>
      </c>
      <c r="EM22" s="342">
        <v>25354</v>
      </c>
      <c r="EN22" s="346">
        <v>147734</v>
      </c>
      <c r="EO22" s="345">
        <v>147734</v>
      </c>
      <c r="EP22" s="341">
        <v>0</v>
      </c>
      <c r="EQ22" s="342">
        <v>0</v>
      </c>
      <c r="ER22" s="346">
        <v>0</v>
      </c>
      <c r="ES22" s="347">
        <v>0</v>
      </c>
      <c r="ET22" s="342">
        <v>0</v>
      </c>
      <c r="EU22" s="342">
        <v>0</v>
      </c>
      <c r="EV22" s="342">
        <v>0</v>
      </c>
      <c r="EW22" s="342">
        <v>0</v>
      </c>
      <c r="EX22" s="342">
        <v>0</v>
      </c>
      <c r="EY22" s="343">
        <v>0</v>
      </c>
      <c r="EZ22" s="345">
        <v>0</v>
      </c>
      <c r="FA22" s="341">
        <v>0</v>
      </c>
      <c r="FB22" s="342">
        <v>0</v>
      </c>
      <c r="FC22" s="346">
        <v>0</v>
      </c>
      <c r="FD22" s="347">
        <v>0</v>
      </c>
      <c r="FE22" s="342">
        <v>0</v>
      </c>
      <c r="FF22" s="342">
        <v>0</v>
      </c>
      <c r="FG22" s="342">
        <v>0</v>
      </c>
      <c r="FH22" s="342">
        <v>0</v>
      </c>
      <c r="FI22" s="342">
        <v>0</v>
      </c>
      <c r="FJ22" s="343">
        <v>0</v>
      </c>
      <c r="FK22" s="345">
        <v>0</v>
      </c>
      <c r="FL22" s="341">
        <v>164465</v>
      </c>
      <c r="FM22" s="342">
        <v>136952</v>
      </c>
      <c r="FN22" s="343">
        <v>301417</v>
      </c>
      <c r="FO22" s="341">
        <v>0</v>
      </c>
      <c r="FP22" s="342">
        <v>345656</v>
      </c>
      <c r="FQ22" s="342">
        <v>988112</v>
      </c>
      <c r="FR22" s="342">
        <v>507152</v>
      </c>
      <c r="FS22" s="342">
        <v>177520</v>
      </c>
      <c r="FT22" s="342">
        <v>168568</v>
      </c>
      <c r="FU22" s="343">
        <v>2187008</v>
      </c>
      <c r="FV22" s="345">
        <v>2488425</v>
      </c>
      <c r="FW22" s="348">
        <v>51664</v>
      </c>
      <c r="FX22" s="342">
        <v>136952</v>
      </c>
      <c r="FY22" s="346">
        <v>188616</v>
      </c>
      <c r="FZ22" s="347">
        <v>0</v>
      </c>
      <c r="GA22" s="342">
        <v>110936</v>
      </c>
      <c r="GB22" s="342">
        <v>803472</v>
      </c>
      <c r="GC22" s="342">
        <v>482192</v>
      </c>
      <c r="GD22" s="342">
        <v>177520</v>
      </c>
      <c r="GE22" s="342">
        <v>168568</v>
      </c>
      <c r="GF22" s="343">
        <v>1742688</v>
      </c>
      <c r="GG22" s="349">
        <v>1931304</v>
      </c>
      <c r="GH22" s="348">
        <v>0</v>
      </c>
      <c r="GI22" s="342">
        <v>0</v>
      </c>
      <c r="GJ22" s="346">
        <v>0</v>
      </c>
      <c r="GK22" s="347">
        <v>0</v>
      </c>
      <c r="GL22" s="342">
        <v>102720</v>
      </c>
      <c r="GM22" s="342">
        <v>24640</v>
      </c>
      <c r="GN22" s="342">
        <v>24960</v>
      </c>
      <c r="GO22" s="342">
        <v>0</v>
      </c>
      <c r="GP22" s="342">
        <v>0</v>
      </c>
      <c r="GQ22" s="343">
        <v>152320</v>
      </c>
      <c r="GR22" s="345">
        <v>152320</v>
      </c>
      <c r="GS22" s="341">
        <v>112801</v>
      </c>
      <c r="GT22" s="342">
        <v>0</v>
      </c>
      <c r="GU22" s="343">
        <v>112801</v>
      </c>
      <c r="GV22" s="341">
        <v>0</v>
      </c>
      <c r="GW22" s="342">
        <v>132000</v>
      </c>
      <c r="GX22" s="342">
        <v>160000</v>
      </c>
      <c r="GY22" s="342">
        <v>0</v>
      </c>
      <c r="GZ22" s="342">
        <v>0</v>
      </c>
      <c r="HA22" s="342">
        <v>0</v>
      </c>
      <c r="HB22" s="346">
        <v>292000</v>
      </c>
      <c r="HC22" s="345">
        <v>404801</v>
      </c>
      <c r="HD22" s="341">
        <v>260884</v>
      </c>
      <c r="HE22" s="342">
        <v>85965</v>
      </c>
      <c r="HF22" s="346">
        <v>346849</v>
      </c>
      <c r="HG22" s="347">
        <v>0</v>
      </c>
      <c r="HH22" s="342">
        <v>1428416</v>
      </c>
      <c r="HI22" s="342">
        <v>1479745</v>
      </c>
      <c r="HJ22" s="342">
        <v>1128272</v>
      </c>
      <c r="HK22" s="342">
        <v>1039330</v>
      </c>
      <c r="HL22" s="342">
        <v>382617</v>
      </c>
      <c r="HM22" s="343">
        <v>5458380</v>
      </c>
      <c r="HN22" s="344">
        <v>5805229</v>
      </c>
      <c r="HO22" s="348">
        <v>0</v>
      </c>
      <c r="HP22" s="342">
        <v>0</v>
      </c>
      <c r="HQ22" s="343">
        <v>0</v>
      </c>
      <c r="HR22" s="341">
        <v>0</v>
      </c>
      <c r="HS22" s="342">
        <v>0</v>
      </c>
      <c r="HT22" s="342">
        <v>0</v>
      </c>
      <c r="HU22" s="342">
        <v>0</v>
      </c>
      <c r="HV22" s="342">
        <v>0</v>
      </c>
      <c r="HW22" s="342">
        <v>0</v>
      </c>
      <c r="HX22" s="346">
        <v>0</v>
      </c>
      <c r="HY22" s="345">
        <v>0</v>
      </c>
      <c r="HZ22" s="373">
        <v>29804</v>
      </c>
      <c r="IA22" s="371">
        <v>0</v>
      </c>
      <c r="IB22" s="373">
        <v>29804</v>
      </c>
      <c r="IC22" s="370">
        <v>0</v>
      </c>
      <c r="ID22" s="371">
        <v>1493704</v>
      </c>
      <c r="IE22" s="372">
        <v>1938802</v>
      </c>
      <c r="IF22" s="373">
        <v>2528987</v>
      </c>
      <c r="IG22" s="371">
        <v>1178674</v>
      </c>
      <c r="IH22" s="373">
        <v>537377</v>
      </c>
      <c r="II22" s="374">
        <v>7677544</v>
      </c>
      <c r="IJ22" s="373">
        <v>7707348</v>
      </c>
      <c r="IK22" s="357">
        <v>0</v>
      </c>
      <c r="IL22" s="358">
        <v>0</v>
      </c>
      <c r="IM22" s="359">
        <v>0</v>
      </c>
      <c r="IN22" s="436">
        <v>0</v>
      </c>
      <c r="IO22" s="360">
        <v>0</v>
      </c>
      <c r="IP22" s="360">
        <v>0</v>
      </c>
      <c r="IQ22" s="360">
        <v>0</v>
      </c>
      <c r="IR22" s="360">
        <v>0</v>
      </c>
      <c r="IS22" s="360">
        <v>242829</v>
      </c>
      <c r="IT22" s="361">
        <v>242829</v>
      </c>
      <c r="IU22" s="362">
        <v>242829</v>
      </c>
      <c r="IV22" s="363">
        <v>0</v>
      </c>
      <c r="IW22" s="360">
        <v>0</v>
      </c>
      <c r="IX22" s="364">
        <v>0</v>
      </c>
      <c r="IY22" s="436">
        <v>0</v>
      </c>
      <c r="IZ22" s="360">
        <v>0</v>
      </c>
      <c r="JA22" s="360">
        <v>0</v>
      </c>
      <c r="JB22" s="360">
        <v>0</v>
      </c>
      <c r="JC22" s="360">
        <v>0</v>
      </c>
      <c r="JD22" s="360">
        <v>0</v>
      </c>
      <c r="JE22" s="364">
        <v>0</v>
      </c>
      <c r="JF22" s="365">
        <v>0</v>
      </c>
      <c r="JG22" s="363">
        <v>0</v>
      </c>
      <c r="JH22" s="360">
        <v>0</v>
      </c>
      <c r="JI22" s="361">
        <v>0</v>
      </c>
      <c r="JJ22" s="366">
        <v>0</v>
      </c>
      <c r="JK22" s="360">
        <v>803033</v>
      </c>
      <c r="JL22" s="360">
        <v>889617</v>
      </c>
      <c r="JM22" s="360">
        <v>669210</v>
      </c>
      <c r="JN22" s="360">
        <v>140990</v>
      </c>
      <c r="JO22" s="360">
        <v>0</v>
      </c>
      <c r="JP22" s="364">
        <v>2502850</v>
      </c>
      <c r="JQ22" s="362">
        <v>2502850</v>
      </c>
      <c r="JR22" s="363">
        <v>29804</v>
      </c>
      <c r="JS22" s="360">
        <v>0</v>
      </c>
      <c r="JT22" s="361">
        <v>29804</v>
      </c>
      <c r="JU22" s="366">
        <v>0</v>
      </c>
      <c r="JV22" s="360">
        <v>112039</v>
      </c>
      <c r="JW22" s="360">
        <v>157187</v>
      </c>
      <c r="JX22" s="360">
        <v>0</v>
      </c>
      <c r="JY22" s="360">
        <v>0</v>
      </c>
      <c r="JZ22" s="360">
        <v>0</v>
      </c>
      <c r="KA22" s="364">
        <v>269226</v>
      </c>
      <c r="KB22" s="362">
        <v>299030</v>
      </c>
      <c r="KC22" s="367">
        <v>0</v>
      </c>
      <c r="KD22" s="368">
        <v>0</v>
      </c>
      <c r="KE22" s="364">
        <v>0</v>
      </c>
      <c r="KF22" s="366">
        <v>0</v>
      </c>
      <c r="KG22" s="360">
        <v>128499</v>
      </c>
      <c r="KH22" s="360">
        <v>180051</v>
      </c>
      <c r="KI22" s="360">
        <v>246944</v>
      </c>
      <c r="KJ22" s="360">
        <v>272896</v>
      </c>
      <c r="KK22" s="360">
        <v>294548</v>
      </c>
      <c r="KL22" s="364">
        <v>1122938</v>
      </c>
      <c r="KM22" s="369">
        <v>1122938</v>
      </c>
      <c r="KN22" s="357">
        <v>0</v>
      </c>
      <c r="KO22" s="358">
        <v>0</v>
      </c>
      <c r="KP22" s="359">
        <v>0</v>
      </c>
      <c r="KQ22" s="436">
        <v>0</v>
      </c>
      <c r="KR22" s="360">
        <v>450133</v>
      </c>
      <c r="KS22" s="360">
        <v>711947</v>
      </c>
      <c r="KT22" s="360">
        <v>1210722</v>
      </c>
      <c r="KU22" s="360">
        <v>247563</v>
      </c>
      <c r="KV22" s="360">
        <v>0</v>
      </c>
      <c r="KW22" s="364">
        <v>2620365</v>
      </c>
      <c r="KX22" s="362">
        <v>2620365</v>
      </c>
      <c r="KY22" s="363">
        <v>0</v>
      </c>
      <c r="KZ22" s="360">
        <v>0</v>
      </c>
      <c r="LA22" s="364">
        <v>0</v>
      </c>
      <c r="LB22" s="436">
        <v>0</v>
      </c>
      <c r="LC22" s="360">
        <v>0</v>
      </c>
      <c r="LD22" s="360">
        <v>0</v>
      </c>
      <c r="LE22" s="360">
        <v>0</v>
      </c>
      <c r="LF22" s="360">
        <v>0</v>
      </c>
      <c r="LG22" s="360">
        <v>0</v>
      </c>
      <c r="LH22" s="364">
        <v>0</v>
      </c>
      <c r="LI22" s="365">
        <v>0</v>
      </c>
      <c r="LJ22" s="363">
        <v>0</v>
      </c>
      <c r="LK22" s="360">
        <v>0</v>
      </c>
      <c r="LL22" s="364">
        <v>0</v>
      </c>
      <c r="LM22" s="436">
        <v>0</v>
      </c>
      <c r="LN22" s="360">
        <v>0</v>
      </c>
      <c r="LO22" s="360">
        <v>0</v>
      </c>
      <c r="LP22" s="360">
        <v>110079</v>
      </c>
      <c r="LQ22" s="360">
        <v>517225</v>
      </c>
      <c r="LR22" s="360">
        <v>0</v>
      </c>
      <c r="LS22" s="364">
        <v>627304</v>
      </c>
      <c r="LT22" s="362">
        <v>627304</v>
      </c>
      <c r="LU22" s="363">
        <v>0</v>
      </c>
      <c r="LV22" s="360">
        <v>0</v>
      </c>
      <c r="LW22" s="364">
        <v>0</v>
      </c>
      <c r="LX22" s="436">
        <v>0</v>
      </c>
      <c r="LY22" s="360">
        <v>0</v>
      </c>
      <c r="LZ22" s="360">
        <v>0</v>
      </c>
      <c r="MA22" s="360">
        <v>292032</v>
      </c>
      <c r="MB22" s="360">
        <v>0</v>
      </c>
      <c r="MC22" s="360">
        <v>0</v>
      </c>
      <c r="MD22" s="364">
        <v>292032</v>
      </c>
      <c r="ME22" s="365">
        <v>292032</v>
      </c>
      <c r="MF22" s="363">
        <v>0</v>
      </c>
      <c r="MG22" s="360">
        <v>0</v>
      </c>
      <c r="MH22" s="364">
        <v>0</v>
      </c>
      <c r="MI22" s="436">
        <v>0</v>
      </c>
      <c r="MJ22" s="360">
        <v>539900</v>
      </c>
      <c r="MK22" s="360">
        <v>633804</v>
      </c>
      <c r="ML22" s="360">
        <v>3773456</v>
      </c>
      <c r="MM22" s="360">
        <v>4056085</v>
      </c>
      <c r="MN22" s="360">
        <v>3495929</v>
      </c>
      <c r="MO22" s="364">
        <v>12499174</v>
      </c>
      <c r="MP22" s="369">
        <v>12499174</v>
      </c>
      <c r="MQ22" s="363">
        <v>0</v>
      </c>
      <c r="MR22" s="360">
        <v>0</v>
      </c>
      <c r="MS22" s="364">
        <v>0</v>
      </c>
      <c r="MT22" s="436">
        <v>0</v>
      </c>
      <c r="MU22" s="360">
        <v>0</v>
      </c>
      <c r="MV22" s="360">
        <v>0</v>
      </c>
      <c r="MW22" s="360">
        <v>2376944</v>
      </c>
      <c r="MX22" s="360">
        <v>2501810</v>
      </c>
      <c r="MY22" s="360">
        <v>2243181</v>
      </c>
      <c r="MZ22" s="364">
        <v>7121935</v>
      </c>
      <c r="NA22" s="369">
        <v>7121935</v>
      </c>
      <c r="NB22" s="363">
        <v>0</v>
      </c>
      <c r="NC22" s="360">
        <v>0</v>
      </c>
      <c r="ND22" s="364">
        <v>0</v>
      </c>
      <c r="NE22" s="436">
        <v>0</v>
      </c>
      <c r="NF22" s="360">
        <v>539900</v>
      </c>
      <c r="NG22" s="360">
        <v>633804</v>
      </c>
      <c r="NH22" s="360">
        <v>1396512</v>
      </c>
      <c r="NI22" s="360">
        <v>1240239</v>
      </c>
      <c r="NJ22" s="360">
        <v>1252748</v>
      </c>
      <c r="NK22" s="364">
        <v>5063203</v>
      </c>
      <c r="NL22" s="362">
        <v>5063203</v>
      </c>
      <c r="NM22" s="363">
        <v>0</v>
      </c>
      <c r="NN22" s="360">
        <v>0</v>
      </c>
      <c r="NO22" s="364">
        <v>0</v>
      </c>
      <c r="NP22" s="436">
        <v>0</v>
      </c>
      <c r="NQ22" s="360">
        <v>0</v>
      </c>
      <c r="NR22" s="360">
        <v>0</v>
      </c>
      <c r="NS22" s="360">
        <v>0</v>
      </c>
      <c r="NT22" s="360">
        <v>0</v>
      </c>
      <c r="NU22" s="360">
        <v>0</v>
      </c>
      <c r="NV22" s="364">
        <v>0</v>
      </c>
      <c r="NW22" s="365">
        <v>0</v>
      </c>
      <c r="NX22" s="363">
        <v>0</v>
      </c>
      <c r="NY22" s="360">
        <v>0</v>
      </c>
      <c r="NZ22" s="364">
        <v>0</v>
      </c>
      <c r="OA22" s="436">
        <v>0</v>
      </c>
      <c r="OB22" s="360">
        <v>0</v>
      </c>
      <c r="OC22" s="360">
        <v>0</v>
      </c>
      <c r="OD22" s="360">
        <v>0</v>
      </c>
      <c r="OE22" s="360">
        <v>314036</v>
      </c>
      <c r="OF22" s="360">
        <v>0</v>
      </c>
      <c r="OG22" s="364">
        <v>314036</v>
      </c>
      <c r="OH22" s="365">
        <v>314036</v>
      </c>
      <c r="OI22" s="363">
        <v>649196</v>
      </c>
      <c r="OJ22" s="360">
        <v>434557</v>
      </c>
      <c r="OK22" s="361">
        <v>1083753</v>
      </c>
      <c r="OL22" s="366">
        <v>0</v>
      </c>
      <c r="OM22" s="360">
        <v>6169856</v>
      </c>
      <c r="ON22" s="360">
        <v>9628921</v>
      </c>
      <c r="OO22" s="360">
        <v>12125278</v>
      </c>
      <c r="OP22" s="360">
        <v>8151134</v>
      </c>
      <c r="OQ22" s="360">
        <v>7376042</v>
      </c>
      <c r="OR22" s="364">
        <v>43451231</v>
      </c>
      <c r="OS22" s="369">
        <v>44534984</v>
      </c>
    </row>
    <row r="23" spans="2:409" s="137" customFormat="1" ht="21" customHeight="1" x14ac:dyDescent="0.2">
      <c r="B23" s="421" t="s">
        <v>18</v>
      </c>
      <c r="C23" s="341">
        <v>411110</v>
      </c>
      <c r="D23" s="342">
        <v>895504</v>
      </c>
      <c r="E23" s="343">
        <v>1306614</v>
      </c>
      <c r="F23" s="344">
        <v>0</v>
      </c>
      <c r="G23" s="342">
        <v>8423964</v>
      </c>
      <c r="H23" s="342">
        <v>8625416</v>
      </c>
      <c r="I23" s="342">
        <v>7922182</v>
      </c>
      <c r="J23" s="342">
        <v>6016062</v>
      </c>
      <c r="K23" s="342">
        <v>2574605</v>
      </c>
      <c r="L23" s="344">
        <v>33562229</v>
      </c>
      <c r="M23" s="345">
        <v>34868843</v>
      </c>
      <c r="N23" s="341">
        <v>142393</v>
      </c>
      <c r="O23" s="342">
        <v>372760</v>
      </c>
      <c r="P23" s="343">
        <v>515153</v>
      </c>
      <c r="Q23" s="341">
        <v>0</v>
      </c>
      <c r="R23" s="342">
        <v>2423798</v>
      </c>
      <c r="S23" s="342">
        <v>2520237</v>
      </c>
      <c r="T23" s="342">
        <v>2369272</v>
      </c>
      <c r="U23" s="342">
        <v>1954308</v>
      </c>
      <c r="V23" s="342">
        <v>1296613</v>
      </c>
      <c r="W23" s="343">
        <v>10564228</v>
      </c>
      <c r="X23" s="345">
        <v>11079381</v>
      </c>
      <c r="Y23" s="341">
        <v>0</v>
      </c>
      <c r="Z23" s="342">
        <v>0</v>
      </c>
      <c r="AA23" s="343">
        <v>0</v>
      </c>
      <c r="AB23" s="341">
        <v>0</v>
      </c>
      <c r="AC23" s="342">
        <v>991342</v>
      </c>
      <c r="AD23" s="342">
        <v>1118453</v>
      </c>
      <c r="AE23" s="342">
        <v>1208869</v>
      </c>
      <c r="AF23" s="342">
        <v>1329268</v>
      </c>
      <c r="AG23" s="342">
        <v>558721</v>
      </c>
      <c r="AH23" s="343">
        <v>5206653</v>
      </c>
      <c r="AI23" s="345">
        <v>5206653</v>
      </c>
      <c r="AJ23" s="341">
        <v>0</v>
      </c>
      <c r="AK23" s="342">
        <v>0</v>
      </c>
      <c r="AL23" s="343">
        <v>0</v>
      </c>
      <c r="AM23" s="341">
        <v>0</v>
      </c>
      <c r="AN23" s="342">
        <v>151716</v>
      </c>
      <c r="AO23" s="342">
        <v>0</v>
      </c>
      <c r="AP23" s="342">
        <v>0</v>
      </c>
      <c r="AQ23" s="342">
        <v>0</v>
      </c>
      <c r="AR23" s="342">
        <v>128615</v>
      </c>
      <c r="AS23" s="343">
        <v>280331</v>
      </c>
      <c r="AT23" s="345">
        <v>280331</v>
      </c>
      <c r="AU23" s="341">
        <v>67449</v>
      </c>
      <c r="AV23" s="342">
        <v>255632</v>
      </c>
      <c r="AW23" s="343">
        <v>323081</v>
      </c>
      <c r="AX23" s="341">
        <v>0</v>
      </c>
      <c r="AY23" s="342">
        <v>598859</v>
      </c>
      <c r="AZ23" s="342">
        <v>899579</v>
      </c>
      <c r="BA23" s="342">
        <v>617788</v>
      </c>
      <c r="BB23" s="342">
        <v>164129</v>
      </c>
      <c r="BC23" s="342">
        <v>391485</v>
      </c>
      <c r="BD23" s="343">
        <v>2671840</v>
      </c>
      <c r="BE23" s="345">
        <v>2994921</v>
      </c>
      <c r="BF23" s="341">
        <v>0</v>
      </c>
      <c r="BG23" s="342">
        <v>63400</v>
      </c>
      <c r="BH23" s="346">
        <v>63400</v>
      </c>
      <c r="BI23" s="347">
        <v>0</v>
      </c>
      <c r="BJ23" s="342">
        <v>141257</v>
      </c>
      <c r="BK23" s="342">
        <v>117973</v>
      </c>
      <c r="BL23" s="342">
        <v>148255</v>
      </c>
      <c r="BM23" s="342">
        <v>145967</v>
      </c>
      <c r="BN23" s="342">
        <v>0</v>
      </c>
      <c r="BO23" s="343">
        <v>553452</v>
      </c>
      <c r="BP23" s="345">
        <v>616852</v>
      </c>
      <c r="BQ23" s="341">
        <v>74944</v>
      </c>
      <c r="BR23" s="342">
        <v>53728</v>
      </c>
      <c r="BS23" s="343">
        <v>128672</v>
      </c>
      <c r="BT23" s="341">
        <v>0</v>
      </c>
      <c r="BU23" s="342">
        <v>540624</v>
      </c>
      <c r="BV23" s="342">
        <v>384232</v>
      </c>
      <c r="BW23" s="342">
        <v>394360</v>
      </c>
      <c r="BX23" s="342">
        <v>314944</v>
      </c>
      <c r="BY23" s="342">
        <v>217792</v>
      </c>
      <c r="BZ23" s="343">
        <v>1851952</v>
      </c>
      <c r="CA23" s="345">
        <v>1980624</v>
      </c>
      <c r="CB23" s="341">
        <v>41490</v>
      </c>
      <c r="CC23" s="342">
        <v>270293</v>
      </c>
      <c r="CD23" s="343">
        <v>311783</v>
      </c>
      <c r="CE23" s="341">
        <v>0</v>
      </c>
      <c r="CF23" s="342">
        <v>2611427</v>
      </c>
      <c r="CG23" s="342">
        <v>2461732</v>
      </c>
      <c r="CH23" s="342">
        <v>2361451</v>
      </c>
      <c r="CI23" s="342">
        <v>680106</v>
      </c>
      <c r="CJ23" s="342">
        <v>195190</v>
      </c>
      <c r="CK23" s="343">
        <v>8309906</v>
      </c>
      <c r="CL23" s="345">
        <v>8621689</v>
      </c>
      <c r="CM23" s="341">
        <v>0</v>
      </c>
      <c r="CN23" s="342">
        <v>0</v>
      </c>
      <c r="CO23" s="343">
        <v>0</v>
      </c>
      <c r="CP23" s="347">
        <v>0</v>
      </c>
      <c r="CQ23" s="342">
        <v>2183256</v>
      </c>
      <c r="CR23" s="342">
        <v>1874741</v>
      </c>
      <c r="CS23" s="342">
        <v>1785318</v>
      </c>
      <c r="CT23" s="342">
        <v>523556</v>
      </c>
      <c r="CU23" s="342">
        <v>175441</v>
      </c>
      <c r="CV23" s="343">
        <v>6542312</v>
      </c>
      <c r="CW23" s="345">
        <v>6542312</v>
      </c>
      <c r="CX23" s="341">
        <v>41490</v>
      </c>
      <c r="CY23" s="342">
        <v>270293</v>
      </c>
      <c r="CZ23" s="343">
        <v>311783</v>
      </c>
      <c r="DA23" s="341">
        <v>0</v>
      </c>
      <c r="DB23" s="342">
        <v>428171</v>
      </c>
      <c r="DC23" s="342">
        <v>586991</v>
      </c>
      <c r="DD23" s="342">
        <v>576133</v>
      </c>
      <c r="DE23" s="342">
        <v>156550</v>
      </c>
      <c r="DF23" s="342">
        <v>19749</v>
      </c>
      <c r="DG23" s="343">
        <v>1767594</v>
      </c>
      <c r="DH23" s="345">
        <v>2079377</v>
      </c>
      <c r="DI23" s="341">
        <v>0</v>
      </c>
      <c r="DJ23" s="342">
        <v>19091</v>
      </c>
      <c r="DK23" s="346">
        <v>19091</v>
      </c>
      <c r="DL23" s="347">
        <v>0</v>
      </c>
      <c r="DM23" s="342">
        <v>156314</v>
      </c>
      <c r="DN23" s="342">
        <v>801302</v>
      </c>
      <c r="DO23" s="342">
        <v>986518</v>
      </c>
      <c r="DP23" s="342">
        <v>913458</v>
      </c>
      <c r="DQ23" s="342">
        <v>37954</v>
      </c>
      <c r="DR23" s="343">
        <v>2895546</v>
      </c>
      <c r="DS23" s="345">
        <v>2914637</v>
      </c>
      <c r="DT23" s="341">
        <v>0</v>
      </c>
      <c r="DU23" s="342">
        <v>19091</v>
      </c>
      <c r="DV23" s="343">
        <v>19091</v>
      </c>
      <c r="DW23" s="341">
        <v>0</v>
      </c>
      <c r="DX23" s="342">
        <v>156314</v>
      </c>
      <c r="DY23" s="342">
        <v>801302</v>
      </c>
      <c r="DZ23" s="342">
        <v>986518</v>
      </c>
      <c r="EA23" s="342">
        <v>913458</v>
      </c>
      <c r="EB23" s="342">
        <v>37954</v>
      </c>
      <c r="EC23" s="343">
        <v>2895546</v>
      </c>
      <c r="ED23" s="345">
        <v>2914637</v>
      </c>
      <c r="EE23" s="341">
        <v>0</v>
      </c>
      <c r="EF23" s="346">
        <v>0</v>
      </c>
      <c r="EG23" s="343">
        <v>0</v>
      </c>
      <c r="EH23" s="341">
        <v>0</v>
      </c>
      <c r="EI23" s="342">
        <v>0</v>
      </c>
      <c r="EJ23" s="342">
        <v>0</v>
      </c>
      <c r="EK23" s="342">
        <v>0</v>
      </c>
      <c r="EL23" s="342">
        <v>0</v>
      </c>
      <c r="EM23" s="342">
        <v>0</v>
      </c>
      <c r="EN23" s="346">
        <v>0</v>
      </c>
      <c r="EO23" s="345">
        <v>0</v>
      </c>
      <c r="EP23" s="341">
        <v>0</v>
      </c>
      <c r="EQ23" s="342">
        <v>0</v>
      </c>
      <c r="ER23" s="346">
        <v>0</v>
      </c>
      <c r="ES23" s="347">
        <v>0</v>
      </c>
      <c r="ET23" s="342">
        <v>0</v>
      </c>
      <c r="EU23" s="342">
        <v>0</v>
      </c>
      <c r="EV23" s="342">
        <v>0</v>
      </c>
      <c r="EW23" s="342">
        <v>0</v>
      </c>
      <c r="EX23" s="342">
        <v>0</v>
      </c>
      <c r="EY23" s="343">
        <v>0</v>
      </c>
      <c r="EZ23" s="345">
        <v>0</v>
      </c>
      <c r="FA23" s="341">
        <v>0</v>
      </c>
      <c r="FB23" s="342">
        <v>0</v>
      </c>
      <c r="FC23" s="346">
        <v>0</v>
      </c>
      <c r="FD23" s="347">
        <v>0</v>
      </c>
      <c r="FE23" s="342">
        <v>0</v>
      </c>
      <c r="FF23" s="342">
        <v>0</v>
      </c>
      <c r="FG23" s="342">
        <v>0</v>
      </c>
      <c r="FH23" s="342">
        <v>0</v>
      </c>
      <c r="FI23" s="342">
        <v>0</v>
      </c>
      <c r="FJ23" s="343">
        <v>0</v>
      </c>
      <c r="FK23" s="345">
        <v>0</v>
      </c>
      <c r="FL23" s="341">
        <v>70288</v>
      </c>
      <c r="FM23" s="342">
        <v>233360</v>
      </c>
      <c r="FN23" s="343">
        <v>303648</v>
      </c>
      <c r="FO23" s="341">
        <v>0</v>
      </c>
      <c r="FP23" s="342">
        <v>533968</v>
      </c>
      <c r="FQ23" s="342">
        <v>703024</v>
      </c>
      <c r="FR23" s="342">
        <v>824216</v>
      </c>
      <c r="FS23" s="342">
        <v>429904</v>
      </c>
      <c r="FT23" s="342">
        <v>360800</v>
      </c>
      <c r="FU23" s="343">
        <v>2851912</v>
      </c>
      <c r="FV23" s="345">
        <v>3155560</v>
      </c>
      <c r="FW23" s="348">
        <v>32288</v>
      </c>
      <c r="FX23" s="342">
        <v>158560</v>
      </c>
      <c r="FY23" s="346">
        <v>190848</v>
      </c>
      <c r="FZ23" s="347">
        <v>0</v>
      </c>
      <c r="GA23" s="342">
        <v>325968</v>
      </c>
      <c r="GB23" s="342">
        <v>703024</v>
      </c>
      <c r="GC23" s="342">
        <v>632536</v>
      </c>
      <c r="GD23" s="342">
        <v>349904</v>
      </c>
      <c r="GE23" s="342">
        <v>322080</v>
      </c>
      <c r="GF23" s="343">
        <v>2333512</v>
      </c>
      <c r="GG23" s="349">
        <v>2524360</v>
      </c>
      <c r="GH23" s="348">
        <v>10000</v>
      </c>
      <c r="GI23" s="342">
        <v>0</v>
      </c>
      <c r="GJ23" s="346">
        <v>10000</v>
      </c>
      <c r="GK23" s="347">
        <v>0</v>
      </c>
      <c r="GL23" s="342">
        <v>0</v>
      </c>
      <c r="GM23" s="342">
        <v>0</v>
      </c>
      <c r="GN23" s="342">
        <v>31680</v>
      </c>
      <c r="GO23" s="342">
        <v>80000</v>
      </c>
      <c r="GP23" s="342">
        <v>38720</v>
      </c>
      <c r="GQ23" s="343">
        <v>150400</v>
      </c>
      <c r="GR23" s="345">
        <v>160400</v>
      </c>
      <c r="GS23" s="341">
        <v>28000</v>
      </c>
      <c r="GT23" s="342">
        <v>74800</v>
      </c>
      <c r="GU23" s="343">
        <v>102800</v>
      </c>
      <c r="GV23" s="341">
        <v>0</v>
      </c>
      <c r="GW23" s="342">
        <v>208000</v>
      </c>
      <c r="GX23" s="342">
        <v>0</v>
      </c>
      <c r="GY23" s="342">
        <v>160000</v>
      </c>
      <c r="GZ23" s="342">
        <v>0</v>
      </c>
      <c r="HA23" s="342">
        <v>0</v>
      </c>
      <c r="HB23" s="346">
        <v>368000</v>
      </c>
      <c r="HC23" s="345">
        <v>470800</v>
      </c>
      <c r="HD23" s="341">
        <v>156939</v>
      </c>
      <c r="HE23" s="342">
        <v>0</v>
      </c>
      <c r="HF23" s="346">
        <v>156939</v>
      </c>
      <c r="HG23" s="347">
        <v>0</v>
      </c>
      <c r="HH23" s="342">
        <v>2698457</v>
      </c>
      <c r="HI23" s="342">
        <v>2139121</v>
      </c>
      <c r="HJ23" s="342">
        <v>1380725</v>
      </c>
      <c r="HK23" s="342">
        <v>2038286</v>
      </c>
      <c r="HL23" s="342">
        <v>684048</v>
      </c>
      <c r="HM23" s="343">
        <v>8940637</v>
      </c>
      <c r="HN23" s="344">
        <v>9097576</v>
      </c>
      <c r="HO23" s="348">
        <v>0</v>
      </c>
      <c r="HP23" s="342">
        <v>0</v>
      </c>
      <c r="HQ23" s="343">
        <v>0</v>
      </c>
      <c r="HR23" s="341">
        <v>0</v>
      </c>
      <c r="HS23" s="342">
        <v>0</v>
      </c>
      <c r="HT23" s="342">
        <v>0</v>
      </c>
      <c r="HU23" s="342">
        <v>0</v>
      </c>
      <c r="HV23" s="342">
        <v>0</v>
      </c>
      <c r="HW23" s="342">
        <v>0</v>
      </c>
      <c r="HX23" s="346">
        <v>0</v>
      </c>
      <c r="HY23" s="345">
        <v>0</v>
      </c>
      <c r="HZ23" s="350">
        <v>46082</v>
      </c>
      <c r="IA23" s="351">
        <v>0</v>
      </c>
      <c r="IB23" s="352">
        <v>46082</v>
      </c>
      <c r="IC23" s="353">
        <v>0</v>
      </c>
      <c r="ID23" s="351">
        <v>1460333</v>
      </c>
      <c r="IE23" s="354">
        <v>1982853</v>
      </c>
      <c r="IF23" s="352">
        <v>4244852</v>
      </c>
      <c r="IG23" s="351">
        <v>2660295</v>
      </c>
      <c r="IH23" s="352">
        <v>791796</v>
      </c>
      <c r="II23" s="355">
        <v>11140129</v>
      </c>
      <c r="IJ23" s="356">
        <v>11186211</v>
      </c>
      <c r="IK23" s="357">
        <v>0</v>
      </c>
      <c r="IL23" s="358">
        <v>0</v>
      </c>
      <c r="IM23" s="359">
        <v>0</v>
      </c>
      <c r="IN23" s="436">
        <v>0</v>
      </c>
      <c r="IO23" s="360">
        <v>0</v>
      </c>
      <c r="IP23" s="360">
        <v>0</v>
      </c>
      <c r="IQ23" s="360">
        <v>0</v>
      </c>
      <c r="IR23" s="360">
        <v>0</v>
      </c>
      <c r="IS23" s="360">
        <v>288951</v>
      </c>
      <c r="IT23" s="361">
        <v>288951</v>
      </c>
      <c r="IU23" s="362">
        <v>288951</v>
      </c>
      <c r="IV23" s="363">
        <v>0</v>
      </c>
      <c r="IW23" s="360">
        <v>0</v>
      </c>
      <c r="IX23" s="364">
        <v>0</v>
      </c>
      <c r="IY23" s="436">
        <v>0</v>
      </c>
      <c r="IZ23" s="360">
        <v>0</v>
      </c>
      <c r="JA23" s="360">
        <v>0</v>
      </c>
      <c r="JB23" s="360">
        <v>0</v>
      </c>
      <c r="JC23" s="360">
        <v>0</v>
      </c>
      <c r="JD23" s="360">
        <v>0</v>
      </c>
      <c r="JE23" s="364">
        <v>0</v>
      </c>
      <c r="JF23" s="365">
        <v>0</v>
      </c>
      <c r="JG23" s="363">
        <v>0</v>
      </c>
      <c r="JH23" s="360">
        <v>0</v>
      </c>
      <c r="JI23" s="361">
        <v>0</v>
      </c>
      <c r="JJ23" s="366">
        <v>0</v>
      </c>
      <c r="JK23" s="360">
        <v>750252</v>
      </c>
      <c r="JL23" s="360">
        <v>733980</v>
      </c>
      <c r="JM23" s="360">
        <v>373870</v>
      </c>
      <c r="JN23" s="360">
        <v>0</v>
      </c>
      <c r="JO23" s="360">
        <v>0</v>
      </c>
      <c r="JP23" s="364">
        <v>1858102</v>
      </c>
      <c r="JQ23" s="362">
        <v>1858102</v>
      </c>
      <c r="JR23" s="363">
        <v>0</v>
      </c>
      <c r="JS23" s="360">
        <v>0</v>
      </c>
      <c r="JT23" s="361">
        <v>0</v>
      </c>
      <c r="JU23" s="366">
        <v>0</v>
      </c>
      <c r="JV23" s="360">
        <v>0</v>
      </c>
      <c r="JW23" s="360">
        <v>194068</v>
      </c>
      <c r="JX23" s="360">
        <v>515359</v>
      </c>
      <c r="JY23" s="360">
        <v>272527</v>
      </c>
      <c r="JZ23" s="360">
        <v>0</v>
      </c>
      <c r="KA23" s="364">
        <v>981954</v>
      </c>
      <c r="KB23" s="362">
        <v>981954</v>
      </c>
      <c r="KC23" s="367">
        <v>46082</v>
      </c>
      <c r="KD23" s="368">
        <v>0</v>
      </c>
      <c r="KE23" s="364">
        <v>46082</v>
      </c>
      <c r="KF23" s="366">
        <v>0</v>
      </c>
      <c r="KG23" s="360">
        <v>262162</v>
      </c>
      <c r="KH23" s="360">
        <v>355736</v>
      </c>
      <c r="KI23" s="360">
        <v>1419577</v>
      </c>
      <c r="KJ23" s="360">
        <v>261032</v>
      </c>
      <c r="KK23" s="360">
        <v>0</v>
      </c>
      <c r="KL23" s="364">
        <v>2298507</v>
      </c>
      <c r="KM23" s="369">
        <v>2344589</v>
      </c>
      <c r="KN23" s="357">
        <v>0</v>
      </c>
      <c r="KO23" s="358">
        <v>0</v>
      </c>
      <c r="KP23" s="359">
        <v>0</v>
      </c>
      <c r="KQ23" s="436">
        <v>0</v>
      </c>
      <c r="KR23" s="360">
        <v>447919</v>
      </c>
      <c r="KS23" s="360">
        <v>699069</v>
      </c>
      <c r="KT23" s="360">
        <v>1121766</v>
      </c>
      <c r="KU23" s="360">
        <v>1245670</v>
      </c>
      <c r="KV23" s="360">
        <v>502845</v>
      </c>
      <c r="KW23" s="364">
        <v>4017269</v>
      </c>
      <c r="KX23" s="362">
        <v>4017269</v>
      </c>
      <c r="KY23" s="363">
        <v>0</v>
      </c>
      <c r="KZ23" s="360">
        <v>0</v>
      </c>
      <c r="LA23" s="364">
        <v>0</v>
      </c>
      <c r="LB23" s="436">
        <v>0</v>
      </c>
      <c r="LC23" s="360">
        <v>0</v>
      </c>
      <c r="LD23" s="360">
        <v>0</v>
      </c>
      <c r="LE23" s="360">
        <v>0</v>
      </c>
      <c r="LF23" s="360">
        <v>0</v>
      </c>
      <c r="LG23" s="360">
        <v>0</v>
      </c>
      <c r="LH23" s="364">
        <v>0</v>
      </c>
      <c r="LI23" s="365">
        <v>0</v>
      </c>
      <c r="LJ23" s="363">
        <v>0</v>
      </c>
      <c r="LK23" s="360">
        <v>0</v>
      </c>
      <c r="LL23" s="364">
        <v>0</v>
      </c>
      <c r="LM23" s="436">
        <v>0</v>
      </c>
      <c r="LN23" s="360">
        <v>0</v>
      </c>
      <c r="LO23" s="360">
        <v>0</v>
      </c>
      <c r="LP23" s="360">
        <v>247915</v>
      </c>
      <c r="LQ23" s="360">
        <v>267302</v>
      </c>
      <c r="LR23" s="360">
        <v>0</v>
      </c>
      <c r="LS23" s="364">
        <v>515217</v>
      </c>
      <c r="LT23" s="362">
        <v>515217</v>
      </c>
      <c r="LU23" s="363">
        <v>0</v>
      </c>
      <c r="LV23" s="360">
        <v>0</v>
      </c>
      <c r="LW23" s="364">
        <v>0</v>
      </c>
      <c r="LX23" s="436">
        <v>0</v>
      </c>
      <c r="LY23" s="360">
        <v>0</v>
      </c>
      <c r="LZ23" s="360">
        <v>0</v>
      </c>
      <c r="MA23" s="360">
        <v>566365</v>
      </c>
      <c r="MB23" s="360">
        <v>613764</v>
      </c>
      <c r="MC23" s="360">
        <v>0</v>
      </c>
      <c r="MD23" s="364">
        <v>1180129</v>
      </c>
      <c r="ME23" s="365">
        <v>1180129</v>
      </c>
      <c r="MF23" s="363">
        <v>0</v>
      </c>
      <c r="MG23" s="360">
        <v>0</v>
      </c>
      <c r="MH23" s="364">
        <v>0</v>
      </c>
      <c r="MI23" s="436">
        <v>0</v>
      </c>
      <c r="MJ23" s="360">
        <v>0</v>
      </c>
      <c r="MK23" s="360">
        <v>1607904</v>
      </c>
      <c r="ML23" s="360">
        <v>2828507</v>
      </c>
      <c r="MM23" s="360">
        <v>6463027</v>
      </c>
      <c r="MN23" s="360">
        <v>2486245</v>
      </c>
      <c r="MO23" s="364">
        <v>13385683</v>
      </c>
      <c r="MP23" s="369">
        <v>13385683</v>
      </c>
      <c r="MQ23" s="363">
        <v>0</v>
      </c>
      <c r="MR23" s="360">
        <v>0</v>
      </c>
      <c r="MS23" s="364">
        <v>0</v>
      </c>
      <c r="MT23" s="436">
        <v>0</v>
      </c>
      <c r="MU23" s="360">
        <v>0</v>
      </c>
      <c r="MV23" s="360">
        <v>0</v>
      </c>
      <c r="MW23" s="360">
        <v>1483194</v>
      </c>
      <c r="MX23" s="360">
        <v>4593905</v>
      </c>
      <c r="MY23" s="360">
        <v>1503833</v>
      </c>
      <c r="MZ23" s="364">
        <v>7580932</v>
      </c>
      <c r="NA23" s="369">
        <v>7580932</v>
      </c>
      <c r="NB23" s="363">
        <v>0</v>
      </c>
      <c r="NC23" s="360">
        <v>0</v>
      </c>
      <c r="ND23" s="364">
        <v>0</v>
      </c>
      <c r="NE23" s="436">
        <v>0</v>
      </c>
      <c r="NF23" s="360">
        <v>0</v>
      </c>
      <c r="NG23" s="360">
        <v>1607904</v>
      </c>
      <c r="NH23" s="360">
        <v>1345313</v>
      </c>
      <c r="NI23" s="360">
        <v>1685554</v>
      </c>
      <c r="NJ23" s="360">
        <v>611855</v>
      </c>
      <c r="NK23" s="364">
        <v>5250626</v>
      </c>
      <c r="NL23" s="362">
        <v>5250626</v>
      </c>
      <c r="NM23" s="363">
        <v>0</v>
      </c>
      <c r="NN23" s="360">
        <v>0</v>
      </c>
      <c r="NO23" s="364">
        <v>0</v>
      </c>
      <c r="NP23" s="436">
        <v>0</v>
      </c>
      <c r="NQ23" s="360">
        <v>0</v>
      </c>
      <c r="NR23" s="360">
        <v>0</v>
      </c>
      <c r="NS23" s="360">
        <v>0</v>
      </c>
      <c r="NT23" s="360">
        <v>183568</v>
      </c>
      <c r="NU23" s="360">
        <v>0</v>
      </c>
      <c r="NV23" s="364">
        <v>183568</v>
      </c>
      <c r="NW23" s="365">
        <v>183568</v>
      </c>
      <c r="NX23" s="363">
        <v>0</v>
      </c>
      <c r="NY23" s="360">
        <v>0</v>
      </c>
      <c r="NZ23" s="364">
        <v>0</v>
      </c>
      <c r="OA23" s="436">
        <v>0</v>
      </c>
      <c r="OB23" s="360">
        <v>0</v>
      </c>
      <c r="OC23" s="360">
        <v>0</v>
      </c>
      <c r="OD23" s="360">
        <v>0</v>
      </c>
      <c r="OE23" s="360">
        <v>0</v>
      </c>
      <c r="OF23" s="360">
        <v>370557</v>
      </c>
      <c r="OG23" s="364">
        <v>370557</v>
      </c>
      <c r="OH23" s="365">
        <v>370557</v>
      </c>
      <c r="OI23" s="363">
        <v>457192</v>
      </c>
      <c r="OJ23" s="360">
        <v>895504</v>
      </c>
      <c r="OK23" s="361">
        <v>1352696</v>
      </c>
      <c r="OL23" s="366">
        <v>0</v>
      </c>
      <c r="OM23" s="360">
        <v>9884297</v>
      </c>
      <c r="ON23" s="360">
        <v>12216173</v>
      </c>
      <c r="OO23" s="360">
        <v>14995541</v>
      </c>
      <c r="OP23" s="360">
        <v>15139384</v>
      </c>
      <c r="OQ23" s="360">
        <v>5852646</v>
      </c>
      <c r="OR23" s="364">
        <v>58088041</v>
      </c>
      <c r="OS23" s="369">
        <v>59440737</v>
      </c>
    </row>
    <row r="24" spans="2:409" s="137" customFormat="1" ht="21" customHeight="1" x14ac:dyDescent="0.2">
      <c r="B24" s="421" t="s">
        <v>19</v>
      </c>
      <c r="C24" s="341">
        <v>220245</v>
      </c>
      <c r="D24" s="342">
        <v>420898</v>
      </c>
      <c r="E24" s="343">
        <v>641143</v>
      </c>
      <c r="F24" s="344">
        <v>0</v>
      </c>
      <c r="G24" s="342">
        <v>3770652</v>
      </c>
      <c r="H24" s="342">
        <v>3589150</v>
      </c>
      <c r="I24" s="342">
        <v>3074662</v>
      </c>
      <c r="J24" s="342">
        <v>2324307</v>
      </c>
      <c r="K24" s="342">
        <v>1776278</v>
      </c>
      <c r="L24" s="344">
        <v>14535049</v>
      </c>
      <c r="M24" s="345">
        <v>15176192</v>
      </c>
      <c r="N24" s="341">
        <v>43936</v>
      </c>
      <c r="O24" s="342">
        <v>106059</v>
      </c>
      <c r="P24" s="343">
        <v>149995</v>
      </c>
      <c r="Q24" s="341">
        <v>0</v>
      </c>
      <c r="R24" s="342">
        <v>1066082</v>
      </c>
      <c r="S24" s="342">
        <v>783194</v>
      </c>
      <c r="T24" s="342">
        <v>1244992</v>
      </c>
      <c r="U24" s="342">
        <v>783983</v>
      </c>
      <c r="V24" s="342">
        <v>989309</v>
      </c>
      <c r="W24" s="343">
        <v>4867560</v>
      </c>
      <c r="X24" s="345">
        <v>5017555</v>
      </c>
      <c r="Y24" s="341">
        <v>0</v>
      </c>
      <c r="Z24" s="342">
        <v>0</v>
      </c>
      <c r="AA24" s="343">
        <v>0</v>
      </c>
      <c r="AB24" s="341">
        <v>0</v>
      </c>
      <c r="AC24" s="342">
        <v>275073</v>
      </c>
      <c r="AD24" s="342">
        <v>252939</v>
      </c>
      <c r="AE24" s="342">
        <v>656226</v>
      </c>
      <c r="AF24" s="342">
        <v>339728</v>
      </c>
      <c r="AG24" s="342">
        <v>469535</v>
      </c>
      <c r="AH24" s="343">
        <v>1993501</v>
      </c>
      <c r="AI24" s="345">
        <v>1993501</v>
      </c>
      <c r="AJ24" s="341">
        <v>0</v>
      </c>
      <c r="AK24" s="342">
        <v>0</v>
      </c>
      <c r="AL24" s="343">
        <v>0</v>
      </c>
      <c r="AM24" s="341">
        <v>0</v>
      </c>
      <c r="AN24" s="342">
        <v>14038</v>
      </c>
      <c r="AO24" s="342">
        <v>0</v>
      </c>
      <c r="AP24" s="342">
        <v>49263</v>
      </c>
      <c r="AQ24" s="342">
        <v>102616</v>
      </c>
      <c r="AR24" s="342">
        <v>194670</v>
      </c>
      <c r="AS24" s="343">
        <v>360587</v>
      </c>
      <c r="AT24" s="345">
        <v>360587</v>
      </c>
      <c r="AU24" s="341">
        <v>0</v>
      </c>
      <c r="AV24" s="342">
        <v>54363</v>
      </c>
      <c r="AW24" s="343">
        <v>54363</v>
      </c>
      <c r="AX24" s="341">
        <v>0</v>
      </c>
      <c r="AY24" s="342">
        <v>471301</v>
      </c>
      <c r="AZ24" s="342">
        <v>223017</v>
      </c>
      <c r="BA24" s="342">
        <v>391719</v>
      </c>
      <c r="BB24" s="342">
        <v>212671</v>
      </c>
      <c r="BC24" s="342">
        <v>140920</v>
      </c>
      <c r="BD24" s="343">
        <v>1439628</v>
      </c>
      <c r="BE24" s="345">
        <v>1493991</v>
      </c>
      <c r="BF24" s="341">
        <v>0</v>
      </c>
      <c r="BG24" s="342">
        <v>0</v>
      </c>
      <c r="BH24" s="346">
        <v>0</v>
      </c>
      <c r="BI24" s="347">
        <v>0</v>
      </c>
      <c r="BJ24" s="342">
        <v>25294</v>
      </c>
      <c r="BK24" s="342">
        <v>25294</v>
      </c>
      <c r="BL24" s="342">
        <v>0</v>
      </c>
      <c r="BM24" s="342">
        <v>0</v>
      </c>
      <c r="BN24" s="342">
        <v>0</v>
      </c>
      <c r="BO24" s="343">
        <v>50588</v>
      </c>
      <c r="BP24" s="345">
        <v>50588</v>
      </c>
      <c r="BQ24" s="341">
        <v>43936</v>
      </c>
      <c r="BR24" s="342">
        <v>51696</v>
      </c>
      <c r="BS24" s="343">
        <v>95632</v>
      </c>
      <c r="BT24" s="341">
        <v>0</v>
      </c>
      <c r="BU24" s="342">
        <v>280376</v>
      </c>
      <c r="BV24" s="342">
        <v>281944</v>
      </c>
      <c r="BW24" s="342">
        <v>147784</v>
      </c>
      <c r="BX24" s="342">
        <v>128968</v>
      </c>
      <c r="BY24" s="342">
        <v>184184</v>
      </c>
      <c r="BZ24" s="343">
        <v>1023256</v>
      </c>
      <c r="CA24" s="345">
        <v>1118888</v>
      </c>
      <c r="CB24" s="341">
        <v>42823</v>
      </c>
      <c r="CC24" s="342">
        <v>119945</v>
      </c>
      <c r="CD24" s="343">
        <v>162768</v>
      </c>
      <c r="CE24" s="341">
        <v>0</v>
      </c>
      <c r="CF24" s="342">
        <v>1207611</v>
      </c>
      <c r="CG24" s="342">
        <v>1156842</v>
      </c>
      <c r="CH24" s="342">
        <v>615009</v>
      </c>
      <c r="CI24" s="342">
        <v>207578</v>
      </c>
      <c r="CJ24" s="342">
        <v>32010</v>
      </c>
      <c r="CK24" s="343">
        <v>3219050</v>
      </c>
      <c r="CL24" s="345">
        <v>3381818</v>
      </c>
      <c r="CM24" s="341">
        <v>0</v>
      </c>
      <c r="CN24" s="342">
        <v>0</v>
      </c>
      <c r="CO24" s="343">
        <v>0</v>
      </c>
      <c r="CP24" s="347">
        <v>0</v>
      </c>
      <c r="CQ24" s="342">
        <v>886401</v>
      </c>
      <c r="CR24" s="342">
        <v>815566</v>
      </c>
      <c r="CS24" s="342">
        <v>387020</v>
      </c>
      <c r="CT24" s="342">
        <v>95344</v>
      </c>
      <c r="CU24" s="342">
        <v>32010</v>
      </c>
      <c r="CV24" s="343">
        <v>2216341</v>
      </c>
      <c r="CW24" s="345">
        <v>2216341</v>
      </c>
      <c r="CX24" s="341">
        <v>42823</v>
      </c>
      <c r="CY24" s="342">
        <v>119945</v>
      </c>
      <c r="CZ24" s="343">
        <v>162768</v>
      </c>
      <c r="DA24" s="341">
        <v>0</v>
      </c>
      <c r="DB24" s="342">
        <v>321210</v>
      </c>
      <c r="DC24" s="342">
        <v>341276</v>
      </c>
      <c r="DD24" s="342">
        <v>227989</v>
      </c>
      <c r="DE24" s="342">
        <v>112234</v>
      </c>
      <c r="DF24" s="342">
        <v>0</v>
      </c>
      <c r="DG24" s="343">
        <v>1002709</v>
      </c>
      <c r="DH24" s="345">
        <v>1165477</v>
      </c>
      <c r="DI24" s="341">
        <v>0</v>
      </c>
      <c r="DJ24" s="342">
        <v>0</v>
      </c>
      <c r="DK24" s="346">
        <v>0</v>
      </c>
      <c r="DL24" s="347">
        <v>0</v>
      </c>
      <c r="DM24" s="342">
        <v>0</v>
      </c>
      <c r="DN24" s="342">
        <v>51018</v>
      </c>
      <c r="DO24" s="342">
        <v>246460</v>
      </c>
      <c r="DP24" s="342">
        <v>48120</v>
      </c>
      <c r="DQ24" s="342">
        <v>0</v>
      </c>
      <c r="DR24" s="343">
        <v>345598</v>
      </c>
      <c r="DS24" s="345">
        <v>345598</v>
      </c>
      <c r="DT24" s="341">
        <v>0</v>
      </c>
      <c r="DU24" s="342">
        <v>0</v>
      </c>
      <c r="DV24" s="343">
        <v>0</v>
      </c>
      <c r="DW24" s="341">
        <v>0</v>
      </c>
      <c r="DX24" s="342">
        <v>0</v>
      </c>
      <c r="DY24" s="342">
        <v>51018</v>
      </c>
      <c r="DZ24" s="342">
        <v>105043</v>
      </c>
      <c r="EA24" s="342">
        <v>48120</v>
      </c>
      <c r="EB24" s="342">
        <v>0</v>
      </c>
      <c r="EC24" s="343">
        <v>204181</v>
      </c>
      <c r="ED24" s="345">
        <v>204181</v>
      </c>
      <c r="EE24" s="341">
        <v>0</v>
      </c>
      <c r="EF24" s="346">
        <v>0</v>
      </c>
      <c r="EG24" s="343">
        <v>0</v>
      </c>
      <c r="EH24" s="341">
        <v>0</v>
      </c>
      <c r="EI24" s="342">
        <v>0</v>
      </c>
      <c r="EJ24" s="342">
        <v>0</v>
      </c>
      <c r="EK24" s="342">
        <v>141417</v>
      </c>
      <c r="EL24" s="342">
        <v>0</v>
      </c>
      <c r="EM24" s="342">
        <v>0</v>
      </c>
      <c r="EN24" s="346">
        <v>141417</v>
      </c>
      <c r="EO24" s="345">
        <v>141417</v>
      </c>
      <c r="EP24" s="341">
        <v>0</v>
      </c>
      <c r="EQ24" s="342">
        <v>0</v>
      </c>
      <c r="ER24" s="346">
        <v>0</v>
      </c>
      <c r="ES24" s="347">
        <v>0</v>
      </c>
      <c r="ET24" s="342">
        <v>0</v>
      </c>
      <c r="EU24" s="342">
        <v>0</v>
      </c>
      <c r="EV24" s="342">
        <v>0</v>
      </c>
      <c r="EW24" s="342">
        <v>0</v>
      </c>
      <c r="EX24" s="342">
        <v>0</v>
      </c>
      <c r="EY24" s="343">
        <v>0</v>
      </c>
      <c r="EZ24" s="345">
        <v>0</v>
      </c>
      <c r="FA24" s="341">
        <v>0</v>
      </c>
      <c r="FB24" s="342">
        <v>0</v>
      </c>
      <c r="FC24" s="346">
        <v>0</v>
      </c>
      <c r="FD24" s="347">
        <v>0</v>
      </c>
      <c r="FE24" s="342">
        <v>0</v>
      </c>
      <c r="FF24" s="342">
        <v>0</v>
      </c>
      <c r="FG24" s="342">
        <v>0</v>
      </c>
      <c r="FH24" s="342">
        <v>0</v>
      </c>
      <c r="FI24" s="342">
        <v>0</v>
      </c>
      <c r="FJ24" s="343">
        <v>0</v>
      </c>
      <c r="FK24" s="345">
        <v>0</v>
      </c>
      <c r="FL24" s="341">
        <v>25040</v>
      </c>
      <c r="FM24" s="342">
        <v>54640</v>
      </c>
      <c r="FN24" s="343">
        <v>79680</v>
      </c>
      <c r="FO24" s="341">
        <v>0</v>
      </c>
      <c r="FP24" s="342">
        <v>307952</v>
      </c>
      <c r="FQ24" s="342">
        <v>422912</v>
      </c>
      <c r="FR24" s="342">
        <v>218560</v>
      </c>
      <c r="FS24" s="342">
        <v>170440</v>
      </c>
      <c r="FT24" s="342">
        <v>306496</v>
      </c>
      <c r="FU24" s="343">
        <v>1426360</v>
      </c>
      <c r="FV24" s="345">
        <v>1506040</v>
      </c>
      <c r="FW24" s="348">
        <v>25040</v>
      </c>
      <c r="FX24" s="342">
        <v>45440</v>
      </c>
      <c r="FY24" s="346">
        <v>70480</v>
      </c>
      <c r="FZ24" s="347">
        <v>0</v>
      </c>
      <c r="GA24" s="342">
        <v>266592</v>
      </c>
      <c r="GB24" s="342">
        <v>296112</v>
      </c>
      <c r="GC24" s="342">
        <v>200080</v>
      </c>
      <c r="GD24" s="342">
        <v>170440</v>
      </c>
      <c r="GE24" s="342">
        <v>306496</v>
      </c>
      <c r="GF24" s="343">
        <v>1239720</v>
      </c>
      <c r="GG24" s="349">
        <v>1310200</v>
      </c>
      <c r="GH24" s="348">
        <v>0</v>
      </c>
      <c r="GI24" s="342">
        <v>9200</v>
      </c>
      <c r="GJ24" s="346">
        <v>9200</v>
      </c>
      <c r="GK24" s="347">
        <v>0</v>
      </c>
      <c r="GL24" s="342">
        <v>41360</v>
      </c>
      <c r="GM24" s="342">
        <v>0</v>
      </c>
      <c r="GN24" s="342">
        <v>18480</v>
      </c>
      <c r="GO24" s="342">
        <v>0</v>
      </c>
      <c r="GP24" s="342">
        <v>0</v>
      </c>
      <c r="GQ24" s="343">
        <v>59840</v>
      </c>
      <c r="GR24" s="345">
        <v>69040</v>
      </c>
      <c r="GS24" s="341">
        <v>0</v>
      </c>
      <c r="GT24" s="342">
        <v>0</v>
      </c>
      <c r="GU24" s="343">
        <v>0</v>
      </c>
      <c r="GV24" s="341">
        <v>0</v>
      </c>
      <c r="GW24" s="342">
        <v>0</v>
      </c>
      <c r="GX24" s="342">
        <v>126800</v>
      </c>
      <c r="GY24" s="342">
        <v>0</v>
      </c>
      <c r="GZ24" s="342">
        <v>0</v>
      </c>
      <c r="HA24" s="342">
        <v>0</v>
      </c>
      <c r="HB24" s="346">
        <v>126800</v>
      </c>
      <c r="HC24" s="345">
        <v>126800</v>
      </c>
      <c r="HD24" s="341">
        <v>108446</v>
      </c>
      <c r="HE24" s="342">
        <v>140254</v>
      </c>
      <c r="HF24" s="346">
        <v>248700</v>
      </c>
      <c r="HG24" s="347">
        <v>0</v>
      </c>
      <c r="HH24" s="342">
        <v>1189007</v>
      </c>
      <c r="HI24" s="342">
        <v>1175184</v>
      </c>
      <c r="HJ24" s="342">
        <v>749641</v>
      </c>
      <c r="HK24" s="342">
        <v>1114186</v>
      </c>
      <c r="HL24" s="342">
        <v>448463</v>
      </c>
      <c r="HM24" s="343">
        <v>4676481</v>
      </c>
      <c r="HN24" s="344">
        <v>4925181</v>
      </c>
      <c r="HO24" s="348">
        <v>0</v>
      </c>
      <c r="HP24" s="342">
        <v>0</v>
      </c>
      <c r="HQ24" s="343">
        <v>0</v>
      </c>
      <c r="HR24" s="341">
        <v>0</v>
      </c>
      <c r="HS24" s="342">
        <v>0</v>
      </c>
      <c r="HT24" s="342">
        <v>0</v>
      </c>
      <c r="HU24" s="342">
        <v>0</v>
      </c>
      <c r="HV24" s="342">
        <v>0</v>
      </c>
      <c r="HW24" s="342">
        <v>0</v>
      </c>
      <c r="HX24" s="346">
        <v>0</v>
      </c>
      <c r="HY24" s="345">
        <v>0</v>
      </c>
      <c r="HZ24" s="373">
        <v>0</v>
      </c>
      <c r="IA24" s="371">
        <v>0</v>
      </c>
      <c r="IB24" s="373">
        <v>0</v>
      </c>
      <c r="IC24" s="370">
        <v>0</v>
      </c>
      <c r="ID24" s="371">
        <v>896988</v>
      </c>
      <c r="IE24" s="372">
        <v>1094434</v>
      </c>
      <c r="IF24" s="373">
        <v>1049658</v>
      </c>
      <c r="IG24" s="371">
        <v>561505</v>
      </c>
      <c r="IH24" s="373">
        <v>1253860</v>
      </c>
      <c r="II24" s="374">
        <v>4856445</v>
      </c>
      <c r="IJ24" s="373">
        <v>4856445</v>
      </c>
      <c r="IK24" s="357">
        <v>0</v>
      </c>
      <c r="IL24" s="358">
        <v>0</v>
      </c>
      <c r="IM24" s="359">
        <v>0</v>
      </c>
      <c r="IN24" s="436">
        <v>0</v>
      </c>
      <c r="IO24" s="360">
        <v>0</v>
      </c>
      <c r="IP24" s="360">
        <v>0</v>
      </c>
      <c r="IQ24" s="360">
        <v>0</v>
      </c>
      <c r="IR24" s="360">
        <v>0</v>
      </c>
      <c r="IS24" s="360">
        <v>185426</v>
      </c>
      <c r="IT24" s="361">
        <v>185426</v>
      </c>
      <c r="IU24" s="362">
        <v>185426</v>
      </c>
      <c r="IV24" s="363">
        <v>0</v>
      </c>
      <c r="IW24" s="360">
        <v>0</v>
      </c>
      <c r="IX24" s="364">
        <v>0</v>
      </c>
      <c r="IY24" s="436">
        <v>0</v>
      </c>
      <c r="IZ24" s="360">
        <v>0</v>
      </c>
      <c r="JA24" s="360">
        <v>0</v>
      </c>
      <c r="JB24" s="360">
        <v>0</v>
      </c>
      <c r="JC24" s="360">
        <v>0</v>
      </c>
      <c r="JD24" s="360">
        <v>0</v>
      </c>
      <c r="JE24" s="364">
        <v>0</v>
      </c>
      <c r="JF24" s="365">
        <v>0</v>
      </c>
      <c r="JG24" s="363">
        <v>0</v>
      </c>
      <c r="JH24" s="360">
        <v>0</v>
      </c>
      <c r="JI24" s="361">
        <v>0</v>
      </c>
      <c r="JJ24" s="366">
        <v>0</v>
      </c>
      <c r="JK24" s="360">
        <v>333205</v>
      </c>
      <c r="JL24" s="360">
        <v>220149</v>
      </c>
      <c r="JM24" s="360">
        <v>157792</v>
      </c>
      <c r="JN24" s="360">
        <v>0</v>
      </c>
      <c r="JO24" s="360">
        <v>0</v>
      </c>
      <c r="JP24" s="364">
        <v>711146</v>
      </c>
      <c r="JQ24" s="362">
        <v>711146</v>
      </c>
      <c r="JR24" s="363">
        <v>0</v>
      </c>
      <c r="JS24" s="360">
        <v>0</v>
      </c>
      <c r="JT24" s="361">
        <v>0</v>
      </c>
      <c r="JU24" s="366">
        <v>0</v>
      </c>
      <c r="JV24" s="360">
        <v>91859</v>
      </c>
      <c r="JW24" s="360">
        <v>92451</v>
      </c>
      <c r="JX24" s="360">
        <v>442134</v>
      </c>
      <c r="JY24" s="360">
        <v>0</v>
      </c>
      <c r="JZ24" s="360">
        <v>0</v>
      </c>
      <c r="KA24" s="364">
        <v>626444</v>
      </c>
      <c r="KB24" s="362">
        <v>626444</v>
      </c>
      <c r="KC24" s="367">
        <v>0</v>
      </c>
      <c r="KD24" s="368">
        <v>0</v>
      </c>
      <c r="KE24" s="364">
        <v>0</v>
      </c>
      <c r="KF24" s="366">
        <v>0</v>
      </c>
      <c r="KG24" s="360">
        <v>254456</v>
      </c>
      <c r="KH24" s="360">
        <v>317672</v>
      </c>
      <c r="KI24" s="360">
        <v>449732</v>
      </c>
      <c r="KJ24" s="360">
        <v>314000</v>
      </c>
      <c r="KK24" s="360">
        <v>0</v>
      </c>
      <c r="KL24" s="364">
        <v>1335860</v>
      </c>
      <c r="KM24" s="369">
        <v>1335860</v>
      </c>
      <c r="KN24" s="357">
        <v>0</v>
      </c>
      <c r="KO24" s="358">
        <v>0</v>
      </c>
      <c r="KP24" s="359">
        <v>0</v>
      </c>
      <c r="KQ24" s="436">
        <v>0</v>
      </c>
      <c r="KR24" s="360">
        <v>217468</v>
      </c>
      <c r="KS24" s="360">
        <v>464162</v>
      </c>
      <c r="KT24" s="360">
        <v>0</v>
      </c>
      <c r="KU24" s="360">
        <v>247505</v>
      </c>
      <c r="KV24" s="360">
        <v>0</v>
      </c>
      <c r="KW24" s="364">
        <v>929135</v>
      </c>
      <c r="KX24" s="362">
        <v>929135</v>
      </c>
      <c r="KY24" s="363">
        <v>0</v>
      </c>
      <c r="KZ24" s="360">
        <v>0</v>
      </c>
      <c r="LA24" s="364">
        <v>0</v>
      </c>
      <c r="LB24" s="436">
        <v>0</v>
      </c>
      <c r="LC24" s="360">
        <v>0</v>
      </c>
      <c r="LD24" s="360">
        <v>0</v>
      </c>
      <c r="LE24" s="360">
        <v>0</v>
      </c>
      <c r="LF24" s="360">
        <v>0</v>
      </c>
      <c r="LG24" s="360">
        <v>0</v>
      </c>
      <c r="LH24" s="364">
        <v>0</v>
      </c>
      <c r="LI24" s="365">
        <v>0</v>
      </c>
      <c r="LJ24" s="363">
        <v>0</v>
      </c>
      <c r="LK24" s="360">
        <v>0</v>
      </c>
      <c r="LL24" s="364">
        <v>0</v>
      </c>
      <c r="LM24" s="436">
        <v>0</v>
      </c>
      <c r="LN24" s="360">
        <v>0</v>
      </c>
      <c r="LO24" s="360">
        <v>0</v>
      </c>
      <c r="LP24" s="360">
        <v>0</v>
      </c>
      <c r="LQ24" s="360">
        <v>0</v>
      </c>
      <c r="LR24" s="360">
        <v>0</v>
      </c>
      <c r="LS24" s="364">
        <v>0</v>
      </c>
      <c r="LT24" s="362">
        <v>0</v>
      </c>
      <c r="LU24" s="363">
        <v>0</v>
      </c>
      <c r="LV24" s="360">
        <v>0</v>
      </c>
      <c r="LW24" s="364">
        <v>0</v>
      </c>
      <c r="LX24" s="436">
        <v>0</v>
      </c>
      <c r="LY24" s="360">
        <v>0</v>
      </c>
      <c r="LZ24" s="360">
        <v>0</v>
      </c>
      <c r="MA24" s="360">
        <v>0</v>
      </c>
      <c r="MB24" s="360">
        <v>0</v>
      </c>
      <c r="MC24" s="360">
        <v>1068434</v>
      </c>
      <c r="MD24" s="364">
        <v>1068434</v>
      </c>
      <c r="ME24" s="365">
        <v>1068434</v>
      </c>
      <c r="MF24" s="363">
        <v>0</v>
      </c>
      <c r="MG24" s="360">
        <v>0</v>
      </c>
      <c r="MH24" s="364">
        <v>0</v>
      </c>
      <c r="MI24" s="436">
        <v>0</v>
      </c>
      <c r="MJ24" s="360">
        <v>290912</v>
      </c>
      <c r="MK24" s="360">
        <v>0</v>
      </c>
      <c r="ML24" s="360">
        <v>1818411</v>
      </c>
      <c r="MM24" s="360">
        <v>2148030</v>
      </c>
      <c r="MN24" s="360">
        <v>1413266</v>
      </c>
      <c r="MO24" s="364">
        <v>5670619</v>
      </c>
      <c r="MP24" s="369">
        <v>5670619</v>
      </c>
      <c r="MQ24" s="363">
        <v>0</v>
      </c>
      <c r="MR24" s="360">
        <v>0</v>
      </c>
      <c r="MS24" s="364">
        <v>0</v>
      </c>
      <c r="MT24" s="436">
        <v>0</v>
      </c>
      <c r="MU24" s="360">
        <v>0</v>
      </c>
      <c r="MV24" s="360">
        <v>0</v>
      </c>
      <c r="MW24" s="360">
        <v>1401708</v>
      </c>
      <c r="MX24" s="360">
        <v>1256362</v>
      </c>
      <c r="MY24" s="360">
        <v>808261</v>
      </c>
      <c r="MZ24" s="364">
        <v>3466331</v>
      </c>
      <c r="NA24" s="369">
        <v>3466331</v>
      </c>
      <c r="NB24" s="363">
        <v>0</v>
      </c>
      <c r="NC24" s="360">
        <v>0</v>
      </c>
      <c r="ND24" s="364">
        <v>0</v>
      </c>
      <c r="NE24" s="436">
        <v>0</v>
      </c>
      <c r="NF24" s="360">
        <v>290912</v>
      </c>
      <c r="NG24" s="360">
        <v>0</v>
      </c>
      <c r="NH24" s="360">
        <v>416703</v>
      </c>
      <c r="NI24" s="360">
        <v>891668</v>
      </c>
      <c r="NJ24" s="360">
        <v>605005</v>
      </c>
      <c r="NK24" s="364">
        <v>2204288</v>
      </c>
      <c r="NL24" s="362">
        <v>2204288</v>
      </c>
      <c r="NM24" s="363">
        <v>0</v>
      </c>
      <c r="NN24" s="360">
        <v>0</v>
      </c>
      <c r="NO24" s="364">
        <v>0</v>
      </c>
      <c r="NP24" s="436">
        <v>0</v>
      </c>
      <c r="NQ24" s="360">
        <v>0</v>
      </c>
      <c r="NR24" s="360">
        <v>0</v>
      </c>
      <c r="NS24" s="360">
        <v>0</v>
      </c>
      <c r="NT24" s="360">
        <v>0</v>
      </c>
      <c r="NU24" s="360">
        <v>0</v>
      </c>
      <c r="NV24" s="364">
        <v>0</v>
      </c>
      <c r="NW24" s="365">
        <v>0</v>
      </c>
      <c r="NX24" s="363">
        <v>0</v>
      </c>
      <c r="NY24" s="360">
        <v>0</v>
      </c>
      <c r="NZ24" s="364">
        <v>0</v>
      </c>
      <c r="OA24" s="436">
        <v>0</v>
      </c>
      <c r="OB24" s="360">
        <v>0</v>
      </c>
      <c r="OC24" s="360">
        <v>0</v>
      </c>
      <c r="OD24" s="360">
        <v>0</v>
      </c>
      <c r="OE24" s="360">
        <v>0</v>
      </c>
      <c r="OF24" s="360">
        <v>0</v>
      </c>
      <c r="OG24" s="364">
        <v>0</v>
      </c>
      <c r="OH24" s="365">
        <v>0</v>
      </c>
      <c r="OI24" s="363">
        <v>220245</v>
      </c>
      <c r="OJ24" s="360">
        <v>420898</v>
      </c>
      <c r="OK24" s="361">
        <v>641143</v>
      </c>
      <c r="OL24" s="366">
        <v>0</v>
      </c>
      <c r="OM24" s="360">
        <v>4958552</v>
      </c>
      <c r="ON24" s="360">
        <v>4683584</v>
      </c>
      <c r="OO24" s="360">
        <v>5942731</v>
      </c>
      <c r="OP24" s="360">
        <v>5033842</v>
      </c>
      <c r="OQ24" s="360">
        <v>4443404</v>
      </c>
      <c r="OR24" s="364">
        <v>25062113</v>
      </c>
      <c r="OS24" s="369">
        <v>25703256</v>
      </c>
    </row>
    <row r="25" spans="2:409" s="137" customFormat="1" ht="21" customHeight="1" x14ac:dyDescent="0.2">
      <c r="B25" s="421" t="s">
        <v>20</v>
      </c>
      <c r="C25" s="341">
        <v>304910</v>
      </c>
      <c r="D25" s="342">
        <v>499963</v>
      </c>
      <c r="E25" s="343">
        <v>804873</v>
      </c>
      <c r="F25" s="341">
        <v>0</v>
      </c>
      <c r="G25" s="342">
        <v>5319876</v>
      </c>
      <c r="H25" s="342">
        <v>4417230</v>
      </c>
      <c r="I25" s="342">
        <v>4685241</v>
      </c>
      <c r="J25" s="342">
        <v>3999116</v>
      </c>
      <c r="K25" s="342">
        <v>2863494</v>
      </c>
      <c r="L25" s="382">
        <v>21284957</v>
      </c>
      <c r="M25" s="345">
        <v>22089830</v>
      </c>
      <c r="N25" s="341">
        <v>147005</v>
      </c>
      <c r="O25" s="342">
        <v>143040</v>
      </c>
      <c r="P25" s="343">
        <v>290045</v>
      </c>
      <c r="Q25" s="341">
        <v>0</v>
      </c>
      <c r="R25" s="342">
        <v>2209734</v>
      </c>
      <c r="S25" s="342">
        <v>1739031</v>
      </c>
      <c r="T25" s="342">
        <v>1615953</v>
      </c>
      <c r="U25" s="342">
        <v>927135</v>
      </c>
      <c r="V25" s="342">
        <v>1439507</v>
      </c>
      <c r="W25" s="343">
        <v>7931360</v>
      </c>
      <c r="X25" s="345">
        <v>8221405</v>
      </c>
      <c r="Y25" s="341">
        <v>0</v>
      </c>
      <c r="Z25" s="342">
        <v>0</v>
      </c>
      <c r="AA25" s="343">
        <v>0</v>
      </c>
      <c r="AB25" s="341">
        <v>0</v>
      </c>
      <c r="AC25" s="342">
        <v>1052291</v>
      </c>
      <c r="AD25" s="342">
        <v>833596</v>
      </c>
      <c r="AE25" s="342">
        <v>571532</v>
      </c>
      <c r="AF25" s="342">
        <v>266546</v>
      </c>
      <c r="AG25" s="342">
        <v>870059</v>
      </c>
      <c r="AH25" s="343">
        <v>3594024</v>
      </c>
      <c r="AI25" s="345">
        <v>3594024</v>
      </c>
      <c r="AJ25" s="341">
        <v>0</v>
      </c>
      <c r="AK25" s="342">
        <v>0</v>
      </c>
      <c r="AL25" s="343">
        <v>0</v>
      </c>
      <c r="AM25" s="341">
        <v>0</v>
      </c>
      <c r="AN25" s="342">
        <v>0</v>
      </c>
      <c r="AO25" s="342">
        <v>0</v>
      </c>
      <c r="AP25" s="342">
        <v>94758</v>
      </c>
      <c r="AQ25" s="342">
        <v>23691</v>
      </c>
      <c r="AR25" s="342">
        <v>130988</v>
      </c>
      <c r="AS25" s="343">
        <v>249437</v>
      </c>
      <c r="AT25" s="345">
        <v>249437</v>
      </c>
      <c r="AU25" s="341">
        <v>69088</v>
      </c>
      <c r="AV25" s="342">
        <v>24052</v>
      </c>
      <c r="AW25" s="343">
        <v>93140</v>
      </c>
      <c r="AX25" s="341">
        <v>0</v>
      </c>
      <c r="AY25" s="342">
        <v>802284</v>
      </c>
      <c r="AZ25" s="342">
        <v>556507</v>
      </c>
      <c r="BA25" s="342">
        <v>424630</v>
      </c>
      <c r="BB25" s="342">
        <v>360077</v>
      </c>
      <c r="BC25" s="342">
        <v>204273</v>
      </c>
      <c r="BD25" s="343">
        <v>2347771</v>
      </c>
      <c r="BE25" s="345">
        <v>2440911</v>
      </c>
      <c r="BF25" s="341">
        <v>55429</v>
      </c>
      <c r="BG25" s="342">
        <v>65764</v>
      </c>
      <c r="BH25" s="346">
        <v>121193</v>
      </c>
      <c r="BI25" s="347">
        <v>0</v>
      </c>
      <c r="BJ25" s="342">
        <v>71551</v>
      </c>
      <c r="BK25" s="342">
        <v>168160</v>
      </c>
      <c r="BL25" s="342">
        <v>208889</v>
      </c>
      <c r="BM25" s="342">
        <v>49349</v>
      </c>
      <c r="BN25" s="342">
        <v>90515</v>
      </c>
      <c r="BO25" s="343">
        <v>588464</v>
      </c>
      <c r="BP25" s="345">
        <v>709657</v>
      </c>
      <c r="BQ25" s="341">
        <v>22488</v>
      </c>
      <c r="BR25" s="342">
        <v>53224</v>
      </c>
      <c r="BS25" s="343">
        <v>75712</v>
      </c>
      <c r="BT25" s="341">
        <v>0</v>
      </c>
      <c r="BU25" s="342">
        <v>283608</v>
      </c>
      <c r="BV25" s="342">
        <v>180768</v>
      </c>
      <c r="BW25" s="342">
        <v>316144</v>
      </c>
      <c r="BX25" s="342">
        <v>227472</v>
      </c>
      <c r="BY25" s="342">
        <v>143672</v>
      </c>
      <c r="BZ25" s="343">
        <v>1151664</v>
      </c>
      <c r="CA25" s="345">
        <v>1227376</v>
      </c>
      <c r="CB25" s="341">
        <v>62243</v>
      </c>
      <c r="CC25" s="342">
        <v>40413</v>
      </c>
      <c r="CD25" s="343">
        <v>102656</v>
      </c>
      <c r="CE25" s="341">
        <v>0</v>
      </c>
      <c r="CF25" s="342">
        <v>1971263</v>
      </c>
      <c r="CG25" s="342">
        <v>1659462</v>
      </c>
      <c r="CH25" s="342">
        <v>1089209</v>
      </c>
      <c r="CI25" s="342">
        <v>471071</v>
      </c>
      <c r="CJ25" s="342">
        <v>304810</v>
      </c>
      <c r="CK25" s="343">
        <v>5495815</v>
      </c>
      <c r="CL25" s="345">
        <v>5598471</v>
      </c>
      <c r="CM25" s="341">
        <v>0</v>
      </c>
      <c r="CN25" s="342">
        <v>0</v>
      </c>
      <c r="CO25" s="343">
        <v>0</v>
      </c>
      <c r="CP25" s="347">
        <v>0</v>
      </c>
      <c r="CQ25" s="342">
        <v>1507621</v>
      </c>
      <c r="CR25" s="342">
        <v>1061149</v>
      </c>
      <c r="CS25" s="342">
        <v>753049</v>
      </c>
      <c r="CT25" s="342">
        <v>322660</v>
      </c>
      <c r="CU25" s="342">
        <v>221126</v>
      </c>
      <c r="CV25" s="343">
        <v>3865605</v>
      </c>
      <c r="CW25" s="345">
        <v>3865605</v>
      </c>
      <c r="CX25" s="341">
        <v>62243</v>
      </c>
      <c r="CY25" s="342">
        <v>40413</v>
      </c>
      <c r="CZ25" s="343">
        <v>102656</v>
      </c>
      <c r="DA25" s="341">
        <v>0</v>
      </c>
      <c r="DB25" s="342">
        <v>463642</v>
      </c>
      <c r="DC25" s="342">
        <v>598313</v>
      </c>
      <c r="DD25" s="342">
        <v>336160</v>
      </c>
      <c r="DE25" s="342">
        <v>148411</v>
      </c>
      <c r="DF25" s="342">
        <v>83684</v>
      </c>
      <c r="DG25" s="343">
        <v>1630210</v>
      </c>
      <c r="DH25" s="345">
        <v>1732866</v>
      </c>
      <c r="DI25" s="341">
        <v>0</v>
      </c>
      <c r="DJ25" s="342">
        <v>0</v>
      </c>
      <c r="DK25" s="346">
        <v>0</v>
      </c>
      <c r="DL25" s="347">
        <v>0</v>
      </c>
      <c r="DM25" s="342">
        <v>115995</v>
      </c>
      <c r="DN25" s="342">
        <v>28304</v>
      </c>
      <c r="DO25" s="342">
        <v>221846</v>
      </c>
      <c r="DP25" s="342">
        <v>1189600</v>
      </c>
      <c r="DQ25" s="342">
        <v>333008</v>
      </c>
      <c r="DR25" s="343">
        <v>1888753</v>
      </c>
      <c r="DS25" s="345">
        <v>1888753</v>
      </c>
      <c r="DT25" s="341">
        <v>0</v>
      </c>
      <c r="DU25" s="342">
        <v>0</v>
      </c>
      <c r="DV25" s="343">
        <v>0</v>
      </c>
      <c r="DW25" s="341">
        <v>0</v>
      </c>
      <c r="DX25" s="342">
        <v>115995</v>
      </c>
      <c r="DY25" s="342">
        <v>28304</v>
      </c>
      <c r="DZ25" s="342">
        <v>143463</v>
      </c>
      <c r="EA25" s="342">
        <v>1048661</v>
      </c>
      <c r="EB25" s="342">
        <v>333008</v>
      </c>
      <c r="EC25" s="343">
        <v>1669431</v>
      </c>
      <c r="ED25" s="345">
        <v>1669431</v>
      </c>
      <c r="EE25" s="341">
        <v>0</v>
      </c>
      <c r="EF25" s="346">
        <v>0</v>
      </c>
      <c r="EG25" s="343">
        <v>0</v>
      </c>
      <c r="EH25" s="341">
        <v>0</v>
      </c>
      <c r="EI25" s="342">
        <v>0</v>
      </c>
      <c r="EJ25" s="342">
        <v>0</v>
      </c>
      <c r="EK25" s="342">
        <v>78383</v>
      </c>
      <c r="EL25" s="342">
        <v>140939</v>
      </c>
      <c r="EM25" s="342">
        <v>0</v>
      </c>
      <c r="EN25" s="346">
        <v>219322</v>
      </c>
      <c r="EO25" s="345">
        <v>219322</v>
      </c>
      <c r="EP25" s="341">
        <v>0</v>
      </c>
      <c r="EQ25" s="342">
        <v>0</v>
      </c>
      <c r="ER25" s="346">
        <v>0</v>
      </c>
      <c r="ES25" s="347">
        <v>0</v>
      </c>
      <c r="ET25" s="342">
        <v>0</v>
      </c>
      <c r="EU25" s="342">
        <v>0</v>
      </c>
      <c r="EV25" s="342">
        <v>0</v>
      </c>
      <c r="EW25" s="342">
        <v>0</v>
      </c>
      <c r="EX25" s="342">
        <v>0</v>
      </c>
      <c r="EY25" s="343">
        <v>0</v>
      </c>
      <c r="EZ25" s="345">
        <v>0</v>
      </c>
      <c r="FA25" s="341">
        <v>0</v>
      </c>
      <c r="FB25" s="342">
        <v>0</v>
      </c>
      <c r="FC25" s="346">
        <v>0</v>
      </c>
      <c r="FD25" s="347">
        <v>0</v>
      </c>
      <c r="FE25" s="342">
        <v>0</v>
      </c>
      <c r="FF25" s="342">
        <v>0</v>
      </c>
      <c r="FG25" s="342">
        <v>0</v>
      </c>
      <c r="FH25" s="342">
        <v>0</v>
      </c>
      <c r="FI25" s="342">
        <v>0</v>
      </c>
      <c r="FJ25" s="343">
        <v>0</v>
      </c>
      <c r="FK25" s="345">
        <v>0</v>
      </c>
      <c r="FL25" s="341">
        <v>45344</v>
      </c>
      <c r="FM25" s="342">
        <v>141784</v>
      </c>
      <c r="FN25" s="343">
        <v>187128</v>
      </c>
      <c r="FO25" s="341">
        <v>0</v>
      </c>
      <c r="FP25" s="342">
        <v>420560</v>
      </c>
      <c r="FQ25" s="342">
        <v>503720</v>
      </c>
      <c r="FR25" s="342">
        <v>401304</v>
      </c>
      <c r="FS25" s="342">
        <v>291632</v>
      </c>
      <c r="FT25" s="342">
        <v>338072</v>
      </c>
      <c r="FU25" s="343">
        <v>1955288</v>
      </c>
      <c r="FV25" s="345">
        <v>2142416</v>
      </c>
      <c r="FW25" s="348">
        <v>45344</v>
      </c>
      <c r="FX25" s="342">
        <v>141784</v>
      </c>
      <c r="FY25" s="346">
        <v>187128</v>
      </c>
      <c r="FZ25" s="347">
        <v>0</v>
      </c>
      <c r="GA25" s="342">
        <v>303760</v>
      </c>
      <c r="GB25" s="342">
        <v>438120</v>
      </c>
      <c r="GC25" s="342">
        <v>401304</v>
      </c>
      <c r="GD25" s="342">
        <v>291632</v>
      </c>
      <c r="GE25" s="342">
        <v>338072</v>
      </c>
      <c r="GF25" s="343">
        <v>1772888</v>
      </c>
      <c r="GG25" s="349">
        <v>1960016</v>
      </c>
      <c r="GH25" s="348">
        <v>0</v>
      </c>
      <c r="GI25" s="342">
        <v>0</v>
      </c>
      <c r="GJ25" s="346">
        <v>0</v>
      </c>
      <c r="GK25" s="347">
        <v>0</v>
      </c>
      <c r="GL25" s="342">
        <v>0</v>
      </c>
      <c r="GM25" s="342">
        <v>0</v>
      </c>
      <c r="GN25" s="342">
        <v>0</v>
      </c>
      <c r="GO25" s="342">
        <v>0</v>
      </c>
      <c r="GP25" s="342">
        <v>0</v>
      </c>
      <c r="GQ25" s="343">
        <v>0</v>
      </c>
      <c r="GR25" s="345">
        <v>0</v>
      </c>
      <c r="GS25" s="341">
        <v>0</v>
      </c>
      <c r="GT25" s="342">
        <v>0</v>
      </c>
      <c r="GU25" s="343">
        <v>0</v>
      </c>
      <c r="GV25" s="341">
        <v>0</v>
      </c>
      <c r="GW25" s="342">
        <v>116800</v>
      </c>
      <c r="GX25" s="342">
        <v>65600</v>
      </c>
      <c r="GY25" s="342">
        <v>0</v>
      </c>
      <c r="GZ25" s="342">
        <v>0</v>
      </c>
      <c r="HA25" s="342">
        <v>0</v>
      </c>
      <c r="HB25" s="346">
        <v>182400</v>
      </c>
      <c r="HC25" s="345">
        <v>182400</v>
      </c>
      <c r="HD25" s="341">
        <v>50318</v>
      </c>
      <c r="HE25" s="342">
        <v>174726</v>
      </c>
      <c r="HF25" s="346">
        <v>225044</v>
      </c>
      <c r="HG25" s="347">
        <v>0</v>
      </c>
      <c r="HH25" s="342">
        <v>602324</v>
      </c>
      <c r="HI25" s="342">
        <v>486713</v>
      </c>
      <c r="HJ25" s="342">
        <v>1356929</v>
      </c>
      <c r="HK25" s="342">
        <v>1119678</v>
      </c>
      <c r="HL25" s="342">
        <v>448097</v>
      </c>
      <c r="HM25" s="343">
        <v>4013741</v>
      </c>
      <c r="HN25" s="344">
        <v>4238785</v>
      </c>
      <c r="HO25" s="348">
        <v>0</v>
      </c>
      <c r="HP25" s="342">
        <v>0</v>
      </c>
      <c r="HQ25" s="343">
        <v>0</v>
      </c>
      <c r="HR25" s="341">
        <v>0</v>
      </c>
      <c r="HS25" s="342">
        <v>0</v>
      </c>
      <c r="HT25" s="342">
        <v>0</v>
      </c>
      <c r="HU25" s="342">
        <v>0</v>
      </c>
      <c r="HV25" s="342">
        <v>0</v>
      </c>
      <c r="HW25" s="342">
        <v>0</v>
      </c>
      <c r="HX25" s="346">
        <v>0</v>
      </c>
      <c r="HY25" s="345">
        <v>0</v>
      </c>
      <c r="HZ25" s="350">
        <v>0</v>
      </c>
      <c r="IA25" s="351">
        <v>0</v>
      </c>
      <c r="IB25" s="352">
        <v>0</v>
      </c>
      <c r="IC25" s="353">
        <v>0</v>
      </c>
      <c r="ID25" s="351">
        <v>446157</v>
      </c>
      <c r="IE25" s="354">
        <v>650682</v>
      </c>
      <c r="IF25" s="352">
        <v>1502216</v>
      </c>
      <c r="IG25" s="351">
        <v>466473</v>
      </c>
      <c r="IH25" s="352">
        <v>280674</v>
      </c>
      <c r="II25" s="355">
        <v>3346202</v>
      </c>
      <c r="IJ25" s="356">
        <v>3346202</v>
      </c>
      <c r="IK25" s="357">
        <v>0</v>
      </c>
      <c r="IL25" s="358">
        <v>0</v>
      </c>
      <c r="IM25" s="359">
        <v>0</v>
      </c>
      <c r="IN25" s="436">
        <v>0</v>
      </c>
      <c r="IO25" s="360">
        <v>0</v>
      </c>
      <c r="IP25" s="360">
        <v>0</v>
      </c>
      <c r="IQ25" s="360">
        <v>0</v>
      </c>
      <c r="IR25" s="360">
        <v>0</v>
      </c>
      <c r="IS25" s="360">
        <v>0</v>
      </c>
      <c r="IT25" s="361">
        <v>0</v>
      </c>
      <c r="IU25" s="362">
        <v>0</v>
      </c>
      <c r="IV25" s="363">
        <v>0</v>
      </c>
      <c r="IW25" s="360">
        <v>0</v>
      </c>
      <c r="IX25" s="364">
        <v>0</v>
      </c>
      <c r="IY25" s="436">
        <v>0</v>
      </c>
      <c r="IZ25" s="360">
        <v>0</v>
      </c>
      <c r="JA25" s="360">
        <v>0</v>
      </c>
      <c r="JB25" s="360">
        <v>0</v>
      </c>
      <c r="JC25" s="360">
        <v>0</v>
      </c>
      <c r="JD25" s="360">
        <v>0</v>
      </c>
      <c r="JE25" s="364">
        <v>0</v>
      </c>
      <c r="JF25" s="365">
        <v>0</v>
      </c>
      <c r="JG25" s="363">
        <v>0</v>
      </c>
      <c r="JH25" s="360">
        <v>0</v>
      </c>
      <c r="JI25" s="361">
        <v>0</v>
      </c>
      <c r="JJ25" s="366">
        <v>0</v>
      </c>
      <c r="JK25" s="360">
        <v>446157</v>
      </c>
      <c r="JL25" s="360">
        <v>409857</v>
      </c>
      <c r="JM25" s="360">
        <v>284164</v>
      </c>
      <c r="JN25" s="360">
        <v>58281</v>
      </c>
      <c r="JO25" s="360">
        <v>280674</v>
      </c>
      <c r="JP25" s="364">
        <v>1479133</v>
      </c>
      <c r="JQ25" s="362">
        <v>1479133</v>
      </c>
      <c r="JR25" s="363">
        <v>0</v>
      </c>
      <c r="JS25" s="360">
        <v>0</v>
      </c>
      <c r="JT25" s="361">
        <v>0</v>
      </c>
      <c r="JU25" s="366">
        <v>0</v>
      </c>
      <c r="JV25" s="360">
        <v>0</v>
      </c>
      <c r="JW25" s="360">
        <v>0</v>
      </c>
      <c r="JX25" s="360">
        <v>0</v>
      </c>
      <c r="JY25" s="360">
        <v>0</v>
      </c>
      <c r="JZ25" s="360">
        <v>0</v>
      </c>
      <c r="KA25" s="364">
        <v>0</v>
      </c>
      <c r="KB25" s="362">
        <v>0</v>
      </c>
      <c r="KC25" s="367">
        <v>0</v>
      </c>
      <c r="KD25" s="368">
        <v>0</v>
      </c>
      <c r="KE25" s="364">
        <v>0</v>
      </c>
      <c r="KF25" s="366">
        <v>0</v>
      </c>
      <c r="KG25" s="360">
        <v>0</v>
      </c>
      <c r="KH25" s="360">
        <v>0</v>
      </c>
      <c r="KI25" s="360">
        <v>239235</v>
      </c>
      <c r="KJ25" s="360">
        <v>408192</v>
      </c>
      <c r="KK25" s="360">
        <v>0</v>
      </c>
      <c r="KL25" s="364">
        <v>647427</v>
      </c>
      <c r="KM25" s="369">
        <v>647427</v>
      </c>
      <c r="KN25" s="357">
        <v>0</v>
      </c>
      <c r="KO25" s="358">
        <v>0</v>
      </c>
      <c r="KP25" s="359">
        <v>0</v>
      </c>
      <c r="KQ25" s="436">
        <v>0</v>
      </c>
      <c r="KR25" s="360">
        <v>0</v>
      </c>
      <c r="KS25" s="360">
        <v>240825</v>
      </c>
      <c r="KT25" s="360">
        <v>978817</v>
      </c>
      <c r="KU25" s="360">
        <v>0</v>
      </c>
      <c r="KV25" s="360">
        <v>0</v>
      </c>
      <c r="KW25" s="364">
        <v>1219642</v>
      </c>
      <c r="KX25" s="362">
        <v>1219642</v>
      </c>
      <c r="KY25" s="363">
        <v>0</v>
      </c>
      <c r="KZ25" s="360">
        <v>0</v>
      </c>
      <c r="LA25" s="364">
        <v>0</v>
      </c>
      <c r="LB25" s="436">
        <v>0</v>
      </c>
      <c r="LC25" s="360">
        <v>0</v>
      </c>
      <c r="LD25" s="360">
        <v>0</v>
      </c>
      <c r="LE25" s="360">
        <v>0</v>
      </c>
      <c r="LF25" s="360">
        <v>0</v>
      </c>
      <c r="LG25" s="360">
        <v>0</v>
      </c>
      <c r="LH25" s="364">
        <v>0</v>
      </c>
      <c r="LI25" s="365">
        <v>0</v>
      </c>
      <c r="LJ25" s="363">
        <v>0</v>
      </c>
      <c r="LK25" s="360">
        <v>0</v>
      </c>
      <c r="LL25" s="364">
        <v>0</v>
      </c>
      <c r="LM25" s="436">
        <v>0</v>
      </c>
      <c r="LN25" s="360">
        <v>0</v>
      </c>
      <c r="LO25" s="360">
        <v>0</v>
      </c>
      <c r="LP25" s="360">
        <v>0</v>
      </c>
      <c r="LQ25" s="360">
        <v>0</v>
      </c>
      <c r="LR25" s="360">
        <v>0</v>
      </c>
      <c r="LS25" s="364">
        <v>0</v>
      </c>
      <c r="LT25" s="362">
        <v>0</v>
      </c>
      <c r="LU25" s="363">
        <v>0</v>
      </c>
      <c r="LV25" s="360">
        <v>0</v>
      </c>
      <c r="LW25" s="364">
        <v>0</v>
      </c>
      <c r="LX25" s="436">
        <v>0</v>
      </c>
      <c r="LY25" s="360">
        <v>0</v>
      </c>
      <c r="LZ25" s="360">
        <v>0</v>
      </c>
      <c r="MA25" s="360">
        <v>0</v>
      </c>
      <c r="MB25" s="360">
        <v>0</v>
      </c>
      <c r="MC25" s="360">
        <v>0</v>
      </c>
      <c r="MD25" s="364">
        <v>0</v>
      </c>
      <c r="ME25" s="365">
        <v>0</v>
      </c>
      <c r="MF25" s="363">
        <v>0</v>
      </c>
      <c r="MG25" s="360">
        <v>0</v>
      </c>
      <c r="MH25" s="364">
        <v>0</v>
      </c>
      <c r="MI25" s="436">
        <v>0</v>
      </c>
      <c r="MJ25" s="360">
        <v>0</v>
      </c>
      <c r="MK25" s="360">
        <v>514802</v>
      </c>
      <c r="ML25" s="360">
        <v>1354528</v>
      </c>
      <c r="MM25" s="360">
        <v>3489516</v>
      </c>
      <c r="MN25" s="360">
        <v>990369</v>
      </c>
      <c r="MO25" s="364">
        <v>6349215</v>
      </c>
      <c r="MP25" s="369">
        <v>6349215</v>
      </c>
      <c r="MQ25" s="363">
        <v>0</v>
      </c>
      <c r="MR25" s="360">
        <v>0</v>
      </c>
      <c r="MS25" s="364">
        <v>0</v>
      </c>
      <c r="MT25" s="436">
        <v>0</v>
      </c>
      <c r="MU25" s="360">
        <v>0</v>
      </c>
      <c r="MV25" s="360">
        <v>235437</v>
      </c>
      <c r="MW25" s="360">
        <v>1354528</v>
      </c>
      <c r="MX25" s="360">
        <v>3224272</v>
      </c>
      <c r="MY25" s="360">
        <v>990369</v>
      </c>
      <c r="MZ25" s="364">
        <v>5804606</v>
      </c>
      <c r="NA25" s="369">
        <v>5804606</v>
      </c>
      <c r="NB25" s="363">
        <v>0</v>
      </c>
      <c r="NC25" s="360">
        <v>0</v>
      </c>
      <c r="ND25" s="364">
        <v>0</v>
      </c>
      <c r="NE25" s="436">
        <v>0</v>
      </c>
      <c r="NF25" s="360">
        <v>0</v>
      </c>
      <c r="NG25" s="360">
        <v>279365</v>
      </c>
      <c r="NH25" s="360">
        <v>0</v>
      </c>
      <c r="NI25" s="360">
        <v>265244</v>
      </c>
      <c r="NJ25" s="360">
        <v>0</v>
      </c>
      <c r="NK25" s="364">
        <v>544609</v>
      </c>
      <c r="NL25" s="362">
        <v>544609</v>
      </c>
      <c r="NM25" s="363">
        <v>0</v>
      </c>
      <c r="NN25" s="360">
        <v>0</v>
      </c>
      <c r="NO25" s="364">
        <v>0</v>
      </c>
      <c r="NP25" s="436">
        <v>0</v>
      </c>
      <c r="NQ25" s="360">
        <v>0</v>
      </c>
      <c r="NR25" s="360">
        <v>0</v>
      </c>
      <c r="NS25" s="360">
        <v>0</v>
      </c>
      <c r="NT25" s="360">
        <v>0</v>
      </c>
      <c r="NU25" s="360">
        <v>0</v>
      </c>
      <c r="NV25" s="364">
        <v>0</v>
      </c>
      <c r="NW25" s="365">
        <v>0</v>
      </c>
      <c r="NX25" s="363">
        <v>0</v>
      </c>
      <c r="NY25" s="360">
        <v>0</v>
      </c>
      <c r="NZ25" s="364">
        <v>0</v>
      </c>
      <c r="OA25" s="436">
        <v>0</v>
      </c>
      <c r="OB25" s="360">
        <v>0</v>
      </c>
      <c r="OC25" s="360">
        <v>0</v>
      </c>
      <c r="OD25" s="360">
        <v>0</v>
      </c>
      <c r="OE25" s="360">
        <v>0</v>
      </c>
      <c r="OF25" s="360">
        <v>0</v>
      </c>
      <c r="OG25" s="364">
        <v>0</v>
      </c>
      <c r="OH25" s="365">
        <v>0</v>
      </c>
      <c r="OI25" s="363">
        <v>304910</v>
      </c>
      <c r="OJ25" s="360">
        <v>499963</v>
      </c>
      <c r="OK25" s="361">
        <v>804873</v>
      </c>
      <c r="OL25" s="366">
        <v>0</v>
      </c>
      <c r="OM25" s="360">
        <v>5766033</v>
      </c>
      <c r="ON25" s="360">
        <v>5582714</v>
      </c>
      <c r="OO25" s="360">
        <v>7541985</v>
      </c>
      <c r="OP25" s="360">
        <v>7955105</v>
      </c>
      <c r="OQ25" s="360">
        <v>4134537</v>
      </c>
      <c r="OR25" s="364">
        <v>30980374</v>
      </c>
      <c r="OS25" s="369">
        <v>31785247</v>
      </c>
    </row>
    <row r="26" spans="2:409" s="137" customFormat="1" ht="21" customHeight="1" x14ac:dyDescent="0.2">
      <c r="B26" s="421" t="s">
        <v>21</v>
      </c>
      <c r="C26" s="341">
        <v>324446</v>
      </c>
      <c r="D26" s="342">
        <v>462612</v>
      </c>
      <c r="E26" s="343">
        <v>787058</v>
      </c>
      <c r="F26" s="344">
        <v>0</v>
      </c>
      <c r="G26" s="342">
        <v>3523914</v>
      </c>
      <c r="H26" s="342">
        <v>4001681</v>
      </c>
      <c r="I26" s="342">
        <v>3266473</v>
      </c>
      <c r="J26" s="342">
        <v>3080856</v>
      </c>
      <c r="K26" s="342">
        <v>2947913</v>
      </c>
      <c r="L26" s="382">
        <v>16820837</v>
      </c>
      <c r="M26" s="345">
        <v>17607895</v>
      </c>
      <c r="N26" s="341">
        <v>174325</v>
      </c>
      <c r="O26" s="342">
        <v>120359</v>
      </c>
      <c r="P26" s="343">
        <v>294684</v>
      </c>
      <c r="Q26" s="341">
        <v>0</v>
      </c>
      <c r="R26" s="342">
        <v>1262054</v>
      </c>
      <c r="S26" s="342">
        <v>1342114</v>
      </c>
      <c r="T26" s="342">
        <v>1041995</v>
      </c>
      <c r="U26" s="342">
        <v>1407390</v>
      </c>
      <c r="V26" s="342">
        <v>1456088</v>
      </c>
      <c r="W26" s="343">
        <v>6509641</v>
      </c>
      <c r="X26" s="345">
        <v>6804325</v>
      </c>
      <c r="Y26" s="341">
        <v>0</v>
      </c>
      <c r="Z26" s="342">
        <v>0</v>
      </c>
      <c r="AA26" s="343">
        <v>0</v>
      </c>
      <c r="AB26" s="341">
        <v>0</v>
      </c>
      <c r="AC26" s="342">
        <v>418499</v>
      </c>
      <c r="AD26" s="342">
        <v>432403</v>
      </c>
      <c r="AE26" s="342">
        <v>569273</v>
      </c>
      <c r="AF26" s="342">
        <v>571138</v>
      </c>
      <c r="AG26" s="342">
        <v>982553</v>
      </c>
      <c r="AH26" s="343">
        <v>2973866</v>
      </c>
      <c r="AI26" s="345">
        <v>2973866</v>
      </c>
      <c r="AJ26" s="341">
        <v>0</v>
      </c>
      <c r="AK26" s="342">
        <v>0</v>
      </c>
      <c r="AL26" s="343">
        <v>0</v>
      </c>
      <c r="AM26" s="341">
        <v>0</v>
      </c>
      <c r="AN26" s="342">
        <v>44965</v>
      </c>
      <c r="AO26" s="342">
        <v>0</v>
      </c>
      <c r="AP26" s="342">
        <v>0</v>
      </c>
      <c r="AQ26" s="342">
        <v>93534</v>
      </c>
      <c r="AR26" s="342">
        <v>249121</v>
      </c>
      <c r="AS26" s="343">
        <v>387620</v>
      </c>
      <c r="AT26" s="345">
        <v>387620</v>
      </c>
      <c r="AU26" s="341">
        <v>93256</v>
      </c>
      <c r="AV26" s="342">
        <v>77038</v>
      </c>
      <c r="AW26" s="343">
        <v>170294</v>
      </c>
      <c r="AX26" s="341">
        <v>0</v>
      </c>
      <c r="AY26" s="342">
        <v>540181</v>
      </c>
      <c r="AZ26" s="342">
        <v>595892</v>
      </c>
      <c r="BA26" s="342">
        <v>325642</v>
      </c>
      <c r="BB26" s="342">
        <v>502678</v>
      </c>
      <c r="BC26" s="342">
        <v>44948</v>
      </c>
      <c r="BD26" s="343">
        <v>2009341</v>
      </c>
      <c r="BE26" s="345">
        <v>2179635</v>
      </c>
      <c r="BF26" s="341">
        <v>37405</v>
      </c>
      <c r="BG26" s="342">
        <v>15849</v>
      </c>
      <c r="BH26" s="346">
        <v>53254</v>
      </c>
      <c r="BI26" s="347">
        <v>0</v>
      </c>
      <c r="BJ26" s="342">
        <v>48841</v>
      </c>
      <c r="BK26" s="342">
        <v>93851</v>
      </c>
      <c r="BL26" s="342">
        <v>0</v>
      </c>
      <c r="BM26" s="342">
        <v>67832</v>
      </c>
      <c r="BN26" s="342">
        <v>65738</v>
      </c>
      <c r="BO26" s="343">
        <v>276262</v>
      </c>
      <c r="BP26" s="345">
        <v>329516</v>
      </c>
      <c r="BQ26" s="341">
        <v>43664</v>
      </c>
      <c r="BR26" s="342">
        <v>27472</v>
      </c>
      <c r="BS26" s="343">
        <v>71136</v>
      </c>
      <c r="BT26" s="341">
        <v>0</v>
      </c>
      <c r="BU26" s="342">
        <v>209568</v>
      </c>
      <c r="BV26" s="342">
        <v>219968</v>
      </c>
      <c r="BW26" s="342">
        <v>147080</v>
      </c>
      <c r="BX26" s="342">
        <v>172208</v>
      </c>
      <c r="BY26" s="342">
        <v>113728</v>
      </c>
      <c r="BZ26" s="343">
        <v>862552</v>
      </c>
      <c r="CA26" s="345">
        <v>933688</v>
      </c>
      <c r="CB26" s="341">
        <v>60698</v>
      </c>
      <c r="CC26" s="342">
        <v>37583</v>
      </c>
      <c r="CD26" s="343">
        <v>98281</v>
      </c>
      <c r="CE26" s="341">
        <v>0</v>
      </c>
      <c r="CF26" s="342">
        <v>1137661</v>
      </c>
      <c r="CG26" s="342">
        <v>1072061</v>
      </c>
      <c r="CH26" s="342">
        <v>775696</v>
      </c>
      <c r="CI26" s="342">
        <v>283644</v>
      </c>
      <c r="CJ26" s="342">
        <v>94808</v>
      </c>
      <c r="CK26" s="343">
        <v>3363870</v>
      </c>
      <c r="CL26" s="345">
        <v>3462151</v>
      </c>
      <c r="CM26" s="341">
        <v>0</v>
      </c>
      <c r="CN26" s="342">
        <v>0</v>
      </c>
      <c r="CO26" s="343">
        <v>0</v>
      </c>
      <c r="CP26" s="347">
        <v>0</v>
      </c>
      <c r="CQ26" s="342">
        <v>808853</v>
      </c>
      <c r="CR26" s="342">
        <v>820462</v>
      </c>
      <c r="CS26" s="342">
        <v>563342</v>
      </c>
      <c r="CT26" s="342">
        <v>283644</v>
      </c>
      <c r="CU26" s="342">
        <v>45494</v>
      </c>
      <c r="CV26" s="343">
        <v>2521795</v>
      </c>
      <c r="CW26" s="345">
        <v>2521795</v>
      </c>
      <c r="CX26" s="341">
        <v>60698</v>
      </c>
      <c r="CY26" s="342">
        <v>37583</v>
      </c>
      <c r="CZ26" s="343">
        <v>98281</v>
      </c>
      <c r="DA26" s="341">
        <v>0</v>
      </c>
      <c r="DB26" s="342">
        <v>328808</v>
      </c>
      <c r="DC26" s="342">
        <v>251599</v>
      </c>
      <c r="DD26" s="342">
        <v>212354</v>
      </c>
      <c r="DE26" s="342">
        <v>0</v>
      </c>
      <c r="DF26" s="342">
        <v>49314</v>
      </c>
      <c r="DG26" s="343">
        <v>842075</v>
      </c>
      <c r="DH26" s="345">
        <v>940356</v>
      </c>
      <c r="DI26" s="341">
        <v>0</v>
      </c>
      <c r="DJ26" s="342">
        <v>0</v>
      </c>
      <c r="DK26" s="346">
        <v>0</v>
      </c>
      <c r="DL26" s="347">
        <v>0</v>
      </c>
      <c r="DM26" s="342">
        <v>121399</v>
      </c>
      <c r="DN26" s="342">
        <v>112099</v>
      </c>
      <c r="DO26" s="342">
        <v>490930</v>
      </c>
      <c r="DP26" s="342">
        <v>305173</v>
      </c>
      <c r="DQ26" s="342">
        <v>544167</v>
      </c>
      <c r="DR26" s="343">
        <v>1573768</v>
      </c>
      <c r="DS26" s="345">
        <v>1573768</v>
      </c>
      <c r="DT26" s="341">
        <v>0</v>
      </c>
      <c r="DU26" s="342">
        <v>0</v>
      </c>
      <c r="DV26" s="343">
        <v>0</v>
      </c>
      <c r="DW26" s="341">
        <v>0</v>
      </c>
      <c r="DX26" s="342">
        <v>121399</v>
      </c>
      <c r="DY26" s="342">
        <v>112099</v>
      </c>
      <c r="DZ26" s="342">
        <v>471912</v>
      </c>
      <c r="EA26" s="342">
        <v>305173</v>
      </c>
      <c r="EB26" s="342">
        <v>544167</v>
      </c>
      <c r="EC26" s="343">
        <v>1554750</v>
      </c>
      <c r="ED26" s="345">
        <v>1554750</v>
      </c>
      <c r="EE26" s="341">
        <v>0</v>
      </c>
      <c r="EF26" s="346">
        <v>0</v>
      </c>
      <c r="EG26" s="343">
        <v>0</v>
      </c>
      <c r="EH26" s="341">
        <v>0</v>
      </c>
      <c r="EI26" s="342">
        <v>0</v>
      </c>
      <c r="EJ26" s="342">
        <v>0</v>
      </c>
      <c r="EK26" s="342">
        <v>19018</v>
      </c>
      <c r="EL26" s="342">
        <v>0</v>
      </c>
      <c r="EM26" s="342">
        <v>0</v>
      </c>
      <c r="EN26" s="346">
        <v>19018</v>
      </c>
      <c r="EO26" s="345">
        <v>19018</v>
      </c>
      <c r="EP26" s="341">
        <v>0</v>
      </c>
      <c r="EQ26" s="342">
        <v>0</v>
      </c>
      <c r="ER26" s="346">
        <v>0</v>
      </c>
      <c r="ES26" s="347">
        <v>0</v>
      </c>
      <c r="ET26" s="342">
        <v>0</v>
      </c>
      <c r="EU26" s="342">
        <v>0</v>
      </c>
      <c r="EV26" s="342">
        <v>0</v>
      </c>
      <c r="EW26" s="342">
        <v>0</v>
      </c>
      <c r="EX26" s="342">
        <v>0</v>
      </c>
      <c r="EY26" s="343">
        <v>0</v>
      </c>
      <c r="EZ26" s="345">
        <v>0</v>
      </c>
      <c r="FA26" s="341">
        <v>0</v>
      </c>
      <c r="FB26" s="342">
        <v>0</v>
      </c>
      <c r="FC26" s="346">
        <v>0</v>
      </c>
      <c r="FD26" s="347">
        <v>0</v>
      </c>
      <c r="FE26" s="342">
        <v>0</v>
      </c>
      <c r="FF26" s="342">
        <v>0</v>
      </c>
      <c r="FG26" s="342">
        <v>0</v>
      </c>
      <c r="FH26" s="342">
        <v>0</v>
      </c>
      <c r="FI26" s="342">
        <v>0</v>
      </c>
      <c r="FJ26" s="343">
        <v>0</v>
      </c>
      <c r="FK26" s="345">
        <v>0</v>
      </c>
      <c r="FL26" s="341">
        <v>81808</v>
      </c>
      <c r="FM26" s="342">
        <v>134005</v>
      </c>
      <c r="FN26" s="343">
        <v>215813</v>
      </c>
      <c r="FO26" s="341">
        <v>0</v>
      </c>
      <c r="FP26" s="342">
        <v>287792</v>
      </c>
      <c r="FQ26" s="342">
        <v>378616</v>
      </c>
      <c r="FR26" s="342">
        <v>394000</v>
      </c>
      <c r="FS26" s="342">
        <v>266784</v>
      </c>
      <c r="FT26" s="342">
        <v>185040</v>
      </c>
      <c r="FU26" s="343">
        <v>1512232</v>
      </c>
      <c r="FV26" s="345">
        <v>1728045</v>
      </c>
      <c r="FW26" s="348">
        <v>81808</v>
      </c>
      <c r="FX26" s="342">
        <v>108200</v>
      </c>
      <c r="FY26" s="346">
        <v>190008</v>
      </c>
      <c r="FZ26" s="347">
        <v>0</v>
      </c>
      <c r="GA26" s="342">
        <v>127792</v>
      </c>
      <c r="GB26" s="342">
        <v>378616</v>
      </c>
      <c r="GC26" s="342">
        <v>358800</v>
      </c>
      <c r="GD26" s="342">
        <v>266784</v>
      </c>
      <c r="GE26" s="342">
        <v>185040</v>
      </c>
      <c r="GF26" s="343">
        <v>1317032</v>
      </c>
      <c r="GG26" s="349">
        <v>1507040</v>
      </c>
      <c r="GH26" s="348">
        <v>0</v>
      </c>
      <c r="GI26" s="342">
        <v>25805</v>
      </c>
      <c r="GJ26" s="346">
        <v>25805</v>
      </c>
      <c r="GK26" s="347">
        <v>0</v>
      </c>
      <c r="GL26" s="342">
        <v>0</v>
      </c>
      <c r="GM26" s="342">
        <v>0</v>
      </c>
      <c r="GN26" s="342">
        <v>0</v>
      </c>
      <c r="GO26" s="342">
        <v>0</v>
      </c>
      <c r="GP26" s="342">
        <v>0</v>
      </c>
      <c r="GQ26" s="343">
        <v>0</v>
      </c>
      <c r="GR26" s="345">
        <v>25805</v>
      </c>
      <c r="GS26" s="341">
        <v>0</v>
      </c>
      <c r="GT26" s="342">
        <v>0</v>
      </c>
      <c r="GU26" s="343">
        <v>0</v>
      </c>
      <c r="GV26" s="341">
        <v>0</v>
      </c>
      <c r="GW26" s="342">
        <v>160000</v>
      </c>
      <c r="GX26" s="342">
        <v>0</v>
      </c>
      <c r="GY26" s="342">
        <v>35200</v>
      </c>
      <c r="GZ26" s="342">
        <v>0</v>
      </c>
      <c r="HA26" s="342">
        <v>0</v>
      </c>
      <c r="HB26" s="346">
        <v>195200</v>
      </c>
      <c r="HC26" s="345">
        <v>195200</v>
      </c>
      <c r="HD26" s="341">
        <v>7615</v>
      </c>
      <c r="HE26" s="342">
        <v>170665</v>
      </c>
      <c r="HF26" s="346">
        <v>178280</v>
      </c>
      <c r="HG26" s="347">
        <v>0</v>
      </c>
      <c r="HH26" s="342">
        <v>715008</v>
      </c>
      <c r="HI26" s="342">
        <v>1096791</v>
      </c>
      <c r="HJ26" s="342">
        <v>563852</v>
      </c>
      <c r="HK26" s="342">
        <v>817865</v>
      </c>
      <c r="HL26" s="342">
        <v>667810</v>
      </c>
      <c r="HM26" s="343">
        <v>3861326</v>
      </c>
      <c r="HN26" s="344">
        <v>4039606</v>
      </c>
      <c r="HO26" s="348">
        <v>0</v>
      </c>
      <c r="HP26" s="342">
        <v>0</v>
      </c>
      <c r="HQ26" s="343">
        <v>0</v>
      </c>
      <c r="HR26" s="341">
        <v>0</v>
      </c>
      <c r="HS26" s="342">
        <v>0</v>
      </c>
      <c r="HT26" s="342">
        <v>0</v>
      </c>
      <c r="HU26" s="342">
        <v>0</v>
      </c>
      <c r="HV26" s="342">
        <v>0</v>
      </c>
      <c r="HW26" s="342">
        <v>0</v>
      </c>
      <c r="HX26" s="346">
        <v>0</v>
      </c>
      <c r="HY26" s="345">
        <v>0</v>
      </c>
      <c r="HZ26" s="373">
        <v>0</v>
      </c>
      <c r="IA26" s="371">
        <v>0</v>
      </c>
      <c r="IB26" s="373">
        <v>0</v>
      </c>
      <c r="IC26" s="370">
        <v>0</v>
      </c>
      <c r="ID26" s="371">
        <v>998130</v>
      </c>
      <c r="IE26" s="372">
        <v>718384</v>
      </c>
      <c r="IF26" s="373">
        <v>839736</v>
      </c>
      <c r="IG26" s="371">
        <v>217892</v>
      </c>
      <c r="IH26" s="373">
        <v>0</v>
      </c>
      <c r="II26" s="374">
        <v>2774142</v>
      </c>
      <c r="IJ26" s="373">
        <v>2774142</v>
      </c>
      <c r="IK26" s="357">
        <v>0</v>
      </c>
      <c r="IL26" s="358">
        <v>0</v>
      </c>
      <c r="IM26" s="359">
        <v>0</v>
      </c>
      <c r="IN26" s="436">
        <v>0</v>
      </c>
      <c r="IO26" s="360">
        <v>0</v>
      </c>
      <c r="IP26" s="360">
        <v>0</v>
      </c>
      <c r="IQ26" s="360">
        <v>0</v>
      </c>
      <c r="IR26" s="360">
        <v>0</v>
      </c>
      <c r="IS26" s="360">
        <v>0</v>
      </c>
      <c r="IT26" s="361">
        <v>0</v>
      </c>
      <c r="IU26" s="362">
        <v>0</v>
      </c>
      <c r="IV26" s="363">
        <v>0</v>
      </c>
      <c r="IW26" s="360">
        <v>0</v>
      </c>
      <c r="IX26" s="364">
        <v>0</v>
      </c>
      <c r="IY26" s="436">
        <v>0</v>
      </c>
      <c r="IZ26" s="360">
        <v>0</v>
      </c>
      <c r="JA26" s="360">
        <v>0</v>
      </c>
      <c r="JB26" s="360">
        <v>0</v>
      </c>
      <c r="JC26" s="360">
        <v>0</v>
      </c>
      <c r="JD26" s="360">
        <v>0</v>
      </c>
      <c r="JE26" s="364">
        <v>0</v>
      </c>
      <c r="JF26" s="365">
        <v>0</v>
      </c>
      <c r="JG26" s="363">
        <v>0</v>
      </c>
      <c r="JH26" s="360">
        <v>0</v>
      </c>
      <c r="JI26" s="361">
        <v>0</v>
      </c>
      <c r="JJ26" s="366">
        <v>0</v>
      </c>
      <c r="JK26" s="360">
        <v>551348</v>
      </c>
      <c r="JL26" s="360">
        <v>243019</v>
      </c>
      <c r="JM26" s="360">
        <v>135748</v>
      </c>
      <c r="JN26" s="360">
        <v>217892</v>
      </c>
      <c r="JO26" s="360">
        <v>0</v>
      </c>
      <c r="JP26" s="364">
        <v>1148007</v>
      </c>
      <c r="JQ26" s="362">
        <v>1148007</v>
      </c>
      <c r="JR26" s="363">
        <v>0</v>
      </c>
      <c r="JS26" s="360">
        <v>0</v>
      </c>
      <c r="JT26" s="361">
        <v>0</v>
      </c>
      <c r="JU26" s="366">
        <v>0</v>
      </c>
      <c r="JV26" s="360">
        <v>0</v>
      </c>
      <c r="JW26" s="360">
        <v>0</v>
      </c>
      <c r="JX26" s="360">
        <v>0</v>
      </c>
      <c r="JY26" s="360">
        <v>0</v>
      </c>
      <c r="JZ26" s="360">
        <v>0</v>
      </c>
      <c r="KA26" s="364">
        <v>0</v>
      </c>
      <c r="KB26" s="362">
        <v>0</v>
      </c>
      <c r="KC26" s="367">
        <v>0</v>
      </c>
      <c r="KD26" s="368">
        <v>0</v>
      </c>
      <c r="KE26" s="364">
        <v>0</v>
      </c>
      <c r="KF26" s="366">
        <v>0</v>
      </c>
      <c r="KG26" s="360">
        <v>0</v>
      </c>
      <c r="KH26" s="360">
        <v>0</v>
      </c>
      <c r="KI26" s="360">
        <v>226056</v>
      </c>
      <c r="KJ26" s="360">
        <v>0</v>
      </c>
      <c r="KK26" s="360">
        <v>0</v>
      </c>
      <c r="KL26" s="364">
        <v>226056</v>
      </c>
      <c r="KM26" s="369">
        <v>226056</v>
      </c>
      <c r="KN26" s="357">
        <v>0</v>
      </c>
      <c r="KO26" s="358">
        <v>0</v>
      </c>
      <c r="KP26" s="359">
        <v>0</v>
      </c>
      <c r="KQ26" s="436">
        <v>0</v>
      </c>
      <c r="KR26" s="360">
        <v>446782</v>
      </c>
      <c r="KS26" s="360">
        <v>475365</v>
      </c>
      <c r="KT26" s="360">
        <v>477932</v>
      </c>
      <c r="KU26" s="360">
        <v>0</v>
      </c>
      <c r="KV26" s="360">
        <v>0</v>
      </c>
      <c r="KW26" s="364">
        <v>1400079</v>
      </c>
      <c r="KX26" s="362">
        <v>1400079</v>
      </c>
      <c r="KY26" s="363">
        <v>0</v>
      </c>
      <c r="KZ26" s="360">
        <v>0</v>
      </c>
      <c r="LA26" s="364">
        <v>0</v>
      </c>
      <c r="LB26" s="436">
        <v>0</v>
      </c>
      <c r="LC26" s="360">
        <v>0</v>
      </c>
      <c r="LD26" s="360">
        <v>0</v>
      </c>
      <c r="LE26" s="360">
        <v>0</v>
      </c>
      <c r="LF26" s="360">
        <v>0</v>
      </c>
      <c r="LG26" s="360">
        <v>0</v>
      </c>
      <c r="LH26" s="364">
        <v>0</v>
      </c>
      <c r="LI26" s="365">
        <v>0</v>
      </c>
      <c r="LJ26" s="363">
        <v>0</v>
      </c>
      <c r="LK26" s="360">
        <v>0</v>
      </c>
      <c r="LL26" s="364">
        <v>0</v>
      </c>
      <c r="LM26" s="436">
        <v>0</v>
      </c>
      <c r="LN26" s="360">
        <v>0</v>
      </c>
      <c r="LO26" s="360">
        <v>0</v>
      </c>
      <c r="LP26" s="360">
        <v>0</v>
      </c>
      <c r="LQ26" s="360">
        <v>0</v>
      </c>
      <c r="LR26" s="360">
        <v>0</v>
      </c>
      <c r="LS26" s="364">
        <v>0</v>
      </c>
      <c r="LT26" s="362">
        <v>0</v>
      </c>
      <c r="LU26" s="363">
        <v>0</v>
      </c>
      <c r="LV26" s="360">
        <v>0</v>
      </c>
      <c r="LW26" s="364">
        <v>0</v>
      </c>
      <c r="LX26" s="436">
        <v>0</v>
      </c>
      <c r="LY26" s="360">
        <v>0</v>
      </c>
      <c r="LZ26" s="360">
        <v>0</v>
      </c>
      <c r="MA26" s="360">
        <v>0</v>
      </c>
      <c r="MB26" s="360">
        <v>0</v>
      </c>
      <c r="MC26" s="360">
        <v>0</v>
      </c>
      <c r="MD26" s="364">
        <v>0</v>
      </c>
      <c r="ME26" s="365">
        <v>0</v>
      </c>
      <c r="MF26" s="363">
        <v>0</v>
      </c>
      <c r="MG26" s="360">
        <v>0</v>
      </c>
      <c r="MH26" s="364">
        <v>0</v>
      </c>
      <c r="MI26" s="436">
        <v>0</v>
      </c>
      <c r="MJ26" s="360">
        <v>0</v>
      </c>
      <c r="MK26" s="360">
        <v>0</v>
      </c>
      <c r="ML26" s="360">
        <v>1676326</v>
      </c>
      <c r="MM26" s="360">
        <v>1855452</v>
      </c>
      <c r="MN26" s="360">
        <v>2374807</v>
      </c>
      <c r="MO26" s="364">
        <v>5906585</v>
      </c>
      <c r="MP26" s="369">
        <v>5906585</v>
      </c>
      <c r="MQ26" s="363">
        <v>0</v>
      </c>
      <c r="MR26" s="360">
        <v>0</v>
      </c>
      <c r="MS26" s="364">
        <v>0</v>
      </c>
      <c r="MT26" s="436">
        <v>0</v>
      </c>
      <c r="MU26" s="360">
        <v>0</v>
      </c>
      <c r="MV26" s="360">
        <v>0</v>
      </c>
      <c r="MW26" s="360">
        <v>953103</v>
      </c>
      <c r="MX26" s="360">
        <v>1778539</v>
      </c>
      <c r="MY26" s="360">
        <v>2374807</v>
      </c>
      <c r="MZ26" s="364">
        <v>5106449</v>
      </c>
      <c r="NA26" s="369">
        <v>5106449</v>
      </c>
      <c r="NB26" s="363">
        <v>0</v>
      </c>
      <c r="NC26" s="360">
        <v>0</v>
      </c>
      <c r="ND26" s="364">
        <v>0</v>
      </c>
      <c r="NE26" s="436">
        <v>0</v>
      </c>
      <c r="NF26" s="360">
        <v>0</v>
      </c>
      <c r="NG26" s="360">
        <v>0</v>
      </c>
      <c r="NH26" s="360">
        <v>723223</v>
      </c>
      <c r="NI26" s="360">
        <v>0</v>
      </c>
      <c r="NJ26" s="360">
        <v>0</v>
      </c>
      <c r="NK26" s="364">
        <v>723223</v>
      </c>
      <c r="NL26" s="362">
        <v>723223</v>
      </c>
      <c r="NM26" s="363">
        <v>0</v>
      </c>
      <c r="NN26" s="360">
        <v>0</v>
      </c>
      <c r="NO26" s="364">
        <v>0</v>
      </c>
      <c r="NP26" s="436">
        <v>0</v>
      </c>
      <c r="NQ26" s="360">
        <v>0</v>
      </c>
      <c r="NR26" s="360">
        <v>0</v>
      </c>
      <c r="NS26" s="360">
        <v>0</v>
      </c>
      <c r="NT26" s="360">
        <v>0</v>
      </c>
      <c r="NU26" s="360">
        <v>0</v>
      </c>
      <c r="NV26" s="364">
        <v>0</v>
      </c>
      <c r="NW26" s="365">
        <v>0</v>
      </c>
      <c r="NX26" s="363">
        <v>0</v>
      </c>
      <c r="NY26" s="360">
        <v>0</v>
      </c>
      <c r="NZ26" s="364">
        <v>0</v>
      </c>
      <c r="OA26" s="436">
        <v>0</v>
      </c>
      <c r="OB26" s="360">
        <v>0</v>
      </c>
      <c r="OC26" s="360">
        <v>0</v>
      </c>
      <c r="OD26" s="360">
        <v>0</v>
      </c>
      <c r="OE26" s="360">
        <v>76913</v>
      </c>
      <c r="OF26" s="360">
        <v>0</v>
      </c>
      <c r="OG26" s="364">
        <v>76913</v>
      </c>
      <c r="OH26" s="365">
        <v>76913</v>
      </c>
      <c r="OI26" s="363">
        <v>324446</v>
      </c>
      <c r="OJ26" s="360">
        <v>462612</v>
      </c>
      <c r="OK26" s="361">
        <v>787058</v>
      </c>
      <c r="OL26" s="366">
        <v>0</v>
      </c>
      <c r="OM26" s="360">
        <v>4522044</v>
      </c>
      <c r="ON26" s="360">
        <v>4720065</v>
      </c>
      <c r="OO26" s="360">
        <v>5782535</v>
      </c>
      <c r="OP26" s="360">
        <v>5154200</v>
      </c>
      <c r="OQ26" s="360">
        <v>5322720</v>
      </c>
      <c r="OR26" s="364">
        <v>25501564</v>
      </c>
      <c r="OS26" s="369">
        <v>26288622</v>
      </c>
    </row>
    <row r="27" spans="2:409" s="137" customFormat="1" ht="21" customHeight="1" x14ac:dyDescent="0.2">
      <c r="B27" s="421" t="s">
        <v>22</v>
      </c>
      <c r="C27" s="341">
        <v>59664</v>
      </c>
      <c r="D27" s="342">
        <v>160555</v>
      </c>
      <c r="E27" s="343">
        <v>220219</v>
      </c>
      <c r="F27" s="344">
        <v>0</v>
      </c>
      <c r="G27" s="342">
        <v>2045319</v>
      </c>
      <c r="H27" s="342">
        <v>1304082</v>
      </c>
      <c r="I27" s="342">
        <v>1444554</v>
      </c>
      <c r="J27" s="342">
        <v>1163412</v>
      </c>
      <c r="K27" s="342">
        <v>758226</v>
      </c>
      <c r="L27" s="382">
        <v>6715593</v>
      </c>
      <c r="M27" s="345">
        <v>6935812</v>
      </c>
      <c r="N27" s="341">
        <v>38320</v>
      </c>
      <c r="O27" s="342">
        <v>49507</v>
      </c>
      <c r="P27" s="343">
        <v>87827</v>
      </c>
      <c r="Q27" s="341">
        <v>0</v>
      </c>
      <c r="R27" s="342">
        <v>439288</v>
      </c>
      <c r="S27" s="342">
        <v>356300</v>
      </c>
      <c r="T27" s="342">
        <v>374821</v>
      </c>
      <c r="U27" s="342">
        <v>150086</v>
      </c>
      <c r="V27" s="342">
        <v>239972</v>
      </c>
      <c r="W27" s="343">
        <v>1560467</v>
      </c>
      <c r="X27" s="345">
        <v>1648294</v>
      </c>
      <c r="Y27" s="341">
        <v>0</v>
      </c>
      <c r="Z27" s="342">
        <v>0</v>
      </c>
      <c r="AA27" s="343">
        <v>0</v>
      </c>
      <c r="AB27" s="341">
        <v>0</v>
      </c>
      <c r="AC27" s="342">
        <v>279456</v>
      </c>
      <c r="AD27" s="342">
        <v>74464</v>
      </c>
      <c r="AE27" s="342">
        <v>238736</v>
      </c>
      <c r="AF27" s="342">
        <v>0</v>
      </c>
      <c r="AG27" s="342">
        <v>120830</v>
      </c>
      <c r="AH27" s="343">
        <v>713486</v>
      </c>
      <c r="AI27" s="345">
        <v>713486</v>
      </c>
      <c r="AJ27" s="341">
        <v>0</v>
      </c>
      <c r="AK27" s="342">
        <v>0</v>
      </c>
      <c r="AL27" s="343">
        <v>0</v>
      </c>
      <c r="AM27" s="341">
        <v>0</v>
      </c>
      <c r="AN27" s="342">
        <v>0</v>
      </c>
      <c r="AO27" s="342">
        <v>0</v>
      </c>
      <c r="AP27" s="342">
        <v>0</v>
      </c>
      <c r="AQ27" s="342">
        <v>34590</v>
      </c>
      <c r="AR27" s="342">
        <v>0</v>
      </c>
      <c r="AS27" s="343">
        <v>34590</v>
      </c>
      <c r="AT27" s="345">
        <v>34590</v>
      </c>
      <c r="AU27" s="341">
        <v>0</v>
      </c>
      <c r="AV27" s="342">
        <v>49507</v>
      </c>
      <c r="AW27" s="343">
        <v>49507</v>
      </c>
      <c r="AX27" s="341">
        <v>0</v>
      </c>
      <c r="AY27" s="342">
        <v>68848</v>
      </c>
      <c r="AZ27" s="342">
        <v>145195</v>
      </c>
      <c r="BA27" s="342">
        <v>104805</v>
      </c>
      <c r="BB27" s="342">
        <v>38296</v>
      </c>
      <c r="BC27" s="342">
        <v>93094</v>
      </c>
      <c r="BD27" s="343">
        <v>450238</v>
      </c>
      <c r="BE27" s="345">
        <v>499745</v>
      </c>
      <c r="BF27" s="341">
        <v>30048</v>
      </c>
      <c r="BG27" s="342">
        <v>0</v>
      </c>
      <c r="BH27" s="346">
        <v>30048</v>
      </c>
      <c r="BI27" s="347">
        <v>0</v>
      </c>
      <c r="BJ27" s="342">
        <v>0</v>
      </c>
      <c r="BK27" s="342">
        <v>62793</v>
      </c>
      <c r="BL27" s="342">
        <v>0</v>
      </c>
      <c r="BM27" s="342">
        <v>0</v>
      </c>
      <c r="BN27" s="342">
        <v>0</v>
      </c>
      <c r="BO27" s="343">
        <v>62793</v>
      </c>
      <c r="BP27" s="345">
        <v>92841</v>
      </c>
      <c r="BQ27" s="341">
        <v>8272</v>
      </c>
      <c r="BR27" s="342">
        <v>0</v>
      </c>
      <c r="BS27" s="343">
        <v>8272</v>
      </c>
      <c r="BT27" s="341">
        <v>0</v>
      </c>
      <c r="BU27" s="342">
        <v>90984</v>
      </c>
      <c r="BV27" s="342">
        <v>73848</v>
      </c>
      <c r="BW27" s="342">
        <v>31280</v>
      </c>
      <c r="BX27" s="342">
        <v>77200</v>
      </c>
      <c r="BY27" s="342">
        <v>26048</v>
      </c>
      <c r="BZ27" s="343">
        <v>299360</v>
      </c>
      <c r="CA27" s="345">
        <v>307632</v>
      </c>
      <c r="CB27" s="341">
        <v>18544</v>
      </c>
      <c r="CC27" s="342">
        <v>0</v>
      </c>
      <c r="CD27" s="343">
        <v>18544</v>
      </c>
      <c r="CE27" s="341">
        <v>0</v>
      </c>
      <c r="CF27" s="342">
        <v>737109</v>
      </c>
      <c r="CG27" s="342">
        <v>234672</v>
      </c>
      <c r="CH27" s="342">
        <v>657524</v>
      </c>
      <c r="CI27" s="342">
        <v>136515</v>
      </c>
      <c r="CJ27" s="342">
        <v>170672</v>
      </c>
      <c r="CK27" s="343">
        <v>1936492</v>
      </c>
      <c r="CL27" s="345">
        <v>1955036</v>
      </c>
      <c r="CM27" s="341">
        <v>0</v>
      </c>
      <c r="CN27" s="342">
        <v>0</v>
      </c>
      <c r="CO27" s="343">
        <v>0</v>
      </c>
      <c r="CP27" s="347">
        <v>0</v>
      </c>
      <c r="CQ27" s="342">
        <v>533269</v>
      </c>
      <c r="CR27" s="342">
        <v>234672</v>
      </c>
      <c r="CS27" s="342">
        <v>570999</v>
      </c>
      <c r="CT27" s="342">
        <v>40736</v>
      </c>
      <c r="CU27" s="342">
        <v>71432</v>
      </c>
      <c r="CV27" s="343">
        <v>1451108</v>
      </c>
      <c r="CW27" s="345">
        <v>1451108</v>
      </c>
      <c r="CX27" s="341">
        <v>18544</v>
      </c>
      <c r="CY27" s="342">
        <v>0</v>
      </c>
      <c r="CZ27" s="343">
        <v>18544</v>
      </c>
      <c r="DA27" s="341">
        <v>0</v>
      </c>
      <c r="DB27" s="342">
        <v>203840</v>
      </c>
      <c r="DC27" s="342">
        <v>0</v>
      </c>
      <c r="DD27" s="342">
        <v>86525</v>
      </c>
      <c r="DE27" s="342">
        <v>95779</v>
      </c>
      <c r="DF27" s="342">
        <v>99240</v>
      </c>
      <c r="DG27" s="343">
        <v>485384</v>
      </c>
      <c r="DH27" s="345">
        <v>503928</v>
      </c>
      <c r="DI27" s="341">
        <v>0</v>
      </c>
      <c r="DJ27" s="342">
        <v>0</v>
      </c>
      <c r="DK27" s="346">
        <v>0</v>
      </c>
      <c r="DL27" s="347">
        <v>0</v>
      </c>
      <c r="DM27" s="342">
        <v>27696</v>
      </c>
      <c r="DN27" s="342">
        <v>0</v>
      </c>
      <c r="DO27" s="342">
        <v>53066</v>
      </c>
      <c r="DP27" s="342">
        <v>208196</v>
      </c>
      <c r="DQ27" s="342">
        <v>0</v>
      </c>
      <c r="DR27" s="343">
        <v>288958</v>
      </c>
      <c r="DS27" s="345">
        <v>288958</v>
      </c>
      <c r="DT27" s="341">
        <v>0</v>
      </c>
      <c r="DU27" s="342">
        <v>0</v>
      </c>
      <c r="DV27" s="343">
        <v>0</v>
      </c>
      <c r="DW27" s="341">
        <v>0</v>
      </c>
      <c r="DX27" s="342">
        <v>0</v>
      </c>
      <c r="DY27" s="342">
        <v>0</v>
      </c>
      <c r="DZ27" s="342">
        <v>19167</v>
      </c>
      <c r="EA27" s="342">
        <v>208196</v>
      </c>
      <c r="EB27" s="342">
        <v>0</v>
      </c>
      <c r="EC27" s="343">
        <v>227363</v>
      </c>
      <c r="ED27" s="345">
        <v>227363</v>
      </c>
      <c r="EE27" s="341">
        <v>0</v>
      </c>
      <c r="EF27" s="346">
        <v>0</v>
      </c>
      <c r="EG27" s="343">
        <v>0</v>
      </c>
      <c r="EH27" s="341">
        <v>0</v>
      </c>
      <c r="EI27" s="342">
        <v>27696</v>
      </c>
      <c r="EJ27" s="342">
        <v>0</v>
      </c>
      <c r="EK27" s="342">
        <v>33899</v>
      </c>
      <c r="EL27" s="342">
        <v>0</v>
      </c>
      <c r="EM27" s="342">
        <v>0</v>
      </c>
      <c r="EN27" s="346">
        <v>61595</v>
      </c>
      <c r="EO27" s="345">
        <v>61595</v>
      </c>
      <c r="EP27" s="341">
        <v>0</v>
      </c>
      <c r="EQ27" s="342">
        <v>0</v>
      </c>
      <c r="ER27" s="346">
        <v>0</v>
      </c>
      <c r="ES27" s="347">
        <v>0</v>
      </c>
      <c r="ET27" s="342">
        <v>0</v>
      </c>
      <c r="EU27" s="342">
        <v>0</v>
      </c>
      <c r="EV27" s="342">
        <v>0</v>
      </c>
      <c r="EW27" s="342">
        <v>0</v>
      </c>
      <c r="EX27" s="342">
        <v>0</v>
      </c>
      <c r="EY27" s="343">
        <v>0</v>
      </c>
      <c r="EZ27" s="345">
        <v>0</v>
      </c>
      <c r="FA27" s="341">
        <v>0</v>
      </c>
      <c r="FB27" s="342">
        <v>0</v>
      </c>
      <c r="FC27" s="346">
        <v>0</v>
      </c>
      <c r="FD27" s="347">
        <v>0</v>
      </c>
      <c r="FE27" s="342">
        <v>0</v>
      </c>
      <c r="FF27" s="342">
        <v>0</v>
      </c>
      <c r="FG27" s="342">
        <v>0</v>
      </c>
      <c r="FH27" s="342">
        <v>0</v>
      </c>
      <c r="FI27" s="342">
        <v>0</v>
      </c>
      <c r="FJ27" s="343">
        <v>0</v>
      </c>
      <c r="FK27" s="345">
        <v>0</v>
      </c>
      <c r="FL27" s="341">
        <v>2800</v>
      </c>
      <c r="FM27" s="342">
        <v>17040</v>
      </c>
      <c r="FN27" s="343">
        <v>19840</v>
      </c>
      <c r="FO27" s="341">
        <v>0</v>
      </c>
      <c r="FP27" s="342">
        <v>111232</v>
      </c>
      <c r="FQ27" s="342">
        <v>230132</v>
      </c>
      <c r="FR27" s="342">
        <v>168544</v>
      </c>
      <c r="FS27" s="342">
        <v>64720</v>
      </c>
      <c r="FT27" s="342">
        <v>124624</v>
      </c>
      <c r="FU27" s="343">
        <v>699252</v>
      </c>
      <c r="FV27" s="345">
        <v>719092</v>
      </c>
      <c r="FW27" s="348">
        <v>2800</v>
      </c>
      <c r="FX27" s="342">
        <v>17040</v>
      </c>
      <c r="FY27" s="346">
        <v>19840</v>
      </c>
      <c r="FZ27" s="347">
        <v>0</v>
      </c>
      <c r="GA27" s="342">
        <v>111232</v>
      </c>
      <c r="GB27" s="342">
        <v>180088</v>
      </c>
      <c r="GC27" s="342">
        <v>168544</v>
      </c>
      <c r="GD27" s="342">
        <v>64720</v>
      </c>
      <c r="GE27" s="342">
        <v>124624</v>
      </c>
      <c r="GF27" s="343">
        <v>649208</v>
      </c>
      <c r="GG27" s="349">
        <v>669048</v>
      </c>
      <c r="GH27" s="348">
        <v>0</v>
      </c>
      <c r="GI27" s="342">
        <v>0</v>
      </c>
      <c r="GJ27" s="346">
        <v>0</v>
      </c>
      <c r="GK27" s="347">
        <v>0</v>
      </c>
      <c r="GL27" s="342">
        <v>0</v>
      </c>
      <c r="GM27" s="342">
        <v>50044</v>
      </c>
      <c r="GN27" s="342">
        <v>0</v>
      </c>
      <c r="GO27" s="342">
        <v>0</v>
      </c>
      <c r="GP27" s="342">
        <v>0</v>
      </c>
      <c r="GQ27" s="343">
        <v>50044</v>
      </c>
      <c r="GR27" s="345">
        <v>50044</v>
      </c>
      <c r="GS27" s="341">
        <v>0</v>
      </c>
      <c r="GT27" s="342">
        <v>0</v>
      </c>
      <c r="GU27" s="343">
        <v>0</v>
      </c>
      <c r="GV27" s="341">
        <v>0</v>
      </c>
      <c r="GW27" s="342">
        <v>0</v>
      </c>
      <c r="GX27" s="342">
        <v>0</v>
      </c>
      <c r="GY27" s="342">
        <v>0</v>
      </c>
      <c r="GZ27" s="342">
        <v>0</v>
      </c>
      <c r="HA27" s="342">
        <v>0</v>
      </c>
      <c r="HB27" s="346">
        <v>0</v>
      </c>
      <c r="HC27" s="345">
        <v>0</v>
      </c>
      <c r="HD27" s="341">
        <v>0</v>
      </c>
      <c r="HE27" s="342">
        <v>94008</v>
      </c>
      <c r="HF27" s="346">
        <v>94008</v>
      </c>
      <c r="HG27" s="347">
        <v>0</v>
      </c>
      <c r="HH27" s="342">
        <v>729994</v>
      </c>
      <c r="HI27" s="342">
        <v>482978</v>
      </c>
      <c r="HJ27" s="342">
        <v>190599</v>
      </c>
      <c r="HK27" s="342">
        <v>603895</v>
      </c>
      <c r="HL27" s="342">
        <v>222958</v>
      </c>
      <c r="HM27" s="343">
        <v>2230424</v>
      </c>
      <c r="HN27" s="344">
        <v>2324432</v>
      </c>
      <c r="HO27" s="348">
        <v>0</v>
      </c>
      <c r="HP27" s="342">
        <v>0</v>
      </c>
      <c r="HQ27" s="343">
        <v>0</v>
      </c>
      <c r="HR27" s="341">
        <v>0</v>
      </c>
      <c r="HS27" s="342">
        <v>0</v>
      </c>
      <c r="HT27" s="342">
        <v>0</v>
      </c>
      <c r="HU27" s="342">
        <v>0</v>
      </c>
      <c r="HV27" s="342">
        <v>0</v>
      </c>
      <c r="HW27" s="342">
        <v>0</v>
      </c>
      <c r="HX27" s="346">
        <v>0</v>
      </c>
      <c r="HY27" s="345">
        <v>0</v>
      </c>
      <c r="HZ27" s="350">
        <v>0</v>
      </c>
      <c r="IA27" s="351">
        <v>0</v>
      </c>
      <c r="IB27" s="352">
        <v>0</v>
      </c>
      <c r="IC27" s="353">
        <v>0</v>
      </c>
      <c r="ID27" s="351">
        <v>424265</v>
      </c>
      <c r="IE27" s="354">
        <v>758056</v>
      </c>
      <c r="IF27" s="352">
        <v>624335</v>
      </c>
      <c r="IG27" s="351">
        <v>1030776</v>
      </c>
      <c r="IH27" s="352">
        <v>141696</v>
      </c>
      <c r="II27" s="355">
        <v>2979128</v>
      </c>
      <c r="IJ27" s="356">
        <v>2979128</v>
      </c>
      <c r="IK27" s="357">
        <v>0</v>
      </c>
      <c r="IL27" s="358">
        <v>0</v>
      </c>
      <c r="IM27" s="359">
        <v>0</v>
      </c>
      <c r="IN27" s="436">
        <v>0</v>
      </c>
      <c r="IO27" s="360">
        <v>0</v>
      </c>
      <c r="IP27" s="360">
        <v>206448</v>
      </c>
      <c r="IQ27" s="360">
        <v>0</v>
      </c>
      <c r="IR27" s="360">
        <v>0</v>
      </c>
      <c r="IS27" s="360">
        <v>0</v>
      </c>
      <c r="IT27" s="361">
        <v>206448</v>
      </c>
      <c r="IU27" s="362">
        <v>206448</v>
      </c>
      <c r="IV27" s="363">
        <v>0</v>
      </c>
      <c r="IW27" s="360">
        <v>0</v>
      </c>
      <c r="IX27" s="364">
        <v>0</v>
      </c>
      <c r="IY27" s="436">
        <v>0</v>
      </c>
      <c r="IZ27" s="360">
        <v>0</v>
      </c>
      <c r="JA27" s="360">
        <v>0</v>
      </c>
      <c r="JB27" s="360">
        <v>0</v>
      </c>
      <c r="JC27" s="360">
        <v>0</v>
      </c>
      <c r="JD27" s="360">
        <v>0</v>
      </c>
      <c r="JE27" s="364">
        <v>0</v>
      </c>
      <c r="JF27" s="365">
        <v>0</v>
      </c>
      <c r="JG27" s="363">
        <v>0</v>
      </c>
      <c r="JH27" s="360">
        <v>0</v>
      </c>
      <c r="JI27" s="361">
        <v>0</v>
      </c>
      <c r="JJ27" s="366">
        <v>0</v>
      </c>
      <c r="JK27" s="360">
        <v>116616</v>
      </c>
      <c r="JL27" s="360">
        <v>157576</v>
      </c>
      <c r="JM27" s="360">
        <v>28968</v>
      </c>
      <c r="JN27" s="360">
        <v>84520</v>
      </c>
      <c r="JO27" s="360">
        <v>141696</v>
      </c>
      <c r="JP27" s="364">
        <v>529376</v>
      </c>
      <c r="JQ27" s="362">
        <v>529376</v>
      </c>
      <c r="JR27" s="363">
        <v>0</v>
      </c>
      <c r="JS27" s="360">
        <v>0</v>
      </c>
      <c r="JT27" s="361">
        <v>0</v>
      </c>
      <c r="JU27" s="366">
        <v>0</v>
      </c>
      <c r="JV27" s="360">
        <v>0</v>
      </c>
      <c r="JW27" s="360">
        <v>0</v>
      </c>
      <c r="JX27" s="360">
        <v>121992</v>
      </c>
      <c r="JY27" s="360">
        <v>0</v>
      </c>
      <c r="JZ27" s="360">
        <v>0</v>
      </c>
      <c r="KA27" s="364">
        <v>121992</v>
      </c>
      <c r="KB27" s="362">
        <v>121992</v>
      </c>
      <c r="KC27" s="367">
        <v>0</v>
      </c>
      <c r="KD27" s="368">
        <v>0</v>
      </c>
      <c r="KE27" s="364">
        <v>0</v>
      </c>
      <c r="KF27" s="366">
        <v>0</v>
      </c>
      <c r="KG27" s="360">
        <v>91968</v>
      </c>
      <c r="KH27" s="360">
        <v>162968</v>
      </c>
      <c r="KI27" s="360">
        <v>0</v>
      </c>
      <c r="KJ27" s="360">
        <v>0</v>
      </c>
      <c r="KK27" s="360">
        <v>0</v>
      </c>
      <c r="KL27" s="364">
        <v>254936</v>
      </c>
      <c r="KM27" s="369">
        <v>254936</v>
      </c>
      <c r="KN27" s="357">
        <v>0</v>
      </c>
      <c r="KO27" s="358">
        <v>0</v>
      </c>
      <c r="KP27" s="359">
        <v>0</v>
      </c>
      <c r="KQ27" s="436">
        <v>0</v>
      </c>
      <c r="KR27" s="360">
        <v>215681</v>
      </c>
      <c r="KS27" s="360">
        <v>231064</v>
      </c>
      <c r="KT27" s="360">
        <v>256927</v>
      </c>
      <c r="KU27" s="360">
        <v>233096</v>
      </c>
      <c r="KV27" s="360">
        <v>0</v>
      </c>
      <c r="KW27" s="364">
        <v>936768</v>
      </c>
      <c r="KX27" s="362">
        <v>936768</v>
      </c>
      <c r="KY27" s="363">
        <v>0</v>
      </c>
      <c r="KZ27" s="360">
        <v>0</v>
      </c>
      <c r="LA27" s="364">
        <v>0</v>
      </c>
      <c r="LB27" s="436">
        <v>0</v>
      </c>
      <c r="LC27" s="360">
        <v>0</v>
      </c>
      <c r="LD27" s="360">
        <v>0</v>
      </c>
      <c r="LE27" s="360">
        <v>0</v>
      </c>
      <c r="LF27" s="360">
        <v>0</v>
      </c>
      <c r="LG27" s="360">
        <v>0</v>
      </c>
      <c r="LH27" s="364">
        <v>0</v>
      </c>
      <c r="LI27" s="365">
        <v>0</v>
      </c>
      <c r="LJ27" s="363">
        <v>0</v>
      </c>
      <c r="LK27" s="360">
        <v>0</v>
      </c>
      <c r="LL27" s="364">
        <v>0</v>
      </c>
      <c r="LM27" s="436">
        <v>0</v>
      </c>
      <c r="LN27" s="360">
        <v>0</v>
      </c>
      <c r="LO27" s="360">
        <v>0</v>
      </c>
      <c r="LP27" s="360">
        <v>216448</v>
      </c>
      <c r="LQ27" s="360">
        <v>713160</v>
      </c>
      <c r="LR27" s="360">
        <v>0</v>
      </c>
      <c r="LS27" s="364">
        <v>929608</v>
      </c>
      <c r="LT27" s="362">
        <v>929608</v>
      </c>
      <c r="LU27" s="363">
        <v>0</v>
      </c>
      <c r="LV27" s="360">
        <v>0</v>
      </c>
      <c r="LW27" s="364">
        <v>0</v>
      </c>
      <c r="LX27" s="436">
        <v>0</v>
      </c>
      <c r="LY27" s="360">
        <v>0</v>
      </c>
      <c r="LZ27" s="360">
        <v>0</v>
      </c>
      <c r="MA27" s="360">
        <v>0</v>
      </c>
      <c r="MB27" s="360">
        <v>0</v>
      </c>
      <c r="MC27" s="360">
        <v>0</v>
      </c>
      <c r="MD27" s="364">
        <v>0</v>
      </c>
      <c r="ME27" s="365">
        <v>0</v>
      </c>
      <c r="MF27" s="363">
        <v>0</v>
      </c>
      <c r="MG27" s="360">
        <v>0</v>
      </c>
      <c r="MH27" s="364">
        <v>0</v>
      </c>
      <c r="MI27" s="436">
        <v>0</v>
      </c>
      <c r="MJ27" s="360">
        <v>203920</v>
      </c>
      <c r="MK27" s="360">
        <v>519622</v>
      </c>
      <c r="ML27" s="360">
        <v>1195913</v>
      </c>
      <c r="MM27" s="360">
        <v>1332540</v>
      </c>
      <c r="MN27" s="360">
        <v>1311367</v>
      </c>
      <c r="MO27" s="364">
        <v>4563362</v>
      </c>
      <c r="MP27" s="369">
        <v>4563362</v>
      </c>
      <c r="MQ27" s="363">
        <v>0</v>
      </c>
      <c r="MR27" s="360">
        <v>0</v>
      </c>
      <c r="MS27" s="364">
        <v>0</v>
      </c>
      <c r="MT27" s="436">
        <v>0</v>
      </c>
      <c r="MU27" s="360">
        <v>0</v>
      </c>
      <c r="MV27" s="360">
        <v>0</v>
      </c>
      <c r="MW27" s="360">
        <v>896576</v>
      </c>
      <c r="MX27" s="360">
        <v>714464</v>
      </c>
      <c r="MY27" s="360">
        <v>1036415</v>
      </c>
      <c r="MZ27" s="364">
        <v>2647455</v>
      </c>
      <c r="NA27" s="369">
        <v>2647455</v>
      </c>
      <c r="NB27" s="363">
        <v>0</v>
      </c>
      <c r="NC27" s="360">
        <v>0</v>
      </c>
      <c r="ND27" s="364">
        <v>0</v>
      </c>
      <c r="NE27" s="436">
        <v>0</v>
      </c>
      <c r="NF27" s="360">
        <v>203920</v>
      </c>
      <c r="NG27" s="360">
        <v>519622</v>
      </c>
      <c r="NH27" s="360">
        <v>299337</v>
      </c>
      <c r="NI27" s="360">
        <v>306520</v>
      </c>
      <c r="NJ27" s="360">
        <v>274952</v>
      </c>
      <c r="NK27" s="364">
        <v>1604351</v>
      </c>
      <c r="NL27" s="362">
        <v>1604351</v>
      </c>
      <c r="NM27" s="363">
        <v>0</v>
      </c>
      <c r="NN27" s="360">
        <v>0</v>
      </c>
      <c r="NO27" s="364">
        <v>0</v>
      </c>
      <c r="NP27" s="436">
        <v>0</v>
      </c>
      <c r="NQ27" s="360">
        <v>0</v>
      </c>
      <c r="NR27" s="360">
        <v>0</v>
      </c>
      <c r="NS27" s="360">
        <v>0</v>
      </c>
      <c r="NT27" s="360">
        <v>0</v>
      </c>
      <c r="NU27" s="360">
        <v>0</v>
      </c>
      <c r="NV27" s="364">
        <v>0</v>
      </c>
      <c r="NW27" s="365">
        <v>0</v>
      </c>
      <c r="NX27" s="363">
        <v>0</v>
      </c>
      <c r="NY27" s="360">
        <v>0</v>
      </c>
      <c r="NZ27" s="364">
        <v>0</v>
      </c>
      <c r="OA27" s="436">
        <v>0</v>
      </c>
      <c r="OB27" s="360">
        <v>0</v>
      </c>
      <c r="OC27" s="360">
        <v>0</v>
      </c>
      <c r="OD27" s="360">
        <v>0</v>
      </c>
      <c r="OE27" s="360">
        <v>311556</v>
      </c>
      <c r="OF27" s="360">
        <v>0</v>
      </c>
      <c r="OG27" s="364">
        <v>311556</v>
      </c>
      <c r="OH27" s="365">
        <v>311556</v>
      </c>
      <c r="OI27" s="363">
        <v>59664</v>
      </c>
      <c r="OJ27" s="360">
        <v>160555</v>
      </c>
      <c r="OK27" s="361">
        <v>220219</v>
      </c>
      <c r="OL27" s="366">
        <v>0</v>
      </c>
      <c r="OM27" s="360">
        <v>2673504</v>
      </c>
      <c r="ON27" s="360">
        <v>2581760</v>
      </c>
      <c r="OO27" s="360">
        <v>3264802</v>
      </c>
      <c r="OP27" s="360">
        <v>3526728</v>
      </c>
      <c r="OQ27" s="360">
        <v>2211289</v>
      </c>
      <c r="OR27" s="364">
        <v>14258083</v>
      </c>
      <c r="OS27" s="369">
        <v>14478302</v>
      </c>
    </row>
    <row r="28" spans="2:409" s="137" customFormat="1" ht="21" customHeight="1" x14ac:dyDescent="0.2">
      <c r="B28" s="421" t="s">
        <v>23</v>
      </c>
      <c r="C28" s="341">
        <v>327118</v>
      </c>
      <c r="D28" s="342">
        <v>178619</v>
      </c>
      <c r="E28" s="343">
        <v>505737</v>
      </c>
      <c r="F28" s="344">
        <v>0</v>
      </c>
      <c r="G28" s="342">
        <v>2203295</v>
      </c>
      <c r="H28" s="342">
        <v>3302297</v>
      </c>
      <c r="I28" s="342">
        <v>1043957</v>
      </c>
      <c r="J28" s="342">
        <v>2481573</v>
      </c>
      <c r="K28" s="342">
        <v>1236525</v>
      </c>
      <c r="L28" s="382">
        <v>10267647</v>
      </c>
      <c r="M28" s="345">
        <v>10773384</v>
      </c>
      <c r="N28" s="341">
        <v>147758</v>
      </c>
      <c r="O28" s="342">
        <v>73987</v>
      </c>
      <c r="P28" s="343">
        <v>221745</v>
      </c>
      <c r="Q28" s="341">
        <v>0</v>
      </c>
      <c r="R28" s="342">
        <v>483474</v>
      </c>
      <c r="S28" s="342">
        <v>1291941</v>
      </c>
      <c r="T28" s="342">
        <v>454940</v>
      </c>
      <c r="U28" s="342">
        <v>692387</v>
      </c>
      <c r="V28" s="342">
        <v>207764</v>
      </c>
      <c r="W28" s="343">
        <v>3130506</v>
      </c>
      <c r="X28" s="345">
        <v>3352251</v>
      </c>
      <c r="Y28" s="341">
        <v>0</v>
      </c>
      <c r="Z28" s="342">
        <v>0</v>
      </c>
      <c r="AA28" s="343">
        <v>0</v>
      </c>
      <c r="AB28" s="341">
        <v>0</v>
      </c>
      <c r="AC28" s="342">
        <v>163615</v>
      </c>
      <c r="AD28" s="342">
        <v>690639</v>
      </c>
      <c r="AE28" s="342">
        <v>315160</v>
      </c>
      <c r="AF28" s="342">
        <v>81276</v>
      </c>
      <c r="AG28" s="342">
        <v>18392</v>
      </c>
      <c r="AH28" s="343">
        <v>1269082</v>
      </c>
      <c r="AI28" s="345">
        <v>1269082</v>
      </c>
      <c r="AJ28" s="341">
        <v>0</v>
      </c>
      <c r="AK28" s="342">
        <v>0</v>
      </c>
      <c r="AL28" s="343">
        <v>0</v>
      </c>
      <c r="AM28" s="341">
        <v>0</v>
      </c>
      <c r="AN28" s="342">
        <v>0</v>
      </c>
      <c r="AO28" s="342">
        <v>0</v>
      </c>
      <c r="AP28" s="342">
        <v>0</v>
      </c>
      <c r="AQ28" s="342">
        <v>201352</v>
      </c>
      <c r="AR28" s="342">
        <v>0</v>
      </c>
      <c r="AS28" s="343">
        <v>201352</v>
      </c>
      <c r="AT28" s="345">
        <v>201352</v>
      </c>
      <c r="AU28" s="341">
        <v>91598</v>
      </c>
      <c r="AV28" s="342">
        <v>58138</v>
      </c>
      <c r="AW28" s="343">
        <v>149736</v>
      </c>
      <c r="AX28" s="341">
        <v>0</v>
      </c>
      <c r="AY28" s="342">
        <v>124355</v>
      </c>
      <c r="AZ28" s="342">
        <v>449262</v>
      </c>
      <c r="BA28" s="342">
        <v>44956</v>
      </c>
      <c r="BB28" s="342">
        <v>179063</v>
      </c>
      <c r="BC28" s="342">
        <v>94340</v>
      </c>
      <c r="BD28" s="343">
        <v>891976</v>
      </c>
      <c r="BE28" s="345">
        <v>1041712</v>
      </c>
      <c r="BF28" s="341">
        <v>0</v>
      </c>
      <c r="BG28" s="342">
        <v>15849</v>
      </c>
      <c r="BH28" s="346">
        <v>15849</v>
      </c>
      <c r="BI28" s="347">
        <v>0</v>
      </c>
      <c r="BJ28" s="342">
        <v>0</v>
      </c>
      <c r="BK28" s="342">
        <v>0</v>
      </c>
      <c r="BL28" s="342">
        <v>0</v>
      </c>
      <c r="BM28" s="342">
        <v>0</v>
      </c>
      <c r="BN28" s="342">
        <v>0</v>
      </c>
      <c r="BO28" s="343">
        <v>0</v>
      </c>
      <c r="BP28" s="345">
        <v>15849</v>
      </c>
      <c r="BQ28" s="341">
        <v>56160</v>
      </c>
      <c r="BR28" s="342">
        <v>0</v>
      </c>
      <c r="BS28" s="343">
        <v>56160</v>
      </c>
      <c r="BT28" s="341">
        <v>0</v>
      </c>
      <c r="BU28" s="342">
        <v>195504</v>
      </c>
      <c r="BV28" s="342">
        <v>152040</v>
      </c>
      <c r="BW28" s="342">
        <v>94824</v>
      </c>
      <c r="BX28" s="342">
        <v>230696</v>
      </c>
      <c r="BY28" s="342">
        <v>95032</v>
      </c>
      <c r="BZ28" s="343">
        <v>768096</v>
      </c>
      <c r="CA28" s="345">
        <v>824256</v>
      </c>
      <c r="CB28" s="341">
        <v>0</v>
      </c>
      <c r="CC28" s="342">
        <v>0</v>
      </c>
      <c r="CD28" s="343">
        <v>0</v>
      </c>
      <c r="CE28" s="341">
        <v>0</v>
      </c>
      <c r="CF28" s="342">
        <v>775602</v>
      </c>
      <c r="CG28" s="342">
        <v>817283</v>
      </c>
      <c r="CH28" s="342">
        <v>451430</v>
      </c>
      <c r="CI28" s="342">
        <v>406598</v>
      </c>
      <c r="CJ28" s="342">
        <v>310506</v>
      </c>
      <c r="CK28" s="343">
        <v>2761419</v>
      </c>
      <c r="CL28" s="345">
        <v>2761419</v>
      </c>
      <c r="CM28" s="341">
        <v>0</v>
      </c>
      <c r="CN28" s="342">
        <v>0</v>
      </c>
      <c r="CO28" s="343">
        <v>0</v>
      </c>
      <c r="CP28" s="347">
        <v>0</v>
      </c>
      <c r="CQ28" s="342">
        <v>602636</v>
      </c>
      <c r="CR28" s="342">
        <v>759285</v>
      </c>
      <c r="CS28" s="342">
        <v>416229</v>
      </c>
      <c r="CT28" s="342">
        <v>259534</v>
      </c>
      <c r="CU28" s="342">
        <v>272463</v>
      </c>
      <c r="CV28" s="343">
        <v>2310147</v>
      </c>
      <c r="CW28" s="345">
        <v>2310147</v>
      </c>
      <c r="CX28" s="341">
        <v>0</v>
      </c>
      <c r="CY28" s="342">
        <v>0</v>
      </c>
      <c r="CZ28" s="343">
        <v>0</v>
      </c>
      <c r="DA28" s="341">
        <v>0</v>
      </c>
      <c r="DB28" s="342">
        <v>172966</v>
      </c>
      <c r="DC28" s="342">
        <v>57998</v>
      </c>
      <c r="DD28" s="342">
        <v>35201</v>
      </c>
      <c r="DE28" s="342">
        <v>147064</v>
      </c>
      <c r="DF28" s="342">
        <v>38043</v>
      </c>
      <c r="DG28" s="343">
        <v>451272</v>
      </c>
      <c r="DH28" s="345">
        <v>451272</v>
      </c>
      <c r="DI28" s="341">
        <v>0</v>
      </c>
      <c r="DJ28" s="342">
        <v>0</v>
      </c>
      <c r="DK28" s="346">
        <v>0</v>
      </c>
      <c r="DL28" s="347">
        <v>0</v>
      </c>
      <c r="DM28" s="342">
        <v>33748</v>
      </c>
      <c r="DN28" s="342">
        <v>173770</v>
      </c>
      <c r="DO28" s="342">
        <v>74747</v>
      </c>
      <c r="DP28" s="342">
        <v>71444</v>
      </c>
      <c r="DQ28" s="342">
        <v>50833</v>
      </c>
      <c r="DR28" s="343">
        <v>404542</v>
      </c>
      <c r="DS28" s="345">
        <v>404542</v>
      </c>
      <c r="DT28" s="341">
        <v>0</v>
      </c>
      <c r="DU28" s="342">
        <v>0</v>
      </c>
      <c r="DV28" s="343">
        <v>0</v>
      </c>
      <c r="DW28" s="341">
        <v>0</v>
      </c>
      <c r="DX28" s="342">
        <v>0</v>
      </c>
      <c r="DY28" s="342">
        <v>173770</v>
      </c>
      <c r="DZ28" s="342">
        <v>74747</v>
      </c>
      <c r="EA28" s="342">
        <v>71444</v>
      </c>
      <c r="EB28" s="342">
        <v>50833</v>
      </c>
      <c r="EC28" s="343">
        <v>370794</v>
      </c>
      <c r="ED28" s="345">
        <v>370794</v>
      </c>
      <c r="EE28" s="341">
        <v>0</v>
      </c>
      <c r="EF28" s="346">
        <v>0</v>
      </c>
      <c r="EG28" s="343">
        <v>0</v>
      </c>
      <c r="EH28" s="341">
        <v>0</v>
      </c>
      <c r="EI28" s="342">
        <v>33748</v>
      </c>
      <c r="EJ28" s="342">
        <v>0</v>
      </c>
      <c r="EK28" s="342">
        <v>0</v>
      </c>
      <c r="EL28" s="342">
        <v>0</v>
      </c>
      <c r="EM28" s="342">
        <v>0</v>
      </c>
      <c r="EN28" s="346">
        <v>33748</v>
      </c>
      <c r="EO28" s="345">
        <v>33748</v>
      </c>
      <c r="EP28" s="341">
        <v>0</v>
      </c>
      <c r="EQ28" s="342">
        <v>0</v>
      </c>
      <c r="ER28" s="346">
        <v>0</v>
      </c>
      <c r="ES28" s="347">
        <v>0</v>
      </c>
      <c r="ET28" s="342">
        <v>0</v>
      </c>
      <c r="EU28" s="342">
        <v>0</v>
      </c>
      <c r="EV28" s="342">
        <v>0</v>
      </c>
      <c r="EW28" s="342">
        <v>0</v>
      </c>
      <c r="EX28" s="342">
        <v>0</v>
      </c>
      <c r="EY28" s="343">
        <v>0</v>
      </c>
      <c r="EZ28" s="345">
        <v>0</v>
      </c>
      <c r="FA28" s="341">
        <v>0</v>
      </c>
      <c r="FB28" s="342">
        <v>0</v>
      </c>
      <c r="FC28" s="346">
        <v>0</v>
      </c>
      <c r="FD28" s="347">
        <v>0</v>
      </c>
      <c r="FE28" s="342">
        <v>0</v>
      </c>
      <c r="FF28" s="342">
        <v>0</v>
      </c>
      <c r="FG28" s="342">
        <v>0</v>
      </c>
      <c r="FH28" s="342">
        <v>0</v>
      </c>
      <c r="FI28" s="342">
        <v>0</v>
      </c>
      <c r="FJ28" s="343">
        <v>0</v>
      </c>
      <c r="FK28" s="345">
        <v>0</v>
      </c>
      <c r="FL28" s="341">
        <v>20816</v>
      </c>
      <c r="FM28" s="342">
        <v>104632</v>
      </c>
      <c r="FN28" s="343">
        <v>125448</v>
      </c>
      <c r="FO28" s="341">
        <v>0</v>
      </c>
      <c r="FP28" s="342">
        <v>37136</v>
      </c>
      <c r="FQ28" s="342">
        <v>442888</v>
      </c>
      <c r="FR28" s="342">
        <v>62840</v>
      </c>
      <c r="FS28" s="342">
        <v>182752</v>
      </c>
      <c r="FT28" s="342">
        <v>55088</v>
      </c>
      <c r="FU28" s="343">
        <v>780704</v>
      </c>
      <c r="FV28" s="345">
        <v>906152</v>
      </c>
      <c r="FW28" s="348">
        <v>20816</v>
      </c>
      <c r="FX28" s="342">
        <v>104632</v>
      </c>
      <c r="FY28" s="346">
        <v>125448</v>
      </c>
      <c r="FZ28" s="347">
        <v>0</v>
      </c>
      <c r="GA28" s="342">
        <v>37136</v>
      </c>
      <c r="GB28" s="342">
        <v>301928</v>
      </c>
      <c r="GC28" s="342">
        <v>62840</v>
      </c>
      <c r="GD28" s="342">
        <v>182752</v>
      </c>
      <c r="GE28" s="342">
        <v>55088</v>
      </c>
      <c r="GF28" s="343">
        <v>639744</v>
      </c>
      <c r="GG28" s="349">
        <v>765192</v>
      </c>
      <c r="GH28" s="348">
        <v>0</v>
      </c>
      <c r="GI28" s="342">
        <v>0</v>
      </c>
      <c r="GJ28" s="346">
        <v>0</v>
      </c>
      <c r="GK28" s="347">
        <v>0</v>
      </c>
      <c r="GL28" s="342">
        <v>0</v>
      </c>
      <c r="GM28" s="342">
        <v>0</v>
      </c>
      <c r="GN28" s="342">
        <v>0</v>
      </c>
      <c r="GO28" s="342">
        <v>0</v>
      </c>
      <c r="GP28" s="342">
        <v>0</v>
      </c>
      <c r="GQ28" s="343">
        <v>0</v>
      </c>
      <c r="GR28" s="345">
        <v>0</v>
      </c>
      <c r="GS28" s="341">
        <v>0</v>
      </c>
      <c r="GT28" s="342">
        <v>0</v>
      </c>
      <c r="GU28" s="343">
        <v>0</v>
      </c>
      <c r="GV28" s="341">
        <v>0</v>
      </c>
      <c r="GW28" s="342">
        <v>0</v>
      </c>
      <c r="GX28" s="342">
        <v>140960</v>
      </c>
      <c r="GY28" s="342">
        <v>0</v>
      </c>
      <c r="GZ28" s="342">
        <v>0</v>
      </c>
      <c r="HA28" s="342">
        <v>0</v>
      </c>
      <c r="HB28" s="346">
        <v>140960</v>
      </c>
      <c r="HC28" s="345">
        <v>140960</v>
      </c>
      <c r="HD28" s="341">
        <v>158544</v>
      </c>
      <c r="HE28" s="342">
        <v>0</v>
      </c>
      <c r="HF28" s="346">
        <v>158544</v>
      </c>
      <c r="HG28" s="347">
        <v>0</v>
      </c>
      <c r="HH28" s="342">
        <v>873335</v>
      </c>
      <c r="HI28" s="342">
        <v>576415</v>
      </c>
      <c r="HJ28" s="342">
        <v>0</v>
      </c>
      <c r="HK28" s="342">
        <v>1128392</v>
      </c>
      <c r="HL28" s="342">
        <v>612334</v>
      </c>
      <c r="HM28" s="343">
        <v>3190476</v>
      </c>
      <c r="HN28" s="344">
        <v>3349020</v>
      </c>
      <c r="HO28" s="348">
        <v>0</v>
      </c>
      <c r="HP28" s="342">
        <v>0</v>
      </c>
      <c r="HQ28" s="343">
        <v>0</v>
      </c>
      <c r="HR28" s="341">
        <v>0</v>
      </c>
      <c r="HS28" s="342">
        <v>0</v>
      </c>
      <c r="HT28" s="342">
        <v>0</v>
      </c>
      <c r="HU28" s="342">
        <v>0</v>
      </c>
      <c r="HV28" s="342">
        <v>0</v>
      </c>
      <c r="HW28" s="342">
        <v>0</v>
      </c>
      <c r="HX28" s="346">
        <v>0</v>
      </c>
      <c r="HY28" s="345">
        <v>0</v>
      </c>
      <c r="HZ28" s="373">
        <v>0</v>
      </c>
      <c r="IA28" s="371">
        <v>0</v>
      </c>
      <c r="IB28" s="373">
        <v>0</v>
      </c>
      <c r="IC28" s="370">
        <v>0</v>
      </c>
      <c r="ID28" s="371">
        <v>501561</v>
      </c>
      <c r="IE28" s="372">
        <v>293054</v>
      </c>
      <c r="IF28" s="373">
        <v>1016838</v>
      </c>
      <c r="IG28" s="371">
        <v>491106</v>
      </c>
      <c r="IH28" s="373">
        <v>0</v>
      </c>
      <c r="II28" s="374">
        <v>2302559</v>
      </c>
      <c r="IJ28" s="373">
        <v>2302559</v>
      </c>
      <c r="IK28" s="357">
        <v>0</v>
      </c>
      <c r="IL28" s="358">
        <v>0</v>
      </c>
      <c r="IM28" s="359">
        <v>0</v>
      </c>
      <c r="IN28" s="436">
        <v>0</v>
      </c>
      <c r="IO28" s="360">
        <v>0</v>
      </c>
      <c r="IP28" s="360">
        <v>0</v>
      </c>
      <c r="IQ28" s="360">
        <v>0</v>
      </c>
      <c r="IR28" s="360">
        <v>0</v>
      </c>
      <c r="IS28" s="360">
        <v>0</v>
      </c>
      <c r="IT28" s="361">
        <v>0</v>
      </c>
      <c r="IU28" s="362">
        <v>0</v>
      </c>
      <c r="IV28" s="363">
        <v>0</v>
      </c>
      <c r="IW28" s="360">
        <v>0</v>
      </c>
      <c r="IX28" s="364">
        <v>0</v>
      </c>
      <c r="IY28" s="436">
        <v>0</v>
      </c>
      <c r="IZ28" s="360">
        <v>0</v>
      </c>
      <c r="JA28" s="360">
        <v>0</v>
      </c>
      <c r="JB28" s="360">
        <v>0</v>
      </c>
      <c r="JC28" s="360">
        <v>0</v>
      </c>
      <c r="JD28" s="360">
        <v>0</v>
      </c>
      <c r="JE28" s="364">
        <v>0</v>
      </c>
      <c r="JF28" s="365">
        <v>0</v>
      </c>
      <c r="JG28" s="363">
        <v>0</v>
      </c>
      <c r="JH28" s="360">
        <v>0</v>
      </c>
      <c r="JI28" s="361">
        <v>0</v>
      </c>
      <c r="JJ28" s="366">
        <v>0</v>
      </c>
      <c r="JK28" s="360">
        <v>52555</v>
      </c>
      <c r="JL28" s="360">
        <v>52346</v>
      </c>
      <c r="JM28" s="360">
        <v>64682</v>
      </c>
      <c r="JN28" s="360">
        <v>0</v>
      </c>
      <c r="JO28" s="360">
        <v>0</v>
      </c>
      <c r="JP28" s="364">
        <v>169583</v>
      </c>
      <c r="JQ28" s="362">
        <v>169583</v>
      </c>
      <c r="JR28" s="363">
        <v>0</v>
      </c>
      <c r="JS28" s="360">
        <v>0</v>
      </c>
      <c r="JT28" s="361">
        <v>0</v>
      </c>
      <c r="JU28" s="366">
        <v>0</v>
      </c>
      <c r="JV28" s="360">
        <v>0</v>
      </c>
      <c r="JW28" s="360">
        <v>0</v>
      </c>
      <c r="JX28" s="360">
        <v>0</v>
      </c>
      <c r="JY28" s="360">
        <v>0</v>
      </c>
      <c r="JZ28" s="360">
        <v>0</v>
      </c>
      <c r="KA28" s="364">
        <v>0</v>
      </c>
      <c r="KB28" s="362">
        <v>0</v>
      </c>
      <c r="KC28" s="367">
        <v>0</v>
      </c>
      <c r="KD28" s="368">
        <v>0</v>
      </c>
      <c r="KE28" s="364">
        <v>0</v>
      </c>
      <c r="KF28" s="366">
        <v>0</v>
      </c>
      <c r="KG28" s="360">
        <v>0</v>
      </c>
      <c r="KH28" s="360">
        <v>0</v>
      </c>
      <c r="KI28" s="360">
        <v>228968</v>
      </c>
      <c r="KJ28" s="360">
        <v>0</v>
      </c>
      <c r="KK28" s="360">
        <v>0</v>
      </c>
      <c r="KL28" s="364">
        <v>228968</v>
      </c>
      <c r="KM28" s="369">
        <v>228968</v>
      </c>
      <c r="KN28" s="357">
        <v>0</v>
      </c>
      <c r="KO28" s="358">
        <v>0</v>
      </c>
      <c r="KP28" s="359">
        <v>0</v>
      </c>
      <c r="KQ28" s="436">
        <v>0</v>
      </c>
      <c r="KR28" s="360">
        <v>449006</v>
      </c>
      <c r="KS28" s="360">
        <v>240708</v>
      </c>
      <c r="KT28" s="360">
        <v>723188</v>
      </c>
      <c r="KU28" s="360">
        <v>491106</v>
      </c>
      <c r="KV28" s="360">
        <v>0</v>
      </c>
      <c r="KW28" s="364">
        <v>1904008</v>
      </c>
      <c r="KX28" s="362">
        <v>1904008</v>
      </c>
      <c r="KY28" s="363">
        <v>0</v>
      </c>
      <c r="KZ28" s="360">
        <v>0</v>
      </c>
      <c r="LA28" s="364">
        <v>0</v>
      </c>
      <c r="LB28" s="436">
        <v>0</v>
      </c>
      <c r="LC28" s="360">
        <v>0</v>
      </c>
      <c r="LD28" s="360">
        <v>0</v>
      </c>
      <c r="LE28" s="360">
        <v>0</v>
      </c>
      <c r="LF28" s="360">
        <v>0</v>
      </c>
      <c r="LG28" s="360">
        <v>0</v>
      </c>
      <c r="LH28" s="364">
        <v>0</v>
      </c>
      <c r="LI28" s="365">
        <v>0</v>
      </c>
      <c r="LJ28" s="363">
        <v>0</v>
      </c>
      <c r="LK28" s="360">
        <v>0</v>
      </c>
      <c r="LL28" s="364">
        <v>0</v>
      </c>
      <c r="LM28" s="436">
        <v>0</v>
      </c>
      <c r="LN28" s="360">
        <v>0</v>
      </c>
      <c r="LO28" s="360">
        <v>0</v>
      </c>
      <c r="LP28" s="360">
        <v>0</v>
      </c>
      <c r="LQ28" s="360">
        <v>0</v>
      </c>
      <c r="LR28" s="360">
        <v>0</v>
      </c>
      <c r="LS28" s="364">
        <v>0</v>
      </c>
      <c r="LT28" s="362">
        <v>0</v>
      </c>
      <c r="LU28" s="363">
        <v>0</v>
      </c>
      <c r="LV28" s="360">
        <v>0</v>
      </c>
      <c r="LW28" s="364">
        <v>0</v>
      </c>
      <c r="LX28" s="436">
        <v>0</v>
      </c>
      <c r="LY28" s="360">
        <v>0</v>
      </c>
      <c r="LZ28" s="360">
        <v>0</v>
      </c>
      <c r="MA28" s="360">
        <v>0</v>
      </c>
      <c r="MB28" s="360">
        <v>0</v>
      </c>
      <c r="MC28" s="360">
        <v>0</v>
      </c>
      <c r="MD28" s="364">
        <v>0</v>
      </c>
      <c r="ME28" s="365">
        <v>0</v>
      </c>
      <c r="MF28" s="363">
        <v>0</v>
      </c>
      <c r="MG28" s="360">
        <v>0</v>
      </c>
      <c r="MH28" s="364">
        <v>0</v>
      </c>
      <c r="MI28" s="436">
        <v>0</v>
      </c>
      <c r="MJ28" s="360">
        <v>273998</v>
      </c>
      <c r="MK28" s="360">
        <v>0</v>
      </c>
      <c r="ML28" s="360">
        <v>2039605</v>
      </c>
      <c r="MM28" s="360">
        <v>1271368</v>
      </c>
      <c r="MN28" s="360">
        <v>879695</v>
      </c>
      <c r="MO28" s="364">
        <v>4464666</v>
      </c>
      <c r="MP28" s="369">
        <v>4464666</v>
      </c>
      <c r="MQ28" s="363">
        <v>0</v>
      </c>
      <c r="MR28" s="360">
        <v>0</v>
      </c>
      <c r="MS28" s="364">
        <v>0</v>
      </c>
      <c r="MT28" s="436">
        <v>0</v>
      </c>
      <c r="MU28" s="360">
        <v>0</v>
      </c>
      <c r="MV28" s="360">
        <v>0</v>
      </c>
      <c r="MW28" s="360">
        <v>1518239</v>
      </c>
      <c r="MX28" s="360">
        <v>734090</v>
      </c>
      <c r="MY28" s="360">
        <v>0</v>
      </c>
      <c r="MZ28" s="364">
        <v>2252329</v>
      </c>
      <c r="NA28" s="369">
        <v>2252329</v>
      </c>
      <c r="NB28" s="363">
        <v>0</v>
      </c>
      <c r="NC28" s="360">
        <v>0</v>
      </c>
      <c r="ND28" s="364">
        <v>0</v>
      </c>
      <c r="NE28" s="436">
        <v>0</v>
      </c>
      <c r="NF28" s="360">
        <v>273998</v>
      </c>
      <c r="NG28" s="360">
        <v>0</v>
      </c>
      <c r="NH28" s="360">
        <v>521366</v>
      </c>
      <c r="NI28" s="360">
        <v>537278</v>
      </c>
      <c r="NJ28" s="360">
        <v>879695</v>
      </c>
      <c r="NK28" s="364">
        <v>2212337</v>
      </c>
      <c r="NL28" s="362">
        <v>2212337</v>
      </c>
      <c r="NM28" s="363">
        <v>0</v>
      </c>
      <c r="NN28" s="360">
        <v>0</v>
      </c>
      <c r="NO28" s="364">
        <v>0</v>
      </c>
      <c r="NP28" s="436">
        <v>0</v>
      </c>
      <c r="NQ28" s="360">
        <v>0</v>
      </c>
      <c r="NR28" s="360">
        <v>0</v>
      </c>
      <c r="NS28" s="360">
        <v>0</v>
      </c>
      <c r="NT28" s="360">
        <v>0</v>
      </c>
      <c r="NU28" s="360">
        <v>0</v>
      </c>
      <c r="NV28" s="364">
        <v>0</v>
      </c>
      <c r="NW28" s="365">
        <v>0</v>
      </c>
      <c r="NX28" s="363">
        <v>0</v>
      </c>
      <c r="NY28" s="360">
        <v>0</v>
      </c>
      <c r="NZ28" s="364">
        <v>0</v>
      </c>
      <c r="OA28" s="436">
        <v>0</v>
      </c>
      <c r="OB28" s="360">
        <v>0</v>
      </c>
      <c r="OC28" s="360">
        <v>0</v>
      </c>
      <c r="OD28" s="360">
        <v>0</v>
      </c>
      <c r="OE28" s="360">
        <v>0</v>
      </c>
      <c r="OF28" s="360">
        <v>0</v>
      </c>
      <c r="OG28" s="364">
        <v>0</v>
      </c>
      <c r="OH28" s="365">
        <v>0</v>
      </c>
      <c r="OI28" s="363">
        <v>327118</v>
      </c>
      <c r="OJ28" s="360">
        <v>178619</v>
      </c>
      <c r="OK28" s="361">
        <v>505737</v>
      </c>
      <c r="OL28" s="366">
        <v>0</v>
      </c>
      <c r="OM28" s="360">
        <v>2978854</v>
      </c>
      <c r="ON28" s="360">
        <v>3595351</v>
      </c>
      <c r="OO28" s="360">
        <v>4100400</v>
      </c>
      <c r="OP28" s="360">
        <v>4244047</v>
      </c>
      <c r="OQ28" s="360">
        <v>2116220</v>
      </c>
      <c r="OR28" s="364">
        <v>17034872</v>
      </c>
      <c r="OS28" s="369">
        <v>17540609</v>
      </c>
    </row>
    <row r="29" spans="2:409" s="137" customFormat="1" ht="21" customHeight="1" x14ac:dyDescent="0.2">
      <c r="B29" s="421" t="s">
        <v>24</v>
      </c>
      <c r="C29" s="341">
        <v>340840</v>
      </c>
      <c r="D29" s="342">
        <v>417166</v>
      </c>
      <c r="E29" s="343">
        <v>758006</v>
      </c>
      <c r="F29" s="344">
        <v>0</v>
      </c>
      <c r="G29" s="342">
        <v>2769920</v>
      </c>
      <c r="H29" s="342">
        <v>2094545</v>
      </c>
      <c r="I29" s="342">
        <v>1756014</v>
      </c>
      <c r="J29" s="342">
        <v>2090491</v>
      </c>
      <c r="K29" s="342">
        <v>2182193</v>
      </c>
      <c r="L29" s="382">
        <v>10893163</v>
      </c>
      <c r="M29" s="345">
        <v>11651169</v>
      </c>
      <c r="N29" s="341">
        <v>69620</v>
      </c>
      <c r="O29" s="342">
        <v>86316</v>
      </c>
      <c r="P29" s="343">
        <v>155936</v>
      </c>
      <c r="Q29" s="341">
        <v>0</v>
      </c>
      <c r="R29" s="342">
        <v>989184</v>
      </c>
      <c r="S29" s="342">
        <v>576974</v>
      </c>
      <c r="T29" s="342">
        <v>384670</v>
      </c>
      <c r="U29" s="342">
        <v>1356108</v>
      </c>
      <c r="V29" s="342">
        <v>1126326</v>
      </c>
      <c r="W29" s="343">
        <v>4433262</v>
      </c>
      <c r="X29" s="345">
        <v>4589198</v>
      </c>
      <c r="Y29" s="341">
        <v>0</v>
      </c>
      <c r="Z29" s="342">
        <v>0</v>
      </c>
      <c r="AA29" s="343">
        <v>0</v>
      </c>
      <c r="AB29" s="341">
        <v>0</v>
      </c>
      <c r="AC29" s="342">
        <v>420115</v>
      </c>
      <c r="AD29" s="342">
        <v>151893</v>
      </c>
      <c r="AE29" s="342">
        <v>85020</v>
      </c>
      <c r="AF29" s="342">
        <v>731963</v>
      </c>
      <c r="AG29" s="342">
        <v>553826</v>
      </c>
      <c r="AH29" s="343">
        <v>1942817</v>
      </c>
      <c r="AI29" s="345">
        <v>1942817</v>
      </c>
      <c r="AJ29" s="341">
        <v>0</v>
      </c>
      <c r="AK29" s="342">
        <v>0</v>
      </c>
      <c r="AL29" s="343">
        <v>0</v>
      </c>
      <c r="AM29" s="341">
        <v>0</v>
      </c>
      <c r="AN29" s="342">
        <v>0</v>
      </c>
      <c r="AO29" s="342">
        <v>0</v>
      </c>
      <c r="AP29" s="342">
        <v>0</v>
      </c>
      <c r="AQ29" s="342">
        <v>188456</v>
      </c>
      <c r="AR29" s="342">
        <v>277196</v>
      </c>
      <c r="AS29" s="343">
        <v>465652</v>
      </c>
      <c r="AT29" s="345">
        <v>465652</v>
      </c>
      <c r="AU29" s="341">
        <v>13220</v>
      </c>
      <c r="AV29" s="342">
        <v>86316</v>
      </c>
      <c r="AW29" s="343">
        <v>99536</v>
      </c>
      <c r="AX29" s="341">
        <v>0</v>
      </c>
      <c r="AY29" s="342">
        <v>321081</v>
      </c>
      <c r="AZ29" s="342">
        <v>265234</v>
      </c>
      <c r="BA29" s="342">
        <v>138909</v>
      </c>
      <c r="BB29" s="342">
        <v>274377</v>
      </c>
      <c r="BC29" s="342">
        <v>172888</v>
      </c>
      <c r="BD29" s="343">
        <v>1172489</v>
      </c>
      <c r="BE29" s="345">
        <v>1272025</v>
      </c>
      <c r="BF29" s="341">
        <v>0</v>
      </c>
      <c r="BG29" s="342">
        <v>0</v>
      </c>
      <c r="BH29" s="346">
        <v>0</v>
      </c>
      <c r="BI29" s="347">
        <v>0</v>
      </c>
      <c r="BJ29" s="342">
        <v>35868</v>
      </c>
      <c r="BK29" s="342">
        <v>43415</v>
      </c>
      <c r="BL29" s="342">
        <v>21133</v>
      </c>
      <c r="BM29" s="342">
        <v>0</v>
      </c>
      <c r="BN29" s="342">
        <v>0</v>
      </c>
      <c r="BO29" s="343">
        <v>100416</v>
      </c>
      <c r="BP29" s="345">
        <v>100416</v>
      </c>
      <c r="BQ29" s="341">
        <v>56400</v>
      </c>
      <c r="BR29" s="342">
        <v>0</v>
      </c>
      <c r="BS29" s="343">
        <v>56400</v>
      </c>
      <c r="BT29" s="341">
        <v>0</v>
      </c>
      <c r="BU29" s="342">
        <v>212120</v>
      </c>
      <c r="BV29" s="342">
        <v>116432</v>
      </c>
      <c r="BW29" s="342">
        <v>139608</v>
      </c>
      <c r="BX29" s="342">
        <v>161312</v>
      </c>
      <c r="BY29" s="342">
        <v>122416</v>
      </c>
      <c r="BZ29" s="343">
        <v>751888</v>
      </c>
      <c r="CA29" s="345">
        <v>808288</v>
      </c>
      <c r="CB29" s="341">
        <v>38584</v>
      </c>
      <c r="CC29" s="342">
        <v>0</v>
      </c>
      <c r="CD29" s="343">
        <v>38584</v>
      </c>
      <c r="CE29" s="341">
        <v>0</v>
      </c>
      <c r="CF29" s="342">
        <v>849608</v>
      </c>
      <c r="CG29" s="342">
        <v>836611</v>
      </c>
      <c r="CH29" s="342">
        <v>553558</v>
      </c>
      <c r="CI29" s="342">
        <v>121249</v>
      </c>
      <c r="CJ29" s="342">
        <v>96216</v>
      </c>
      <c r="CK29" s="343">
        <v>2457242</v>
      </c>
      <c r="CL29" s="345">
        <v>2495826</v>
      </c>
      <c r="CM29" s="341">
        <v>0</v>
      </c>
      <c r="CN29" s="342">
        <v>0</v>
      </c>
      <c r="CO29" s="343">
        <v>0</v>
      </c>
      <c r="CP29" s="347">
        <v>0</v>
      </c>
      <c r="CQ29" s="342">
        <v>764350</v>
      </c>
      <c r="CR29" s="342">
        <v>564824</v>
      </c>
      <c r="CS29" s="342">
        <v>196739</v>
      </c>
      <c r="CT29" s="342">
        <v>36445</v>
      </c>
      <c r="CU29" s="342">
        <v>96216</v>
      </c>
      <c r="CV29" s="343">
        <v>1658574</v>
      </c>
      <c r="CW29" s="345">
        <v>1658574</v>
      </c>
      <c r="CX29" s="341">
        <v>38584</v>
      </c>
      <c r="CY29" s="342">
        <v>0</v>
      </c>
      <c r="CZ29" s="343">
        <v>38584</v>
      </c>
      <c r="DA29" s="341">
        <v>0</v>
      </c>
      <c r="DB29" s="342">
        <v>85258</v>
      </c>
      <c r="DC29" s="342">
        <v>271787</v>
      </c>
      <c r="DD29" s="342">
        <v>356819</v>
      </c>
      <c r="DE29" s="342">
        <v>84804</v>
      </c>
      <c r="DF29" s="342">
        <v>0</v>
      </c>
      <c r="DG29" s="343">
        <v>798668</v>
      </c>
      <c r="DH29" s="345">
        <v>837252</v>
      </c>
      <c r="DI29" s="341">
        <v>0</v>
      </c>
      <c r="DJ29" s="342">
        <v>0</v>
      </c>
      <c r="DK29" s="346">
        <v>0</v>
      </c>
      <c r="DL29" s="347">
        <v>0</v>
      </c>
      <c r="DM29" s="342">
        <v>126182</v>
      </c>
      <c r="DN29" s="342">
        <v>67357</v>
      </c>
      <c r="DO29" s="342">
        <v>0</v>
      </c>
      <c r="DP29" s="342">
        <v>50826</v>
      </c>
      <c r="DQ29" s="342">
        <v>145983</v>
      </c>
      <c r="DR29" s="343">
        <v>390348</v>
      </c>
      <c r="DS29" s="345">
        <v>390348</v>
      </c>
      <c r="DT29" s="341">
        <v>0</v>
      </c>
      <c r="DU29" s="342">
        <v>0</v>
      </c>
      <c r="DV29" s="343">
        <v>0</v>
      </c>
      <c r="DW29" s="341">
        <v>0</v>
      </c>
      <c r="DX29" s="342">
        <v>80144</v>
      </c>
      <c r="DY29" s="342">
        <v>67357</v>
      </c>
      <c r="DZ29" s="342">
        <v>0</v>
      </c>
      <c r="EA29" s="342">
        <v>50826</v>
      </c>
      <c r="EB29" s="342">
        <v>145983</v>
      </c>
      <c r="EC29" s="343">
        <v>344310</v>
      </c>
      <c r="ED29" s="345">
        <v>344310</v>
      </c>
      <c r="EE29" s="341">
        <v>0</v>
      </c>
      <c r="EF29" s="346">
        <v>0</v>
      </c>
      <c r="EG29" s="343">
        <v>0</v>
      </c>
      <c r="EH29" s="341">
        <v>0</v>
      </c>
      <c r="EI29" s="342">
        <v>46038</v>
      </c>
      <c r="EJ29" s="342">
        <v>0</v>
      </c>
      <c r="EK29" s="342">
        <v>0</v>
      </c>
      <c r="EL29" s="342">
        <v>0</v>
      </c>
      <c r="EM29" s="342">
        <v>0</v>
      </c>
      <c r="EN29" s="346">
        <v>46038</v>
      </c>
      <c r="EO29" s="345">
        <v>46038</v>
      </c>
      <c r="EP29" s="341">
        <v>0</v>
      </c>
      <c r="EQ29" s="342">
        <v>0</v>
      </c>
      <c r="ER29" s="346">
        <v>0</v>
      </c>
      <c r="ES29" s="347">
        <v>0</v>
      </c>
      <c r="ET29" s="342">
        <v>0</v>
      </c>
      <c r="EU29" s="342">
        <v>0</v>
      </c>
      <c r="EV29" s="342">
        <v>0</v>
      </c>
      <c r="EW29" s="342">
        <v>0</v>
      </c>
      <c r="EX29" s="342">
        <v>0</v>
      </c>
      <c r="EY29" s="343">
        <v>0</v>
      </c>
      <c r="EZ29" s="345">
        <v>0</v>
      </c>
      <c r="FA29" s="341">
        <v>0</v>
      </c>
      <c r="FB29" s="342">
        <v>0</v>
      </c>
      <c r="FC29" s="346">
        <v>0</v>
      </c>
      <c r="FD29" s="347">
        <v>0</v>
      </c>
      <c r="FE29" s="342">
        <v>0</v>
      </c>
      <c r="FF29" s="342">
        <v>0</v>
      </c>
      <c r="FG29" s="342">
        <v>0</v>
      </c>
      <c r="FH29" s="342">
        <v>0</v>
      </c>
      <c r="FI29" s="342">
        <v>0</v>
      </c>
      <c r="FJ29" s="343">
        <v>0</v>
      </c>
      <c r="FK29" s="345">
        <v>0</v>
      </c>
      <c r="FL29" s="341">
        <v>80520</v>
      </c>
      <c r="FM29" s="342">
        <v>35840</v>
      </c>
      <c r="FN29" s="343">
        <v>116360</v>
      </c>
      <c r="FO29" s="341">
        <v>0</v>
      </c>
      <c r="FP29" s="342">
        <v>81232</v>
      </c>
      <c r="FQ29" s="342">
        <v>282256</v>
      </c>
      <c r="FR29" s="342">
        <v>139600</v>
      </c>
      <c r="FS29" s="342">
        <v>148400</v>
      </c>
      <c r="FT29" s="342">
        <v>137088</v>
      </c>
      <c r="FU29" s="343">
        <v>788576</v>
      </c>
      <c r="FV29" s="345">
        <v>904936</v>
      </c>
      <c r="FW29" s="348">
        <v>44000</v>
      </c>
      <c r="FX29" s="342">
        <v>35840</v>
      </c>
      <c r="FY29" s="346">
        <v>79840</v>
      </c>
      <c r="FZ29" s="347">
        <v>0</v>
      </c>
      <c r="GA29" s="342">
        <v>81232</v>
      </c>
      <c r="GB29" s="342">
        <v>247848</v>
      </c>
      <c r="GC29" s="342">
        <v>139600</v>
      </c>
      <c r="GD29" s="342">
        <v>148400</v>
      </c>
      <c r="GE29" s="342">
        <v>137088</v>
      </c>
      <c r="GF29" s="343">
        <v>754168</v>
      </c>
      <c r="GG29" s="349">
        <v>834008</v>
      </c>
      <c r="GH29" s="348">
        <v>0</v>
      </c>
      <c r="GI29" s="342">
        <v>0</v>
      </c>
      <c r="GJ29" s="346">
        <v>0</v>
      </c>
      <c r="GK29" s="347">
        <v>0</v>
      </c>
      <c r="GL29" s="342">
        <v>0</v>
      </c>
      <c r="GM29" s="342">
        <v>0</v>
      </c>
      <c r="GN29" s="342">
        <v>0</v>
      </c>
      <c r="GO29" s="342">
        <v>0</v>
      </c>
      <c r="GP29" s="342">
        <v>0</v>
      </c>
      <c r="GQ29" s="343">
        <v>0</v>
      </c>
      <c r="GR29" s="345">
        <v>0</v>
      </c>
      <c r="GS29" s="341">
        <v>36520</v>
      </c>
      <c r="GT29" s="342">
        <v>0</v>
      </c>
      <c r="GU29" s="343">
        <v>36520</v>
      </c>
      <c r="GV29" s="341">
        <v>0</v>
      </c>
      <c r="GW29" s="342">
        <v>0</v>
      </c>
      <c r="GX29" s="342">
        <v>34408</v>
      </c>
      <c r="GY29" s="342">
        <v>0</v>
      </c>
      <c r="GZ29" s="342">
        <v>0</v>
      </c>
      <c r="HA29" s="342">
        <v>0</v>
      </c>
      <c r="HB29" s="346">
        <v>34408</v>
      </c>
      <c r="HC29" s="345">
        <v>70928</v>
      </c>
      <c r="HD29" s="341">
        <v>152116</v>
      </c>
      <c r="HE29" s="342">
        <v>295010</v>
      </c>
      <c r="HF29" s="346">
        <v>447126</v>
      </c>
      <c r="HG29" s="347">
        <v>0</v>
      </c>
      <c r="HH29" s="342">
        <v>723714</v>
      </c>
      <c r="HI29" s="342">
        <v>331347</v>
      </c>
      <c r="HJ29" s="342">
        <v>678186</v>
      </c>
      <c r="HK29" s="342">
        <v>413908</v>
      </c>
      <c r="HL29" s="342">
        <v>676580</v>
      </c>
      <c r="HM29" s="343">
        <v>2823735</v>
      </c>
      <c r="HN29" s="344">
        <v>3270861</v>
      </c>
      <c r="HO29" s="348">
        <v>0</v>
      </c>
      <c r="HP29" s="342">
        <v>0</v>
      </c>
      <c r="HQ29" s="343">
        <v>0</v>
      </c>
      <c r="HR29" s="341">
        <v>0</v>
      </c>
      <c r="HS29" s="342">
        <v>0</v>
      </c>
      <c r="HT29" s="342">
        <v>0</v>
      </c>
      <c r="HU29" s="342">
        <v>0</v>
      </c>
      <c r="HV29" s="342">
        <v>0</v>
      </c>
      <c r="HW29" s="342">
        <v>0</v>
      </c>
      <c r="HX29" s="346">
        <v>0</v>
      </c>
      <c r="HY29" s="345">
        <v>0</v>
      </c>
      <c r="HZ29" s="350">
        <v>40948</v>
      </c>
      <c r="IA29" s="351">
        <v>0</v>
      </c>
      <c r="IB29" s="352">
        <v>40948</v>
      </c>
      <c r="IC29" s="353">
        <v>0</v>
      </c>
      <c r="ID29" s="351">
        <v>166845</v>
      </c>
      <c r="IE29" s="354">
        <v>54331</v>
      </c>
      <c r="IF29" s="352">
        <v>641581</v>
      </c>
      <c r="IG29" s="351">
        <v>198338</v>
      </c>
      <c r="IH29" s="352">
        <v>186782</v>
      </c>
      <c r="II29" s="355">
        <v>1247877</v>
      </c>
      <c r="IJ29" s="356">
        <v>1288825</v>
      </c>
      <c r="IK29" s="357">
        <v>0</v>
      </c>
      <c r="IL29" s="358">
        <v>0</v>
      </c>
      <c r="IM29" s="359">
        <v>0</v>
      </c>
      <c r="IN29" s="436">
        <v>0</v>
      </c>
      <c r="IO29" s="360">
        <v>0</v>
      </c>
      <c r="IP29" s="360">
        <v>0</v>
      </c>
      <c r="IQ29" s="360">
        <v>0</v>
      </c>
      <c r="IR29" s="360">
        <v>198338</v>
      </c>
      <c r="IS29" s="360">
        <v>0</v>
      </c>
      <c r="IT29" s="361">
        <v>198338</v>
      </c>
      <c r="IU29" s="362">
        <v>198338</v>
      </c>
      <c r="IV29" s="363">
        <v>0</v>
      </c>
      <c r="IW29" s="360">
        <v>0</v>
      </c>
      <c r="IX29" s="364">
        <v>0</v>
      </c>
      <c r="IY29" s="436">
        <v>0</v>
      </c>
      <c r="IZ29" s="360">
        <v>0</v>
      </c>
      <c r="JA29" s="360">
        <v>0</v>
      </c>
      <c r="JB29" s="360">
        <v>0</v>
      </c>
      <c r="JC29" s="360">
        <v>0</v>
      </c>
      <c r="JD29" s="360">
        <v>0</v>
      </c>
      <c r="JE29" s="364">
        <v>0</v>
      </c>
      <c r="JF29" s="365">
        <v>0</v>
      </c>
      <c r="JG29" s="363">
        <v>0</v>
      </c>
      <c r="JH29" s="360">
        <v>0</v>
      </c>
      <c r="JI29" s="361">
        <v>0</v>
      </c>
      <c r="JJ29" s="366">
        <v>0</v>
      </c>
      <c r="JK29" s="360">
        <v>34136</v>
      </c>
      <c r="JL29" s="360">
        <v>54331</v>
      </c>
      <c r="JM29" s="360">
        <v>62161</v>
      </c>
      <c r="JN29" s="360">
        <v>0</v>
      </c>
      <c r="JO29" s="360">
        <v>0</v>
      </c>
      <c r="JP29" s="364">
        <v>150628</v>
      </c>
      <c r="JQ29" s="362">
        <v>150628</v>
      </c>
      <c r="JR29" s="363">
        <v>0</v>
      </c>
      <c r="JS29" s="360">
        <v>0</v>
      </c>
      <c r="JT29" s="361">
        <v>0</v>
      </c>
      <c r="JU29" s="366">
        <v>0</v>
      </c>
      <c r="JV29" s="360">
        <v>0</v>
      </c>
      <c r="JW29" s="360">
        <v>0</v>
      </c>
      <c r="JX29" s="360">
        <v>126736</v>
      </c>
      <c r="JY29" s="360">
        <v>0</v>
      </c>
      <c r="JZ29" s="360">
        <v>0</v>
      </c>
      <c r="KA29" s="364">
        <v>126736</v>
      </c>
      <c r="KB29" s="362">
        <v>126736</v>
      </c>
      <c r="KC29" s="367">
        <v>40948</v>
      </c>
      <c r="KD29" s="368">
        <v>0</v>
      </c>
      <c r="KE29" s="364">
        <v>40948</v>
      </c>
      <c r="KF29" s="366">
        <v>0</v>
      </c>
      <c r="KG29" s="360">
        <v>132709</v>
      </c>
      <c r="KH29" s="360">
        <v>0</v>
      </c>
      <c r="KI29" s="360">
        <v>0</v>
      </c>
      <c r="KJ29" s="360">
        <v>0</v>
      </c>
      <c r="KK29" s="360">
        <v>0</v>
      </c>
      <c r="KL29" s="364">
        <v>132709</v>
      </c>
      <c r="KM29" s="369">
        <v>173657</v>
      </c>
      <c r="KN29" s="357">
        <v>0</v>
      </c>
      <c r="KO29" s="358">
        <v>0</v>
      </c>
      <c r="KP29" s="359">
        <v>0</v>
      </c>
      <c r="KQ29" s="436">
        <v>0</v>
      </c>
      <c r="KR29" s="360">
        <v>0</v>
      </c>
      <c r="KS29" s="360">
        <v>0</v>
      </c>
      <c r="KT29" s="360">
        <v>452684</v>
      </c>
      <c r="KU29" s="360">
        <v>0</v>
      </c>
      <c r="KV29" s="360">
        <v>186782</v>
      </c>
      <c r="KW29" s="364">
        <v>639466</v>
      </c>
      <c r="KX29" s="362">
        <v>639466</v>
      </c>
      <c r="KY29" s="363">
        <v>0</v>
      </c>
      <c r="KZ29" s="360">
        <v>0</v>
      </c>
      <c r="LA29" s="364">
        <v>0</v>
      </c>
      <c r="LB29" s="436">
        <v>0</v>
      </c>
      <c r="LC29" s="360">
        <v>0</v>
      </c>
      <c r="LD29" s="360">
        <v>0</v>
      </c>
      <c r="LE29" s="360">
        <v>0</v>
      </c>
      <c r="LF29" s="360">
        <v>0</v>
      </c>
      <c r="LG29" s="360">
        <v>0</v>
      </c>
      <c r="LH29" s="364">
        <v>0</v>
      </c>
      <c r="LI29" s="365">
        <v>0</v>
      </c>
      <c r="LJ29" s="363">
        <v>0</v>
      </c>
      <c r="LK29" s="360">
        <v>0</v>
      </c>
      <c r="LL29" s="364">
        <v>0</v>
      </c>
      <c r="LM29" s="436">
        <v>0</v>
      </c>
      <c r="LN29" s="360">
        <v>0</v>
      </c>
      <c r="LO29" s="360">
        <v>0</v>
      </c>
      <c r="LP29" s="360">
        <v>0</v>
      </c>
      <c r="LQ29" s="360">
        <v>0</v>
      </c>
      <c r="LR29" s="360">
        <v>0</v>
      </c>
      <c r="LS29" s="364">
        <v>0</v>
      </c>
      <c r="LT29" s="362">
        <v>0</v>
      </c>
      <c r="LU29" s="363">
        <v>0</v>
      </c>
      <c r="LV29" s="360">
        <v>0</v>
      </c>
      <c r="LW29" s="364">
        <v>0</v>
      </c>
      <c r="LX29" s="436">
        <v>0</v>
      </c>
      <c r="LY29" s="360">
        <v>0</v>
      </c>
      <c r="LZ29" s="360">
        <v>0</v>
      </c>
      <c r="MA29" s="360">
        <v>0</v>
      </c>
      <c r="MB29" s="360">
        <v>0</v>
      </c>
      <c r="MC29" s="360">
        <v>0</v>
      </c>
      <c r="MD29" s="364">
        <v>0</v>
      </c>
      <c r="ME29" s="365">
        <v>0</v>
      </c>
      <c r="MF29" s="363">
        <v>0</v>
      </c>
      <c r="MG29" s="360">
        <v>0</v>
      </c>
      <c r="MH29" s="364">
        <v>0</v>
      </c>
      <c r="MI29" s="436">
        <v>0</v>
      </c>
      <c r="MJ29" s="360">
        <v>0</v>
      </c>
      <c r="MK29" s="360">
        <v>460199</v>
      </c>
      <c r="ML29" s="360">
        <v>958626</v>
      </c>
      <c r="MM29" s="360">
        <v>1430531</v>
      </c>
      <c r="MN29" s="360">
        <v>766893</v>
      </c>
      <c r="MO29" s="364">
        <v>3616249</v>
      </c>
      <c r="MP29" s="369">
        <v>3616249</v>
      </c>
      <c r="MQ29" s="363">
        <v>0</v>
      </c>
      <c r="MR29" s="360">
        <v>0</v>
      </c>
      <c r="MS29" s="364">
        <v>0</v>
      </c>
      <c r="MT29" s="436">
        <v>0</v>
      </c>
      <c r="MU29" s="360">
        <v>0</v>
      </c>
      <c r="MV29" s="360">
        <v>0</v>
      </c>
      <c r="MW29" s="360">
        <v>232332</v>
      </c>
      <c r="MX29" s="360">
        <v>1031873</v>
      </c>
      <c r="MY29" s="360">
        <v>766893</v>
      </c>
      <c r="MZ29" s="364">
        <v>2031098</v>
      </c>
      <c r="NA29" s="369">
        <v>2031098</v>
      </c>
      <c r="NB29" s="363">
        <v>0</v>
      </c>
      <c r="NC29" s="360">
        <v>0</v>
      </c>
      <c r="ND29" s="364">
        <v>0</v>
      </c>
      <c r="NE29" s="436">
        <v>0</v>
      </c>
      <c r="NF29" s="360">
        <v>0</v>
      </c>
      <c r="NG29" s="360">
        <v>460199</v>
      </c>
      <c r="NH29" s="360">
        <v>726294</v>
      </c>
      <c r="NI29" s="360">
        <v>398658</v>
      </c>
      <c r="NJ29" s="360">
        <v>0</v>
      </c>
      <c r="NK29" s="364">
        <v>1585151</v>
      </c>
      <c r="NL29" s="362">
        <v>1585151</v>
      </c>
      <c r="NM29" s="363">
        <v>0</v>
      </c>
      <c r="NN29" s="360">
        <v>0</v>
      </c>
      <c r="NO29" s="364">
        <v>0</v>
      </c>
      <c r="NP29" s="436">
        <v>0</v>
      </c>
      <c r="NQ29" s="360">
        <v>0</v>
      </c>
      <c r="NR29" s="360">
        <v>0</v>
      </c>
      <c r="NS29" s="360">
        <v>0</v>
      </c>
      <c r="NT29" s="360">
        <v>0</v>
      </c>
      <c r="NU29" s="360">
        <v>0</v>
      </c>
      <c r="NV29" s="364">
        <v>0</v>
      </c>
      <c r="NW29" s="365">
        <v>0</v>
      </c>
      <c r="NX29" s="363">
        <v>0</v>
      </c>
      <c r="NY29" s="360">
        <v>0</v>
      </c>
      <c r="NZ29" s="364">
        <v>0</v>
      </c>
      <c r="OA29" s="436">
        <v>0</v>
      </c>
      <c r="OB29" s="360">
        <v>0</v>
      </c>
      <c r="OC29" s="360">
        <v>0</v>
      </c>
      <c r="OD29" s="360">
        <v>0</v>
      </c>
      <c r="OE29" s="360">
        <v>0</v>
      </c>
      <c r="OF29" s="360">
        <v>0</v>
      </c>
      <c r="OG29" s="364">
        <v>0</v>
      </c>
      <c r="OH29" s="365">
        <v>0</v>
      </c>
      <c r="OI29" s="363">
        <v>381788</v>
      </c>
      <c r="OJ29" s="360">
        <v>417166</v>
      </c>
      <c r="OK29" s="361">
        <v>798954</v>
      </c>
      <c r="OL29" s="366">
        <v>0</v>
      </c>
      <c r="OM29" s="360">
        <v>2936765</v>
      </c>
      <c r="ON29" s="360">
        <v>2609075</v>
      </c>
      <c r="OO29" s="360">
        <v>3356221</v>
      </c>
      <c r="OP29" s="360">
        <v>3719360</v>
      </c>
      <c r="OQ29" s="360">
        <v>3135868</v>
      </c>
      <c r="OR29" s="364">
        <v>15757289</v>
      </c>
      <c r="OS29" s="369">
        <v>16556243</v>
      </c>
    </row>
    <row r="30" spans="2:409" s="137" customFormat="1" ht="21" customHeight="1" x14ac:dyDescent="0.2">
      <c r="B30" s="421" t="s">
        <v>25</v>
      </c>
      <c r="C30" s="341">
        <v>51820</v>
      </c>
      <c r="D30" s="342">
        <v>368880</v>
      </c>
      <c r="E30" s="343">
        <v>420700</v>
      </c>
      <c r="F30" s="344">
        <v>0</v>
      </c>
      <c r="G30" s="342">
        <v>1774717</v>
      </c>
      <c r="H30" s="342">
        <v>1341624</v>
      </c>
      <c r="I30" s="342">
        <v>728533</v>
      </c>
      <c r="J30" s="342">
        <v>1060521</v>
      </c>
      <c r="K30" s="342">
        <v>548897</v>
      </c>
      <c r="L30" s="382">
        <v>5454292</v>
      </c>
      <c r="M30" s="345">
        <v>5874992</v>
      </c>
      <c r="N30" s="341">
        <v>7704</v>
      </c>
      <c r="O30" s="342">
        <v>148657</v>
      </c>
      <c r="P30" s="343">
        <v>156361</v>
      </c>
      <c r="Q30" s="341">
        <v>0</v>
      </c>
      <c r="R30" s="342">
        <v>442850</v>
      </c>
      <c r="S30" s="342">
        <v>633805</v>
      </c>
      <c r="T30" s="342">
        <v>182044</v>
      </c>
      <c r="U30" s="342">
        <v>308524</v>
      </c>
      <c r="V30" s="342">
        <v>93851</v>
      </c>
      <c r="W30" s="343">
        <v>1661074</v>
      </c>
      <c r="X30" s="345">
        <v>1817435</v>
      </c>
      <c r="Y30" s="341">
        <v>0</v>
      </c>
      <c r="Z30" s="342">
        <v>0</v>
      </c>
      <c r="AA30" s="343">
        <v>0</v>
      </c>
      <c r="AB30" s="341">
        <v>0</v>
      </c>
      <c r="AC30" s="342">
        <v>331746</v>
      </c>
      <c r="AD30" s="342">
        <v>202587</v>
      </c>
      <c r="AE30" s="342">
        <v>0</v>
      </c>
      <c r="AF30" s="342">
        <v>15450</v>
      </c>
      <c r="AG30" s="342">
        <v>6531</v>
      </c>
      <c r="AH30" s="343">
        <v>556314</v>
      </c>
      <c r="AI30" s="345">
        <v>556314</v>
      </c>
      <c r="AJ30" s="341">
        <v>0</v>
      </c>
      <c r="AK30" s="342">
        <v>0</v>
      </c>
      <c r="AL30" s="343">
        <v>0</v>
      </c>
      <c r="AM30" s="341">
        <v>0</v>
      </c>
      <c r="AN30" s="342">
        <v>0</v>
      </c>
      <c r="AO30" s="342">
        <v>0</v>
      </c>
      <c r="AP30" s="342">
        <v>70140</v>
      </c>
      <c r="AQ30" s="342">
        <v>133835</v>
      </c>
      <c r="AR30" s="342">
        <v>38356</v>
      </c>
      <c r="AS30" s="343">
        <v>242331</v>
      </c>
      <c r="AT30" s="345">
        <v>242331</v>
      </c>
      <c r="AU30" s="341">
        <v>7704</v>
      </c>
      <c r="AV30" s="342">
        <v>68323</v>
      </c>
      <c r="AW30" s="343">
        <v>76027</v>
      </c>
      <c r="AX30" s="341">
        <v>0</v>
      </c>
      <c r="AY30" s="342">
        <v>59816</v>
      </c>
      <c r="AZ30" s="342">
        <v>261245</v>
      </c>
      <c r="BA30" s="342">
        <v>101264</v>
      </c>
      <c r="BB30" s="342">
        <v>133159</v>
      </c>
      <c r="BC30" s="342">
        <v>40052</v>
      </c>
      <c r="BD30" s="343">
        <v>595536</v>
      </c>
      <c r="BE30" s="345">
        <v>671563</v>
      </c>
      <c r="BF30" s="341">
        <v>0</v>
      </c>
      <c r="BG30" s="342">
        <v>62302</v>
      </c>
      <c r="BH30" s="346">
        <v>62302</v>
      </c>
      <c r="BI30" s="347">
        <v>0</v>
      </c>
      <c r="BJ30" s="342">
        <v>0</v>
      </c>
      <c r="BK30" s="342">
        <v>156525</v>
      </c>
      <c r="BL30" s="342">
        <v>0</v>
      </c>
      <c r="BM30" s="342">
        <v>0</v>
      </c>
      <c r="BN30" s="342">
        <v>0</v>
      </c>
      <c r="BO30" s="343">
        <v>156525</v>
      </c>
      <c r="BP30" s="345">
        <v>218827</v>
      </c>
      <c r="BQ30" s="341">
        <v>0</v>
      </c>
      <c r="BR30" s="342">
        <v>18032</v>
      </c>
      <c r="BS30" s="343">
        <v>18032</v>
      </c>
      <c r="BT30" s="341">
        <v>0</v>
      </c>
      <c r="BU30" s="342">
        <v>51288</v>
      </c>
      <c r="BV30" s="342">
        <v>13448</v>
      </c>
      <c r="BW30" s="342">
        <v>10640</v>
      </c>
      <c r="BX30" s="342">
        <v>26080</v>
      </c>
      <c r="BY30" s="342">
        <v>8912</v>
      </c>
      <c r="BZ30" s="343">
        <v>110368</v>
      </c>
      <c r="CA30" s="345">
        <v>128400</v>
      </c>
      <c r="CB30" s="341">
        <v>19460</v>
      </c>
      <c r="CC30" s="342">
        <v>75698</v>
      </c>
      <c r="CD30" s="343">
        <v>95158</v>
      </c>
      <c r="CE30" s="341">
        <v>0</v>
      </c>
      <c r="CF30" s="342">
        <v>448885</v>
      </c>
      <c r="CG30" s="342">
        <v>514123</v>
      </c>
      <c r="CH30" s="342">
        <v>357479</v>
      </c>
      <c r="CI30" s="342">
        <v>160763</v>
      </c>
      <c r="CJ30" s="342">
        <v>77310</v>
      </c>
      <c r="CK30" s="343">
        <v>1558560</v>
      </c>
      <c r="CL30" s="345">
        <v>1653718</v>
      </c>
      <c r="CM30" s="341">
        <v>0</v>
      </c>
      <c r="CN30" s="342">
        <v>0</v>
      </c>
      <c r="CO30" s="343">
        <v>0</v>
      </c>
      <c r="CP30" s="347">
        <v>0</v>
      </c>
      <c r="CQ30" s="342">
        <v>359777</v>
      </c>
      <c r="CR30" s="342">
        <v>60132</v>
      </c>
      <c r="CS30" s="342">
        <v>17672</v>
      </c>
      <c r="CT30" s="342">
        <v>0</v>
      </c>
      <c r="CU30" s="342">
        <v>0</v>
      </c>
      <c r="CV30" s="343">
        <v>437581</v>
      </c>
      <c r="CW30" s="345">
        <v>437581</v>
      </c>
      <c r="CX30" s="341">
        <v>19460</v>
      </c>
      <c r="CY30" s="342">
        <v>75698</v>
      </c>
      <c r="CZ30" s="343">
        <v>95158</v>
      </c>
      <c r="DA30" s="341">
        <v>0</v>
      </c>
      <c r="DB30" s="342">
        <v>89108</v>
      </c>
      <c r="DC30" s="342">
        <v>453991</v>
      </c>
      <c r="DD30" s="342">
        <v>339807</v>
      </c>
      <c r="DE30" s="342">
        <v>160763</v>
      </c>
      <c r="DF30" s="342">
        <v>77310</v>
      </c>
      <c r="DG30" s="343">
        <v>1120979</v>
      </c>
      <c r="DH30" s="345">
        <v>1216137</v>
      </c>
      <c r="DI30" s="341">
        <v>0</v>
      </c>
      <c r="DJ30" s="342">
        <v>0</v>
      </c>
      <c r="DK30" s="346">
        <v>0</v>
      </c>
      <c r="DL30" s="347">
        <v>0</v>
      </c>
      <c r="DM30" s="342">
        <v>201441</v>
      </c>
      <c r="DN30" s="342">
        <v>0</v>
      </c>
      <c r="DO30" s="342">
        <v>0</v>
      </c>
      <c r="DP30" s="342">
        <v>98358</v>
      </c>
      <c r="DQ30" s="342">
        <v>111929</v>
      </c>
      <c r="DR30" s="343">
        <v>411728</v>
      </c>
      <c r="DS30" s="345">
        <v>411728</v>
      </c>
      <c r="DT30" s="341">
        <v>0</v>
      </c>
      <c r="DU30" s="342">
        <v>0</v>
      </c>
      <c r="DV30" s="343">
        <v>0</v>
      </c>
      <c r="DW30" s="341">
        <v>0</v>
      </c>
      <c r="DX30" s="342">
        <v>178694</v>
      </c>
      <c r="DY30" s="342">
        <v>0</v>
      </c>
      <c r="DZ30" s="342">
        <v>0</v>
      </c>
      <c r="EA30" s="342">
        <v>57796</v>
      </c>
      <c r="EB30" s="342">
        <v>111929</v>
      </c>
      <c r="EC30" s="343">
        <v>348419</v>
      </c>
      <c r="ED30" s="345">
        <v>348419</v>
      </c>
      <c r="EE30" s="341">
        <v>0</v>
      </c>
      <c r="EF30" s="346">
        <v>0</v>
      </c>
      <c r="EG30" s="343">
        <v>0</v>
      </c>
      <c r="EH30" s="341">
        <v>0</v>
      </c>
      <c r="EI30" s="342">
        <v>22747</v>
      </c>
      <c r="EJ30" s="342">
        <v>0</v>
      </c>
      <c r="EK30" s="342">
        <v>0</v>
      </c>
      <c r="EL30" s="342">
        <v>40562</v>
      </c>
      <c r="EM30" s="342">
        <v>0</v>
      </c>
      <c r="EN30" s="346">
        <v>63309</v>
      </c>
      <c r="EO30" s="345">
        <v>63309</v>
      </c>
      <c r="EP30" s="341">
        <v>0</v>
      </c>
      <c r="EQ30" s="342">
        <v>0</v>
      </c>
      <c r="ER30" s="346">
        <v>0</v>
      </c>
      <c r="ES30" s="347">
        <v>0</v>
      </c>
      <c r="ET30" s="342">
        <v>0</v>
      </c>
      <c r="EU30" s="342">
        <v>0</v>
      </c>
      <c r="EV30" s="342">
        <v>0</v>
      </c>
      <c r="EW30" s="342">
        <v>0</v>
      </c>
      <c r="EX30" s="342">
        <v>0</v>
      </c>
      <c r="EY30" s="343">
        <v>0</v>
      </c>
      <c r="EZ30" s="345">
        <v>0</v>
      </c>
      <c r="FA30" s="341">
        <v>0</v>
      </c>
      <c r="FB30" s="342">
        <v>0</v>
      </c>
      <c r="FC30" s="346">
        <v>0</v>
      </c>
      <c r="FD30" s="347">
        <v>0</v>
      </c>
      <c r="FE30" s="342">
        <v>0</v>
      </c>
      <c r="FF30" s="342">
        <v>0</v>
      </c>
      <c r="FG30" s="342">
        <v>0</v>
      </c>
      <c r="FH30" s="342">
        <v>0</v>
      </c>
      <c r="FI30" s="342">
        <v>0</v>
      </c>
      <c r="FJ30" s="343">
        <v>0</v>
      </c>
      <c r="FK30" s="345">
        <v>0</v>
      </c>
      <c r="FL30" s="341">
        <v>24656</v>
      </c>
      <c r="FM30" s="342">
        <v>58560</v>
      </c>
      <c r="FN30" s="343">
        <v>83216</v>
      </c>
      <c r="FO30" s="341">
        <v>0</v>
      </c>
      <c r="FP30" s="342">
        <v>99440</v>
      </c>
      <c r="FQ30" s="342">
        <v>193696</v>
      </c>
      <c r="FR30" s="342">
        <v>98800</v>
      </c>
      <c r="FS30" s="342">
        <v>127696</v>
      </c>
      <c r="FT30" s="342">
        <v>48832</v>
      </c>
      <c r="FU30" s="343">
        <v>568464</v>
      </c>
      <c r="FV30" s="345">
        <v>651680</v>
      </c>
      <c r="FW30" s="348">
        <v>24656</v>
      </c>
      <c r="FX30" s="342">
        <v>58560</v>
      </c>
      <c r="FY30" s="346">
        <v>83216</v>
      </c>
      <c r="FZ30" s="347">
        <v>0</v>
      </c>
      <c r="GA30" s="342">
        <v>30640</v>
      </c>
      <c r="GB30" s="342">
        <v>193696</v>
      </c>
      <c r="GC30" s="342">
        <v>98800</v>
      </c>
      <c r="GD30" s="342">
        <v>127696</v>
      </c>
      <c r="GE30" s="342">
        <v>48832</v>
      </c>
      <c r="GF30" s="343">
        <v>499664</v>
      </c>
      <c r="GG30" s="349">
        <v>582880</v>
      </c>
      <c r="GH30" s="348">
        <v>0</v>
      </c>
      <c r="GI30" s="342">
        <v>0</v>
      </c>
      <c r="GJ30" s="346">
        <v>0</v>
      </c>
      <c r="GK30" s="347">
        <v>0</v>
      </c>
      <c r="GL30" s="342">
        <v>0</v>
      </c>
      <c r="GM30" s="342">
        <v>0</v>
      </c>
      <c r="GN30" s="342">
        <v>0</v>
      </c>
      <c r="GO30" s="342">
        <v>0</v>
      </c>
      <c r="GP30" s="342">
        <v>0</v>
      </c>
      <c r="GQ30" s="343">
        <v>0</v>
      </c>
      <c r="GR30" s="345">
        <v>0</v>
      </c>
      <c r="GS30" s="341">
        <v>0</v>
      </c>
      <c r="GT30" s="342">
        <v>0</v>
      </c>
      <c r="GU30" s="343">
        <v>0</v>
      </c>
      <c r="GV30" s="341">
        <v>0</v>
      </c>
      <c r="GW30" s="342">
        <v>68800</v>
      </c>
      <c r="GX30" s="342">
        <v>0</v>
      </c>
      <c r="GY30" s="342">
        <v>0</v>
      </c>
      <c r="GZ30" s="342">
        <v>0</v>
      </c>
      <c r="HA30" s="342">
        <v>0</v>
      </c>
      <c r="HB30" s="346">
        <v>68800</v>
      </c>
      <c r="HC30" s="345">
        <v>68800</v>
      </c>
      <c r="HD30" s="341">
        <v>0</v>
      </c>
      <c r="HE30" s="342">
        <v>85965</v>
      </c>
      <c r="HF30" s="346">
        <v>85965</v>
      </c>
      <c r="HG30" s="347">
        <v>0</v>
      </c>
      <c r="HH30" s="342">
        <v>582101</v>
      </c>
      <c r="HI30" s="342">
        <v>0</v>
      </c>
      <c r="HJ30" s="342">
        <v>90210</v>
      </c>
      <c r="HK30" s="342">
        <v>365180</v>
      </c>
      <c r="HL30" s="342">
        <v>216975</v>
      </c>
      <c r="HM30" s="343">
        <v>1254466</v>
      </c>
      <c r="HN30" s="344">
        <v>1340431</v>
      </c>
      <c r="HO30" s="348">
        <v>0</v>
      </c>
      <c r="HP30" s="342">
        <v>0</v>
      </c>
      <c r="HQ30" s="343">
        <v>0</v>
      </c>
      <c r="HR30" s="341">
        <v>0</v>
      </c>
      <c r="HS30" s="342">
        <v>0</v>
      </c>
      <c r="HT30" s="342">
        <v>0</v>
      </c>
      <c r="HU30" s="342">
        <v>0</v>
      </c>
      <c r="HV30" s="342">
        <v>0</v>
      </c>
      <c r="HW30" s="342">
        <v>0</v>
      </c>
      <c r="HX30" s="346">
        <v>0</v>
      </c>
      <c r="HY30" s="345">
        <v>0</v>
      </c>
      <c r="HZ30" s="373">
        <v>41280</v>
      </c>
      <c r="IA30" s="371">
        <v>0</v>
      </c>
      <c r="IB30" s="373">
        <v>41280</v>
      </c>
      <c r="IC30" s="370">
        <v>0</v>
      </c>
      <c r="ID30" s="371">
        <v>361313</v>
      </c>
      <c r="IE30" s="372">
        <v>84333</v>
      </c>
      <c r="IF30" s="373">
        <v>29936</v>
      </c>
      <c r="IG30" s="371">
        <v>0</v>
      </c>
      <c r="IH30" s="373">
        <v>37902</v>
      </c>
      <c r="II30" s="374">
        <v>513484</v>
      </c>
      <c r="IJ30" s="373">
        <v>554764</v>
      </c>
      <c r="IK30" s="357">
        <v>0</v>
      </c>
      <c r="IL30" s="358">
        <v>0</v>
      </c>
      <c r="IM30" s="359">
        <v>0</v>
      </c>
      <c r="IN30" s="436">
        <v>0</v>
      </c>
      <c r="IO30" s="360">
        <v>0</v>
      </c>
      <c r="IP30" s="360">
        <v>0</v>
      </c>
      <c r="IQ30" s="360">
        <v>0</v>
      </c>
      <c r="IR30" s="360">
        <v>0</v>
      </c>
      <c r="IS30" s="360">
        <v>0</v>
      </c>
      <c r="IT30" s="361">
        <v>0</v>
      </c>
      <c r="IU30" s="362">
        <v>0</v>
      </c>
      <c r="IV30" s="363">
        <v>0</v>
      </c>
      <c r="IW30" s="360">
        <v>0</v>
      </c>
      <c r="IX30" s="364">
        <v>0</v>
      </c>
      <c r="IY30" s="436">
        <v>0</v>
      </c>
      <c r="IZ30" s="360">
        <v>0</v>
      </c>
      <c r="JA30" s="360">
        <v>0</v>
      </c>
      <c r="JB30" s="360">
        <v>0</v>
      </c>
      <c r="JC30" s="360">
        <v>0</v>
      </c>
      <c r="JD30" s="360">
        <v>0</v>
      </c>
      <c r="JE30" s="364">
        <v>0</v>
      </c>
      <c r="JF30" s="365">
        <v>0</v>
      </c>
      <c r="JG30" s="363">
        <v>0</v>
      </c>
      <c r="JH30" s="360">
        <v>0</v>
      </c>
      <c r="JI30" s="361">
        <v>0</v>
      </c>
      <c r="JJ30" s="366">
        <v>0</v>
      </c>
      <c r="JK30" s="360">
        <v>145191</v>
      </c>
      <c r="JL30" s="360">
        <v>84333</v>
      </c>
      <c r="JM30" s="360">
        <v>29936</v>
      </c>
      <c r="JN30" s="360">
        <v>0</v>
      </c>
      <c r="JO30" s="360">
        <v>37902</v>
      </c>
      <c r="JP30" s="364">
        <v>297362</v>
      </c>
      <c r="JQ30" s="362">
        <v>297362</v>
      </c>
      <c r="JR30" s="363">
        <v>0</v>
      </c>
      <c r="JS30" s="360">
        <v>0</v>
      </c>
      <c r="JT30" s="361">
        <v>0</v>
      </c>
      <c r="JU30" s="366">
        <v>0</v>
      </c>
      <c r="JV30" s="360">
        <v>0</v>
      </c>
      <c r="JW30" s="360">
        <v>0</v>
      </c>
      <c r="JX30" s="360">
        <v>0</v>
      </c>
      <c r="JY30" s="360">
        <v>0</v>
      </c>
      <c r="JZ30" s="360">
        <v>0</v>
      </c>
      <c r="KA30" s="364">
        <v>0</v>
      </c>
      <c r="KB30" s="362">
        <v>0</v>
      </c>
      <c r="KC30" s="367">
        <v>41280</v>
      </c>
      <c r="KD30" s="368">
        <v>0</v>
      </c>
      <c r="KE30" s="364">
        <v>41280</v>
      </c>
      <c r="KF30" s="366">
        <v>0</v>
      </c>
      <c r="KG30" s="360">
        <v>0</v>
      </c>
      <c r="KH30" s="360">
        <v>0</v>
      </c>
      <c r="KI30" s="360">
        <v>0</v>
      </c>
      <c r="KJ30" s="360">
        <v>0</v>
      </c>
      <c r="KK30" s="360">
        <v>0</v>
      </c>
      <c r="KL30" s="364">
        <v>0</v>
      </c>
      <c r="KM30" s="369">
        <v>41280</v>
      </c>
      <c r="KN30" s="357">
        <v>0</v>
      </c>
      <c r="KO30" s="358">
        <v>0</v>
      </c>
      <c r="KP30" s="359">
        <v>0</v>
      </c>
      <c r="KQ30" s="436">
        <v>0</v>
      </c>
      <c r="KR30" s="360">
        <v>216122</v>
      </c>
      <c r="KS30" s="360">
        <v>0</v>
      </c>
      <c r="KT30" s="360">
        <v>0</v>
      </c>
      <c r="KU30" s="360">
        <v>0</v>
      </c>
      <c r="KV30" s="360">
        <v>0</v>
      </c>
      <c r="KW30" s="364">
        <v>216122</v>
      </c>
      <c r="KX30" s="362">
        <v>216122</v>
      </c>
      <c r="KY30" s="363">
        <v>0</v>
      </c>
      <c r="KZ30" s="360">
        <v>0</v>
      </c>
      <c r="LA30" s="364">
        <v>0</v>
      </c>
      <c r="LB30" s="436">
        <v>0</v>
      </c>
      <c r="LC30" s="360">
        <v>0</v>
      </c>
      <c r="LD30" s="360">
        <v>0</v>
      </c>
      <c r="LE30" s="360">
        <v>0</v>
      </c>
      <c r="LF30" s="360">
        <v>0</v>
      </c>
      <c r="LG30" s="360">
        <v>0</v>
      </c>
      <c r="LH30" s="364">
        <v>0</v>
      </c>
      <c r="LI30" s="365">
        <v>0</v>
      </c>
      <c r="LJ30" s="363">
        <v>0</v>
      </c>
      <c r="LK30" s="360">
        <v>0</v>
      </c>
      <c r="LL30" s="364">
        <v>0</v>
      </c>
      <c r="LM30" s="436">
        <v>0</v>
      </c>
      <c r="LN30" s="360">
        <v>0</v>
      </c>
      <c r="LO30" s="360">
        <v>0</v>
      </c>
      <c r="LP30" s="360">
        <v>0</v>
      </c>
      <c r="LQ30" s="360">
        <v>0</v>
      </c>
      <c r="LR30" s="360">
        <v>0</v>
      </c>
      <c r="LS30" s="364">
        <v>0</v>
      </c>
      <c r="LT30" s="362">
        <v>0</v>
      </c>
      <c r="LU30" s="363">
        <v>0</v>
      </c>
      <c r="LV30" s="360">
        <v>0</v>
      </c>
      <c r="LW30" s="364">
        <v>0</v>
      </c>
      <c r="LX30" s="436">
        <v>0</v>
      </c>
      <c r="LY30" s="360">
        <v>0</v>
      </c>
      <c r="LZ30" s="360">
        <v>0</v>
      </c>
      <c r="MA30" s="360">
        <v>0</v>
      </c>
      <c r="MB30" s="360">
        <v>0</v>
      </c>
      <c r="MC30" s="360">
        <v>0</v>
      </c>
      <c r="MD30" s="364">
        <v>0</v>
      </c>
      <c r="ME30" s="365">
        <v>0</v>
      </c>
      <c r="MF30" s="363">
        <v>0</v>
      </c>
      <c r="MG30" s="360">
        <v>0</v>
      </c>
      <c r="MH30" s="364">
        <v>0</v>
      </c>
      <c r="MI30" s="436">
        <v>0</v>
      </c>
      <c r="MJ30" s="360">
        <v>245100</v>
      </c>
      <c r="MK30" s="360">
        <v>689772</v>
      </c>
      <c r="ML30" s="360">
        <v>542537</v>
      </c>
      <c r="MM30" s="360">
        <v>713924</v>
      </c>
      <c r="MN30" s="360">
        <v>1083109</v>
      </c>
      <c r="MO30" s="364">
        <v>3274442</v>
      </c>
      <c r="MP30" s="369">
        <v>3274442</v>
      </c>
      <c r="MQ30" s="363">
        <v>0</v>
      </c>
      <c r="MR30" s="360">
        <v>0</v>
      </c>
      <c r="MS30" s="364">
        <v>0</v>
      </c>
      <c r="MT30" s="436">
        <v>0</v>
      </c>
      <c r="MU30" s="360">
        <v>0</v>
      </c>
      <c r="MV30" s="360">
        <v>195113</v>
      </c>
      <c r="MW30" s="360">
        <v>542537</v>
      </c>
      <c r="MX30" s="360">
        <v>239145</v>
      </c>
      <c r="MY30" s="360">
        <v>513486</v>
      </c>
      <c r="MZ30" s="364">
        <v>1490281</v>
      </c>
      <c r="NA30" s="369">
        <v>1490281</v>
      </c>
      <c r="NB30" s="363">
        <v>0</v>
      </c>
      <c r="NC30" s="360">
        <v>0</v>
      </c>
      <c r="ND30" s="364">
        <v>0</v>
      </c>
      <c r="NE30" s="436">
        <v>0</v>
      </c>
      <c r="NF30" s="360">
        <v>245100</v>
      </c>
      <c r="NG30" s="360">
        <v>494659</v>
      </c>
      <c r="NH30" s="360">
        <v>0</v>
      </c>
      <c r="NI30" s="360">
        <v>474779</v>
      </c>
      <c r="NJ30" s="360">
        <v>569623</v>
      </c>
      <c r="NK30" s="364">
        <v>1784161</v>
      </c>
      <c r="NL30" s="362">
        <v>1784161</v>
      </c>
      <c r="NM30" s="363">
        <v>0</v>
      </c>
      <c r="NN30" s="360">
        <v>0</v>
      </c>
      <c r="NO30" s="364">
        <v>0</v>
      </c>
      <c r="NP30" s="436">
        <v>0</v>
      </c>
      <c r="NQ30" s="360">
        <v>0</v>
      </c>
      <c r="NR30" s="360">
        <v>0</v>
      </c>
      <c r="NS30" s="360">
        <v>0</v>
      </c>
      <c r="NT30" s="360">
        <v>0</v>
      </c>
      <c r="NU30" s="360">
        <v>0</v>
      </c>
      <c r="NV30" s="364">
        <v>0</v>
      </c>
      <c r="NW30" s="365">
        <v>0</v>
      </c>
      <c r="NX30" s="363">
        <v>0</v>
      </c>
      <c r="NY30" s="360">
        <v>0</v>
      </c>
      <c r="NZ30" s="364">
        <v>0</v>
      </c>
      <c r="OA30" s="436">
        <v>0</v>
      </c>
      <c r="OB30" s="360">
        <v>0</v>
      </c>
      <c r="OC30" s="360">
        <v>0</v>
      </c>
      <c r="OD30" s="360">
        <v>0</v>
      </c>
      <c r="OE30" s="360">
        <v>0</v>
      </c>
      <c r="OF30" s="360">
        <v>0</v>
      </c>
      <c r="OG30" s="364">
        <v>0</v>
      </c>
      <c r="OH30" s="365">
        <v>0</v>
      </c>
      <c r="OI30" s="363">
        <v>93100</v>
      </c>
      <c r="OJ30" s="360">
        <v>368880</v>
      </c>
      <c r="OK30" s="361">
        <v>461980</v>
      </c>
      <c r="OL30" s="366">
        <v>0</v>
      </c>
      <c r="OM30" s="360">
        <v>2381130</v>
      </c>
      <c r="ON30" s="360">
        <v>2115729</v>
      </c>
      <c r="OO30" s="360">
        <v>1301006</v>
      </c>
      <c r="OP30" s="360">
        <v>1774445</v>
      </c>
      <c r="OQ30" s="360">
        <v>1669908</v>
      </c>
      <c r="OR30" s="364">
        <v>9242218</v>
      </c>
      <c r="OS30" s="369">
        <v>9704198</v>
      </c>
    </row>
    <row r="31" spans="2:409" s="137" customFormat="1" ht="21" customHeight="1" x14ac:dyDescent="0.2">
      <c r="B31" s="421" t="s">
        <v>26</v>
      </c>
      <c r="C31" s="341">
        <v>109141</v>
      </c>
      <c r="D31" s="342">
        <v>36432</v>
      </c>
      <c r="E31" s="343">
        <v>145573</v>
      </c>
      <c r="F31" s="344">
        <v>0</v>
      </c>
      <c r="G31" s="342">
        <v>1070249</v>
      </c>
      <c r="H31" s="342">
        <v>1516293</v>
      </c>
      <c r="I31" s="342">
        <v>1317301</v>
      </c>
      <c r="J31" s="342">
        <v>1089577</v>
      </c>
      <c r="K31" s="342">
        <v>809671</v>
      </c>
      <c r="L31" s="382">
        <v>5803091</v>
      </c>
      <c r="M31" s="345">
        <v>5948664</v>
      </c>
      <c r="N31" s="341">
        <v>31717</v>
      </c>
      <c r="O31" s="342">
        <v>0</v>
      </c>
      <c r="P31" s="343">
        <v>31717</v>
      </c>
      <c r="Q31" s="341">
        <v>0</v>
      </c>
      <c r="R31" s="342">
        <v>422301</v>
      </c>
      <c r="S31" s="342">
        <v>700151</v>
      </c>
      <c r="T31" s="342">
        <v>419734</v>
      </c>
      <c r="U31" s="342">
        <v>595314</v>
      </c>
      <c r="V31" s="342">
        <v>679919</v>
      </c>
      <c r="W31" s="343">
        <v>2817419</v>
      </c>
      <c r="X31" s="345">
        <v>2849136</v>
      </c>
      <c r="Y31" s="341">
        <v>0</v>
      </c>
      <c r="Z31" s="342">
        <v>0</v>
      </c>
      <c r="AA31" s="343">
        <v>0</v>
      </c>
      <c r="AB31" s="341">
        <v>0</v>
      </c>
      <c r="AC31" s="342">
        <v>283121</v>
      </c>
      <c r="AD31" s="342">
        <v>347541</v>
      </c>
      <c r="AE31" s="342">
        <v>285219</v>
      </c>
      <c r="AF31" s="342">
        <v>230418</v>
      </c>
      <c r="AG31" s="342">
        <v>339195</v>
      </c>
      <c r="AH31" s="343">
        <v>1485494</v>
      </c>
      <c r="AI31" s="345">
        <v>1485494</v>
      </c>
      <c r="AJ31" s="341">
        <v>0</v>
      </c>
      <c r="AK31" s="342">
        <v>0</v>
      </c>
      <c r="AL31" s="343">
        <v>0</v>
      </c>
      <c r="AM31" s="341">
        <v>0</v>
      </c>
      <c r="AN31" s="342">
        <v>0</v>
      </c>
      <c r="AO31" s="342">
        <v>0</v>
      </c>
      <c r="AP31" s="342">
        <v>0</v>
      </c>
      <c r="AQ31" s="342">
        <v>93534</v>
      </c>
      <c r="AR31" s="342">
        <v>0</v>
      </c>
      <c r="AS31" s="343">
        <v>93534</v>
      </c>
      <c r="AT31" s="345">
        <v>93534</v>
      </c>
      <c r="AU31" s="341">
        <v>18005</v>
      </c>
      <c r="AV31" s="342">
        <v>0</v>
      </c>
      <c r="AW31" s="343">
        <v>18005</v>
      </c>
      <c r="AX31" s="341">
        <v>0</v>
      </c>
      <c r="AY31" s="342">
        <v>105340</v>
      </c>
      <c r="AZ31" s="342">
        <v>304229</v>
      </c>
      <c r="BA31" s="342">
        <v>41755</v>
      </c>
      <c r="BB31" s="342">
        <v>179226</v>
      </c>
      <c r="BC31" s="342">
        <v>267031</v>
      </c>
      <c r="BD31" s="343">
        <v>897581</v>
      </c>
      <c r="BE31" s="345">
        <v>915586</v>
      </c>
      <c r="BF31" s="341">
        <v>0</v>
      </c>
      <c r="BG31" s="342">
        <v>0</v>
      </c>
      <c r="BH31" s="346">
        <v>0</v>
      </c>
      <c r="BI31" s="347">
        <v>0</v>
      </c>
      <c r="BJ31" s="342">
        <v>0</v>
      </c>
      <c r="BK31" s="342">
        <v>39501</v>
      </c>
      <c r="BL31" s="342">
        <v>0</v>
      </c>
      <c r="BM31" s="342">
        <v>0</v>
      </c>
      <c r="BN31" s="342">
        <v>39501</v>
      </c>
      <c r="BO31" s="343">
        <v>79002</v>
      </c>
      <c r="BP31" s="345">
        <v>79002</v>
      </c>
      <c r="BQ31" s="341">
        <v>13712</v>
      </c>
      <c r="BR31" s="342">
        <v>0</v>
      </c>
      <c r="BS31" s="343">
        <v>13712</v>
      </c>
      <c r="BT31" s="341">
        <v>0</v>
      </c>
      <c r="BU31" s="342">
        <v>33840</v>
      </c>
      <c r="BV31" s="342">
        <v>8880</v>
      </c>
      <c r="BW31" s="342">
        <v>92760</v>
      </c>
      <c r="BX31" s="342">
        <v>92136</v>
      </c>
      <c r="BY31" s="342">
        <v>34192</v>
      </c>
      <c r="BZ31" s="343">
        <v>261808</v>
      </c>
      <c r="CA31" s="345">
        <v>275520</v>
      </c>
      <c r="CB31" s="341">
        <v>0</v>
      </c>
      <c r="CC31" s="342">
        <v>0</v>
      </c>
      <c r="CD31" s="343">
        <v>0</v>
      </c>
      <c r="CE31" s="341">
        <v>0</v>
      </c>
      <c r="CF31" s="342">
        <v>296668</v>
      </c>
      <c r="CG31" s="342">
        <v>446535</v>
      </c>
      <c r="CH31" s="342">
        <v>379672</v>
      </c>
      <c r="CI31" s="342">
        <v>278623</v>
      </c>
      <c r="CJ31" s="342">
        <v>0</v>
      </c>
      <c r="CK31" s="343">
        <v>1401498</v>
      </c>
      <c r="CL31" s="345">
        <v>1401498</v>
      </c>
      <c r="CM31" s="341">
        <v>0</v>
      </c>
      <c r="CN31" s="342">
        <v>0</v>
      </c>
      <c r="CO31" s="343">
        <v>0</v>
      </c>
      <c r="CP31" s="347">
        <v>0</v>
      </c>
      <c r="CQ31" s="342">
        <v>137036</v>
      </c>
      <c r="CR31" s="342">
        <v>347640</v>
      </c>
      <c r="CS31" s="342">
        <v>379672</v>
      </c>
      <c r="CT31" s="342">
        <v>192798</v>
      </c>
      <c r="CU31" s="342">
        <v>0</v>
      </c>
      <c r="CV31" s="343">
        <v>1057146</v>
      </c>
      <c r="CW31" s="345">
        <v>1057146</v>
      </c>
      <c r="CX31" s="341">
        <v>0</v>
      </c>
      <c r="CY31" s="342">
        <v>0</v>
      </c>
      <c r="CZ31" s="343">
        <v>0</v>
      </c>
      <c r="DA31" s="341">
        <v>0</v>
      </c>
      <c r="DB31" s="342">
        <v>159632</v>
      </c>
      <c r="DC31" s="342">
        <v>98895</v>
      </c>
      <c r="DD31" s="342">
        <v>0</v>
      </c>
      <c r="DE31" s="342">
        <v>85825</v>
      </c>
      <c r="DF31" s="342">
        <v>0</v>
      </c>
      <c r="DG31" s="343">
        <v>344352</v>
      </c>
      <c r="DH31" s="345">
        <v>344352</v>
      </c>
      <c r="DI31" s="341">
        <v>0</v>
      </c>
      <c r="DJ31" s="342">
        <v>0</v>
      </c>
      <c r="DK31" s="346">
        <v>0</v>
      </c>
      <c r="DL31" s="347">
        <v>0</v>
      </c>
      <c r="DM31" s="342">
        <v>102604</v>
      </c>
      <c r="DN31" s="342">
        <v>158831</v>
      </c>
      <c r="DO31" s="342">
        <v>78265</v>
      </c>
      <c r="DP31" s="342">
        <v>76720</v>
      </c>
      <c r="DQ31" s="342">
        <v>41744</v>
      </c>
      <c r="DR31" s="343">
        <v>458164</v>
      </c>
      <c r="DS31" s="345">
        <v>458164</v>
      </c>
      <c r="DT31" s="341">
        <v>0</v>
      </c>
      <c r="DU31" s="342">
        <v>0</v>
      </c>
      <c r="DV31" s="343">
        <v>0</v>
      </c>
      <c r="DW31" s="341">
        <v>0</v>
      </c>
      <c r="DX31" s="342">
        <v>102604</v>
      </c>
      <c r="DY31" s="342">
        <v>158831</v>
      </c>
      <c r="DZ31" s="342">
        <v>0</v>
      </c>
      <c r="EA31" s="342">
        <v>0</v>
      </c>
      <c r="EB31" s="342">
        <v>41744</v>
      </c>
      <c r="EC31" s="343">
        <v>303179</v>
      </c>
      <c r="ED31" s="345">
        <v>303179</v>
      </c>
      <c r="EE31" s="341">
        <v>0</v>
      </c>
      <c r="EF31" s="346">
        <v>0</v>
      </c>
      <c r="EG31" s="343">
        <v>0</v>
      </c>
      <c r="EH31" s="341">
        <v>0</v>
      </c>
      <c r="EI31" s="342">
        <v>0</v>
      </c>
      <c r="EJ31" s="342">
        <v>0</v>
      </c>
      <c r="EK31" s="342">
        <v>78265</v>
      </c>
      <c r="EL31" s="342">
        <v>76720</v>
      </c>
      <c r="EM31" s="342">
        <v>0</v>
      </c>
      <c r="EN31" s="346">
        <v>154985</v>
      </c>
      <c r="EO31" s="345">
        <v>154985</v>
      </c>
      <c r="EP31" s="341">
        <v>0</v>
      </c>
      <c r="EQ31" s="342">
        <v>0</v>
      </c>
      <c r="ER31" s="346">
        <v>0</v>
      </c>
      <c r="ES31" s="347">
        <v>0</v>
      </c>
      <c r="ET31" s="342">
        <v>0</v>
      </c>
      <c r="EU31" s="342">
        <v>0</v>
      </c>
      <c r="EV31" s="342">
        <v>0</v>
      </c>
      <c r="EW31" s="342">
        <v>0</v>
      </c>
      <c r="EX31" s="342">
        <v>0</v>
      </c>
      <c r="EY31" s="343">
        <v>0</v>
      </c>
      <c r="EZ31" s="345">
        <v>0</v>
      </c>
      <c r="FA31" s="341">
        <v>0</v>
      </c>
      <c r="FB31" s="342">
        <v>0</v>
      </c>
      <c r="FC31" s="346">
        <v>0</v>
      </c>
      <c r="FD31" s="347">
        <v>0</v>
      </c>
      <c r="FE31" s="342">
        <v>0</v>
      </c>
      <c r="FF31" s="342">
        <v>0</v>
      </c>
      <c r="FG31" s="342">
        <v>0</v>
      </c>
      <c r="FH31" s="342">
        <v>0</v>
      </c>
      <c r="FI31" s="342">
        <v>0</v>
      </c>
      <c r="FJ31" s="343">
        <v>0</v>
      </c>
      <c r="FK31" s="345">
        <v>0</v>
      </c>
      <c r="FL31" s="341">
        <v>26880</v>
      </c>
      <c r="FM31" s="342">
        <v>36432</v>
      </c>
      <c r="FN31" s="343">
        <v>63312</v>
      </c>
      <c r="FO31" s="341">
        <v>0</v>
      </c>
      <c r="FP31" s="342">
        <v>101200</v>
      </c>
      <c r="FQ31" s="342">
        <v>210776</v>
      </c>
      <c r="FR31" s="342">
        <v>67384</v>
      </c>
      <c r="FS31" s="342">
        <v>138920</v>
      </c>
      <c r="FT31" s="342">
        <v>88008</v>
      </c>
      <c r="FU31" s="343">
        <v>606288</v>
      </c>
      <c r="FV31" s="345">
        <v>669600</v>
      </c>
      <c r="FW31" s="348">
        <v>26880</v>
      </c>
      <c r="FX31" s="342">
        <v>36432</v>
      </c>
      <c r="FY31" s="346">
        <v>63312</v>
      </c>
      <c r="FZ31" s="347">
        <v>0</v>
      </c>
      <c r="GA31" s="342">
        <v>101200</v>
      </c>
      <c r="GB31" s="342">
        <v>210776</v>
      </c>
      <c r="GC31" s="342">
        <v>67384</v>
      </c>
      <c r="GD31" s="342">
        <v>138920</v>
      </c>
      <c r="GE31" s="342">
        <v>88008</v>
      </c>
      <c r="GF31" s="343">
        <v>606288</v>
      </c>
      <c r="GG31" s="349">
        <v>669600</v>
      </c>
      <c r="GH31" s="348">
        <v>0</v>
      </c>
      <c r="GI31" s="342">
        <v>0</v>
      </c>
      <c r="GJ31" s="346">
        <v>0</v>
      </c>
      <c r="GK31" s="347">
        <v>0</v>
      </c>
      <c r="GL31" s="342">
        <v>0</v>
      </c>
      <c r="GM31" s="342">
        <v>0</v>
      </c>
      <c r="GN31" s="342">
        <v>0</v>
      </c>
      <c r="GO31" s="342">
        <v>0</v>
      </c>
      <c r="GP31" s="342">
        <v>0</v>
      </c>
      <c r="GQ31" s="343">
        <v>0</v>
      </c>
      <c r="GR31" s="345">
        <v>0</v>
      </c>
      <c r="GS31" s="341">
        <v>0</v>
      </c>
      <c r="GT31" s="342">
        <v>0</v>
      </c>
      <c r="GU31" s="343">
        <v>0</v>
      </c>
      <c r="GV31" s="341">
        <v>0</v>
      </c>
      <c r="GW31" s="342">
        <v>0</v>
      </c>
      <c r="GX31" s="342">
        <v>0</v>
      </c>
      <c r="GY31" s="342">
        <v>0</v>
      </c>
      <c r="GZ31" s="342">
        <v>0</v>
      </c>
      <c r="HA31" s="342">
        <v>0</v>
      </c>
      <c r="HB31" s="346">
        <v>0</v>
      </c>
      <c r="HC31" s="345">
        <v>0</v>
      </c>
      <c r="HD31" s="341">
        <v>50544</v>
      </c>
      <c r="HE31" s="342">
        <v>0</v>
      </c>
      <c r="HF31" s="346">
        <v>50544</v>
      </c>
      <c r="HG31" s="347">
        <v>0</v>
      </c>
      <c r="HH31" s="342">
        <v>147476</v>
      </c>
      <c r="HI31" s="342">
        <v>0</v>
      </c>
      <c r="HJ31" s="342">
        <v>372246</v>
      </c>
      <c r="HK31" s="342">
        <v>0</v>
      </c>
      <c r="HL31" s="342">
        <v>0</v>
      </c>
      <c r="HM31" s="343">
        <v>519722</v>
      </c>
      <c r="HN31" s="344">
        <v>570266</v>
      </c>
      <c r="HO31" s="348">
        <v>0</v>
      </c>
      <c r="HP31" s="342">
        <v>0</v>
      </c>
      <c r="HQ31" s="343">
        <v>0</v>
      </c>
      <c r="HR31" s="341">
        <v>0</v>
      </c>
      <c r="HS31" s="342">
        <v>0</v>
      </c>
      <c r="HT31" s="342">
        <v>0</v>
      </c>
      <c r="HU31" s="342">
        <v>0</v>
      </c>
      <c r="HV31" s="342">
        <v>0</v>
      </c>
      <c r="HW31" s="342">
        <v>0</v>
      </c>
      <c r="HX31" s="346">
        <v>0</v>
      </c>
      <c r="HY31" s="345">
        <v>0</v>
      </c>
      <c r="HZ31" s="350">
        <v>0</v>
      </c>
      <c r="IA31" s="351">
        <v>0</v>
      </c>
      <c r="IB31" s="352">
        <v>0</v>
      </c>
      <c r="IC31" s="353">
        <v>0</v>
      </c>
      <c r="ID31" s="351">
        <v>317521</v>
      </c>
      <c r="IE31" s="354">
        <v>109115</v>
      </c>
      <c r="IF31" s="352">
        <v>412848</v>
      </c>
      <c r="IG31" s="351">
        <v>523473</v>
      </c>
      <c r="IH31" s="352">
        <v>55375</v>
      </c>
      <c r="II31" s="355">
        <v>1418332</v>
      </c>
      <c r="IJ31" s="356">
        <v>1418332</v>
      </c>
      <c r="IK31" s="357">
        <v>0</v>
      </c>
      <c r="IL31" s="358">
        <v>0</v>
      </c>
      <c r="IM31" s="359">
        <v>0</v>
      </c>
      <c r="IN31" s="436">
        <v>0</v>
      </c>
      <c r="IO31" s="360">
        <v>0</v>
      </c>
      <c r="IP31" s="360">
        <v>0</v>
      </c>
      <c r="IQ31" s="360">
        <v>0</v>
      </c>
      <c r="IR31" s="360">
        <v>0</v>
      </c>
      <c r="IS31" s="360">
        <v>0</v>
      </c>
      <c r="IT31" s="361">
        <v>0</v>
      </c>
      <c r="IU31" s="362">
        <v>0</v>
      </c>
      <c r="IV31" s="363">
        <v>0</v>
      </c>
      <c r="IW31" s="360">
        <v>0</v>
      </c>
      <c r="IX31" s="364">
        <v>0</v>
      </c>
      <c r="IY31" s="436">
        <v>0</v>
      </c>
      <c r="IZ31" s="360">
        <v>0</v>
      </c>
      <c r="JA31" s="360">
        <v>0</v>
      </c>
      <c r="JB31" s="360">
        <v>0</v>
      </c>
      <c r="JC31" s="360">
        <v>0</v>
      </c>
      <c r="JD31" s="360">
        <v>0</v>
      </c>
      <c r="JE31" s="364">
        <v>0</v>
      </c>
      <c r="JF31" s="365">
        <v>0</v>
      </c>
      <c r="JG31" s="363">
        <v>0</v>
      </c>
      <c r="JH31" s="360">
        <v>0</v>
      </c>
      <c r="JI31" s="361">
        <v>0</v>
      </c>
      <c r="JJ31" s="366">
        <v>0</v>
      </c>
      <c r="JK31" s="360">
        <v>317521</v>
      </c>
      <c r="JL31" s="360">
        <v>109115</v>
      </c>
      <c r="JM31" s="360">
        <v>41383</v>
      </c>
      <c r="JN31" s="360">
        <v>38968</v>
      </c>
      <c r="JO31" s="360">
        <v>55375</v>
      </c>
      <c r="JP31" s="364">
        <v>562362</v>
      </c>
      <c r="JQ31" s="362">
        <v>562362</v>
      </c>
      <c r="JR31" s="363">
        <v>0</v>
      </c>
      <c r="JS31" s="360">
        <v>0</v>
      </c>
      <c r="JT31" s="361">
        <v>0</v>
      </c>
      <c r="JU31" s="366">
        <v>0</v>
      </c>
      <c r="JV31" s="360">
        <v>0</v>
      </c>
      <c r="JW31" s="360">
        <v>0</v>
      </c>
      <c r="JX31" s="360">
        <v>139372</v>
      </c>
      <c r="JY31" s="360">
        <v>0</v>
      </c>
      <c r="JZ31" s="360">
        <v>0</v>
      </c>
      <c r="KA31" s="364">
        <v>139372</v>
      </c>
      <c r="KB31" s="362">
        <v>139372</v>
      </c>
      <c r="KC31" s="367">
        <v>0</v>
      </c>
      <c r="KD31" s="368">
        <v>0</v>
      </c>
      <c r="KE31" s="364">
        <v>0</v>
      </c>
      <c r="KF31" s="366">
        <v>0</v>
      </c>
      <c r="KG31" s="360">
        <v>0</v>
      </c>
      <c r="KH31" s="360">
        <v>0</v>
      </c>
      <c r="KI31" s="360">
        <v>0</v>
      </c>
      <c r="KJ31" s="360">
        <v>0</v>
      </c>
      <c r="KK31" s="360">
        <v>0</v>
      </c>
      <c r="KL31" s="364">
        <v>0</v>
      </c>
      <c r="KM31" s="369">
        <v>0</v>
      </c>
      <c r="KN31" s="357">
        <v>0</v>
      </c>
      <c r="KO31" s="358">
        <v>0</v>
      </c>
      <c r="KP31" s="359">
        <v>0</v>
      </c>
      <c r="KQ31" s="436">
        <v>0</v>
      </c>
      <c r="KR31" s="360">
        <v>0</v>
      </c>
      <c r="KS31" s="360">
        <v>0</v>
      </c>
      <c r="KT31" s="360">
        <v>232093</v>
      </c>
      <c r="KU31" s="360">
        <v>484505</v>
      </c>
      <c r="KV31" s="360">
        <v>0</v>
      </c>
      <c r="KW31" s="364">
        <v>716598</v>
      </c>
      <c r="KX31" s="362">
        <v>716598</v>
      </c>
      <c r="KY31" s="363">
        <v>0</v>
      </c>
      <c r="KZ31" s="360">
        <v>0</v>
      </c>
      <c r="LA31" s="364">
        <v>0</v>
      </c>
      <c r="LB31" s="436">
        <v>0</v>
      </c>
      <c r="LC31" s="360">
        <v>0</v>
      </c>
      <c r="LD31" s="360">
        <v>0</v>
      </c>
      <c r="LE31" s="360">
        <v>0</v>
      </c>
      <c r="LF31" s="360">
        <v>0</v>
      </c>
      <c r="LG31" s="360">
        <v>0</v>
      </c>
      <c r="LH31" s="364">
        <v>0</v>
      </c>
      <c r="LI31" s="365">
        <v>0</v>
      </c>
      <c r="LJ31" s="363">
        <v>0</v>
      </c>
      <c r="LK31" s="360">
        <v>0</v>
      </c>
      <c r="LL31" s="364">
        <v>0</v>
      </c>
      <c r="LM31" s="436">
        <v>0</v>
      </c>
      <c r="LN31" s="360">
        <v>0</v>
      </c>
      <c r="LO31" s="360">
        <v>0</v>
      </c>
      <c r="LP31" s="360">
        <v>0</v>
      </c>
      <c r="LQ31" s="360">
        <v>0</v>
      </c>
      <c r="LR31" s="360">
        <v>0</v>
      </c>
      <c r="LS31" s="364">
        <v>0</v>
      </c>
      <c r="LT31" s="362">
        <v>0</v>
      </c>
      <c r="LU31" s="363">
        <v>0</v>
      </c>
      <c r="LV31" s="360">
        <v>0</v>
      </c>
      <c r="LW31" s="364">
        <v>0</v>
      </c>
      <c r="LX31" s="436">
        <v>0</v>
      </c>
      <c r="LY31" s="360">
        <v>0</v>
      </c>
      <c r="LZ31" s="360">
        <v>0</v>
      </c>
      <c r="MA31" s="360">
        <v>0</v>
      </c>
      <c r="MB31" s="360">
        <v>0</v>
      </c>
      <c r="MC31" s="360">
        <v>0</v>
      </c>
      <c r="MD31" s="364">
        <v>0</v>
      </c>
      <c r="ME31" s="365">
        <v>0</v>
      </c>
      <c r="MF31" s="363">
        <v>0</v>
      </c>
      <c r="MG31" s="360">
        <v>0</v>
      </c>
      <c r="MH31" s="364">
        <v>0</v>
      </c>
      <c r="MI31" s="436">
        <v>0</v>
      </c>
      <c r="MJ31" s="360">
        <v>0</v>
      </c>
      <c r="MK31" s="360">
        <v>53929</v>
      </c>
      <c r="ML31" s="360">
        <v>838212</v>
      </c>
      <c r="MM31" s="360">
        <v>498308</v>
      </c>
      <c r="MN31" s="360">
        <v>492771</v>
      </c>
      <c r="MO31" s="364">
        <v>1883220</v>
      </c>
      <c r="MP31" s="369">
        <v>1883220</v>
      </c>
      <c r="MQ31" s="363">
        <v>0</v>
      </c>
      <c r="MR31" s="360">
        <v>0</v>
      </c>
      <c r="MS31" s="364">
        <v>0</v>
      </c>
      <c r="MT31" s="436">
        <v>0</v>
      </c>
      <c r="MU31" s="360">
        <v>0</v>
      </c>
      <c r="MV31" s="360">
        <v>0</v>
      </c>
      <c r="MW31" s="360">
        <v>458010</v>
      </c>
      <c r="MX31" s="360">
        <v>498308</v>
      </c>
      <c r="MY31" s="360">
        <v>492771</v>
      </c>
      <c r="MZ31" s="364">
        <v>1449089</v>
      </c>
      <c r="NA31" s="369">
        <v>1449089</v>
      </c>
      <c r="NB31" s="363">
        <v>0</v>
      </c>
      <c r="NC31" s="360">
        <v>0</v>
      </c>
      <c r="ND31" s="364">
        <v>0</v>
      </c>
      <c r="NE31" s="436">
        <v>0</v>
      </c>
      <c r="NF31" s="360">
        <v>0</v>
      </c>
      <c r="NG31" s="360">
        <v>53929</v>
      </c>
      <c r="NH31" s="360">
        <v>380202</v>
      </c>
      <c r="NI31" s="360">
        <v>0</v>
      </c>
      <c r="NJ31" s="360">
        <v>0</v>
      </c>
      <c r="NK31" s="364">
        <v>434131</v>
      </c>
      <c r="NL31" s="362">
        <v>434131</v>
      </c>
      <c r="NM31" s="363">
        <v>0</v>
      </c>
      <c r="NN31" s="360">
        <v>0</v>
      </c>
      <c r="NO31" s="364">
        <v>0</v>
      </c>
      <c r="NP31" s="436">
        <v>0</v>
      </c>
      <c r="NQ31" s="360">
        <v>0</v>
      </c>
      <c r="NR31" s="360">
        <v>0</v>
      </c>
      <c r="NS31" s="360">
        <v>0</v>
      </c>
      <c r="NT31" s="360">
        <v>0</v>
      </c>
      <c r="NU31" s="360">
        <v>0</v>
      </c>
      <c r="NV31" s="364">
        <v>0</v>
      </c>
      <c r="NW31" s="365">
        <v>0</v>
      </c>
      <c r="NX31" s="363">
        <v>0</v>
      </c>
      <c r="NY31" s="360">
        <v>0</v>
      </c>
      <c r="NZ31" s="364">
        <v>0</v>
      </c>
      <c r="OA31" s="436">
        <v>0</v>
      </c>
      <c r="OB31" s="360">
        <v>0</v>
      </c>
      <c r="OC31" s="360">
        <v>0</v>
      </c>
      <c r="OD31" s="360">
        <v>0</v>
      </c>
      <c r="OE31" s="360">
        <v>0</v>
      </c>
      <c r="OF31" s="360">
        <v>0</v>
      </c>
      <c r="OG31" s="364">
        <v>0</v>
      </c>
      <c r="OH31" s="365">
        <v>0</v>
      </c>
      <c r="OI31" s="363">
        <v>109141</v>
      </c>
      <c r="OJ31" s="360">
        <v>36432</v>
      </c>
      <c r="OK31" s="361">
        <v>145573</v>
      </c>
      <c r="OL31" s="366">
        <v>0</v>
      </c>
      <c r="OM31" s="360">
        <v>1387770</v>
      </c>
      <c r="ON31" s="360">
        <v>1679337</v>
      </c>
      <c r="OO31" s="360">
        <v>2568361</v>
      </c>
      <c r="OP31" s="360">
        <v>2111358</v>
      </c>
      <c r="OQ31" s="360">
        <v>1357817</v>
      </c>
      <c r="OR31" s="364">
        <v>9104643</v>
      </c>
      <c r="OS31" s="369">
        <v>9250216</v>
      </c>
    </row>
    <row r="32" spans="2:409" s="137" customFormat="1" ht="21" customHeight="1" x14ac:dyDescent="0.2">
      <c r="B32" s="421" t="s">
        <v>27</v>
      </c>
      <c r="C32" s="341">
        <v>101142</v>
      </c>
      <c r="D32" s="342">
        <v>205436</v>
      </c>
      <c r="E32" s="343">
        <v>306578</v>
      </c>
      <c r="F32" s="344">
        <v>0</v>
      </c>
      <c r="G32" s="342">
        <v>1430675</v>
      </c>
      <c r="H32" s="342">
        <v>1151021</v>
      </c>
      <c r="I32" s="342">
        <v>811726</v>
      </c>
      <c r="J32" s="342">
        <v>1521094</v>
      </c>
      <c r="K32" s="342">
        <v>580338</v>
      </c>
      <c r="L32" s="382">
        <v>5494854</v>
      </c>
      <c r="M32" s="345">
        <v>5801432</v>
      </c>
      <c r="N32" s="341">
        <v>15056</v>
      </c>
      <c r="O32" s="342">
        <v>66435</v>
      </c>
      <c r="P32" s="343">
        <v>81491</v>
      </c>
      <c r="Q32" s="341">
        <v>0</v>
      </c>
      <c r="R32" s="342">
        <v>445052</v>
      </c>
      <c r="S32" s="342">
        <v>376089</v>
      </c>
      <c r="T32" s="342">
        <v>446409</v>
      </c>
      <c r="U32" s="342">
        <v>473656</v>
      </c>
      <c r="V32" s="342">
        <v>557330</v>
      </c>
      <c r="W32" s="343">
        <v>2298536</v>
      </c>
      <c r="X32" s="345">
        <v>2380027</v>
      </c>
      <c r="Y32" s="341">
        <v>0</v>
      </c>
      <c r="Z32" s="342">
        <v>0</v>
      </c>
      <c r="AA32" s="343">
        <v>0</v>
      </c>
      <c r="AB32" s="341">
        <v>0</v>
      </c>
      <c r="AC32" s="342">
        <v>113358</v>
      </c>
      <c r="AD32" s="342">
        <v>172586</v>
      </c>
      <c r="AE32" s="342">
        <v>349712</v>
      </c>
      <c r="AF32" s="342">
        <v>224195</v>
      </c>
      <c r="AG32" s="342">
        <v>388051</v>
      </c>
      <c r="AH32" s="343">
        <v>1247902</v>
      </c>
      <c r="AI32" s="345">
        <v>1247902</v>
      </c>
      <c r="AJ32" s="341">
        <v>0</v>
      </c>
      <c r="AK32" s="342">
        <v>0</v>
      </c>
      <c r="AL32" s="343">
        <v>0</v>
      </c>
      <c r="AM32" s="341">
        <v>0</v>
      </c>
      <c r="AN32" s="342">
        <v>0</v>
      </c>
      <c r="AO32" s="342">
        <v>0</v>
      </c>
      <c r="AP32" s="342">
        <v>0</v>
      </c>
      <c r="AQ32" s="342">
        <v>0</v>
      </c>
      <c r="AR32" s="342">
        <v>0</v>
      </c>
      <c r="AS32" s="343">
        <v>0</v>
      </c>
      <c r="AT32" s="345">
        <v>0</v>
      </c>
      <c r="AU32" s="341">
        <v>0</v>
      </c>
      <c r="AV32" s="342">
        <v>61667</v>
      </c>
      <c r="AW32" s="343">
        <v>61667</v>
      </c>
      <c r="AX32" s="341">
        <v>0</v>
      </c>
      <c r="AY32" s="342">
        <v>264238</v>
      </c>
      <c r="AZ32" s="342">
        <v>139795</v>
      </c>
      <c r="BA32" s="342">
        <v>54265</v>
      </c>
      <c r="BB32" s="342">
        <v>157365</v>
      </c>
      <c r="BC32" s="342">
        <v>144879</v>
      </c>
      <c r="BD32" s="343">
        <v>760542</v>
      </c>
      <c r="BE32" s="345">
        <v>822209</v>
      </c>
      <c r="BF32" s="341">
        <v>0</v>
      </c>
      <c r="BG32" s="342">
        <v>0</v>
      </c>
      <c r="BH32" s="346">
        <v>0</v>
      </c>
      <c r="BI32" s="347">
        <v>0</v>
      </c>
      <c r="BJ32" s="342">
        <v>0</v>
      </c>
      <c r="BK32" s="342">
        <v>23700</v>
      </c>
      <c r="BL32" s="342">
        <v>0</v>
      </c>
      <c r="BM32" s="342">
        <v>0</v>
      </c>
      <c r="BN32" s="342">
        <v>0</v>
      </c>
      <c r="BO32" s="343">
        <v>23700</v>
      </c>
      <c r="BP32" s="345">
        <v>23700</v>
      </c>
      <c r="BQ32" s="341">
        <v>15056</v>
      </c>
      <c r="BR32" s="342">
        <v>4768</v>
      </c>
      <c r="BS32" s="343">
        <v>19824</v>
      </c>
      <c r="BT32" s="341">
        <v>0</v>
      </c>
      <c r="BU32" s="342">
        <v>67456</v>
      </c>
      <c r="BV32" s="342">
        <v>40008</v>
      </c>
      <c r="BW32" s="342">
        <v>42432</v>
      </c>
      <c r="BX32" s="342">
        <v>92096</v>
      </c>
      <c r="BY32" s="342">
        <v>24400</v>
      </c>
      <c r="BZ32" s="343">
        <v>266392</v>
      </c>
      <c r="CA32" s="345">
        <v>286216</v>
      </c>
      <c r="CB32" s="341">
        <v>21948</v>
      </c>
      <c r="CC32" s="342">
        <v>39881</v>
      </c>
      <c r="CD32" s="343">
        <v>61829</v>
      </c>
      <c r="CE32" s="341">
        <v>0</v>
      </c>
      <c r="CF32" s="342">
        <v>643742</v>
      </c>
      <c r="CG32" s="342">
        <v>597884</v>
      </c>
      <c r="CH32" s="342">
        <v>241919</v>
      </c>
      <c r="CI32" s="342">
        <v>300282</v>
      </c>
      <c r="CJ32" s="342">
        <v>0</v>
      </c>
      <c r="CK32" s="343">
        <v>1783827</v>
      </c>
      <c r="CL32" s="345">
        <v>1845656</v>
      </c>
      <c r="CM32" s="341">
        <v>0</v>
      </c>
      <c r="CN32" s="342">
        <v>0</v>
      </c>
      <c r="CO32" s="343">
        <v>0</v>
      </c>
      <c r="CP32" s="347">
        <v>0</v>
      </c>
      <c r="CQ32" s="342">
        <v>491489</v>
      </c>
      <c r="CR32" s="342">
        <v>425631</v>
      </c>
      <c r="CS32" s="342">
        <v>169825</v>
      </c>
      <c r="CT32" s="342">
        <v>300282</v>
      </c>
      <c r="CU32" s="342">
        <v>0</v>
      </c>
      <c r="CV32" s="343">
        <v>1387227</v>
      </c>
      <c r="CW32" s="345">
        <v>1387227</v>
      </c>
      <c r="CX32" s="341">
        <v>21948</v>
      </c>
      <c r="CY32" s="342">
        <v>39881</v>
      </c>
      <c r="CZ32" s="343">
        <v>61829</v>
      </c>
      <c r="DA32" s="341">
        <v>0</v>
      </c>
      <c r="DB32" s="342">
        <v>152253</v>
      </c>
      <c r="DC32" s="342">
        <v>172253</v>
      </c>
      <c r="DD32" s="342">
        <v>72094</v>
      </c>
      <c r="DE32" s="342">
        <v>0</v>
      </c>
      <c r="DF32" s="342">
        <v>0</v>
      </c>
      <c r="DG32" s="343">
        <v>396600</v>
      </c>
      <c r="DH32" s="345">
        <v>458429</v>
      </c>
      <c r="DI32" s="341">
        <v>0</v>
      </c>
      <c r="DJ32" s="342">
        <v>0</v>
      </c>
      <c r="DK32" s="346">
        <v>0</v>
      </c>
      <c r="DL32" s="347">
        <v>0</v>
      </c>
      <c r="DM32" s="342">
        <v>0</v>
      </c>
      <c r="DN32" s="342">
        <v>0</v>
      </c>
      <c r="DO32" s="342">
        <v>42902</v>
      </c>
      <c r="DP32" s="342">
        <v>0</v>
      </c>
      <c r="DQ32" s="342">
        <v>0</v>
      </c>
      <c r="DR32" s="343">
        <v>42902</v>
      </c>
      <c r="DS32" s="345">
        <v>42902</v>
      </c>
      <c r="DT32" s="341">
        <v>0</v>
      </c>
      <c r="DU32" s="342">
        <v>0</v>
      </c>
      <c r="DV32" s="343">
        <v>0</v>
      </c>
      <c r="DW32" s="341">
        <v>0</v>
      </c>
      <c r="DX32" s="342">
        <v>0</v>
      </c>
      <c r="DY32" s="342">
        <v>0</v>
      </c>
      <c r="DZ32" s="342">
        <v>42902</v>
      </c>
      <c r="EA32" s="342">
        <v>0</v>
      </c>
      <c r="EB32" s="342">
        <v>0</v>
      </c>
      <c r="EC32" s="343">
        <v>42902</v>
      </c>
      <c r="ED32" s="345">
        <v>42902</v>
      </c>
      <c r="EE32" s="341">
        <v>0</v>
      </c>
      <c r="EF32" s="346">
        <v>0</v>
      </c>
      <c r="EG32" s="343">
        <v>0</v>
      </c>
      <c r="EH32" s="341">
        <v>0</v>
      </c>
      <c r="EI32" s="342">
        <v>0</v>
      </c>
      <c r="EJ32" s="342">
        <v>0</v>
      </c>
      <c r="EK32" s="342">
        <v>0</v>
      </c>
      <c r="EL32" s="342">
        <v>0</v>
      </c>
      <c r="EM32" s="342">
        <v>0</v>
      </c>
      <c r="EN32" s="346">
        <v>0</v>
      </c>
      <c r="EO32" s="345">
        <v>0</v>
      </c>
      <c r="EP32" s="341">
        <v>0</v>
      </c>
      <c r="EQ32" s="342">
        <v>0</v>
      </c>
      <c r="ER32" s="346">
        <v>0</v>
      </c>
      <c r="ES32" s="347">
        <v>0</v>
      </c>
      <c r="ET32" s="342">
        <v>0</v>
      </c>
      <c r="EU32" s="342">
        <v>0</v>
      </c>
      <c r="EV32" s="342">
        <v>0</v>
      </c>
      <c r="EW32" s="342">
        <v>0</v>
      </c>
      <c r="EX32" s="342">
        <v>0</v>
      </c>
      <c r="EY32" s="343">
        <v>0</v>
      </c>
      <c r="EZ32" s="345">
        <v>0</v>
      </c>
      <c r="FA32" s="341">
        <v>0</v>
      </c>
      <c r="FB32" s="342">
        <v>0</v>
      </c>
      <c r="FC32" s="346">
        <v>0</v>
      </c>
      <c r="FD32" s="347">
        <v>0</v>
      </c>
      <c r="FE32" s="342">
        <v>0</v>
      </c>
      <c r="FF32" s="342">
        <v>0</v>
      </c>
      <c r="FG32" s="342">
        <v>0</v>
      </c>
      <c r="FH32" s="342">
        <v>0</v>
      </c>
      <c r="FI32" s="342">
        <v>0</v>
      </c>
      <c r="FJ32" s="343">
        <v>0</v>
      </c>
      <c r="FK32" s="345">
        <v>0</v>
      </c>
      <c r="FL32" s="341">
        <v>15040</v>
      </c>
      <c r="FM32" s="342">
        <v>99120</v>
      </c>
      <c r="FN32" s="343">
        <v>114160</v>
      </c>
      <c r="FO32" s="341">
        <v>0</v>
      </c>
      <c r="FP32" s="342">
        <v>43360</v>
      </c>
      <c r="FQ32" s="342">
        <v>177048</v>
      </c>
      <c r="FR32" s="342">
        <v>80496</v>
      </c>
      <c r="FS32" s="342">
        <v>91808</v>
      </c>
      <c r="FT32" s="342">
        <v>23008</v>
      </c>
      <c r="FU32" s="343">
        <v>415720</v>
      </c>
      <c r="FV32" s="345">
        <v>529880</v>
      </c>
      <c r="FW32" s="348">
        <v>15040</v>
      </c>
      <c r="FX32" s="342">
        <v>71840</v>
      </c>
      <c r="FY32" s="346">
        <v>86880</v>
      </c>
      <c r="FZ32" s="347">
        <v>0</v>
      </c>
      <c r="GA32" s="342">
        <v>28400</v>
      </c>
      <c r="GB32" s="342">
        <v>177048</v>
      </c>
      <c r="GC32" s="342">
        <v>80496</v>
      </c>
      <c r="GD32" s="342">
        <v>69280</v>
      </c>
      <c r="GE32" s="342">
        <v>23008</v>
      </c>
      <c r="GF32" s="343">
        <v>378232</v>
      </c>
      <c r="GG32" s="349">
        <v>465112</v>
      </c>
      <c r="GH32" s="348">
        <v>0</v>
      </c>
      <c r="GI32" s="342">
        <v>0</v>
      </c>
      <c r="GJ32" s="346">
        <v>0</v>
      </c>
      <c r="GK32" s="347">
        <v>0</v>
      </c>
      <c r="GL32" s="342">
        <v>0</v>
      </c>
      <c r="GM32" s="342">
        <v>0</v>
      </c>
      <c r="GN32" s="342">
        <v>0</v>
      </c>
      <c r="GO32" s="342">
        <v>22528</v>
      </c>
      <c r="GP32" s="342">
        <v>0</v>
      </c>
      <c r="GQ32" s="343">
        <v>22528</v>
      </c>
      <c r="GR32" s="345">
        <v>22528</v>
      </c>
      <c r="GS32" s="341">
        <v>0</v>
      </c>
      <c r="GT32" s="342">
        <v>27280</v>
      </c>
      <c r="GU32" s="343">
        <v>27280</v>
      </c>
      <c r="GV32" s="341">
        <v>0</v>
      </c>
      <c r="GW32" s="342">
        <v>14960</v>
      </c>
      <c r="GX32" s="342">
        <v>0</v>
      </c>
      <c r="GY32" s="342">
        <v>0</v>
      </c>
      <c r="GZ32" s="342">
        <v>0</v>
      </c>
      <c r="HA32" s="342">
        <v>0</v>
      </c>
      <c r="HB32" s="346">
        <v>14960</v>
      </c>
      <c r="HC32" s="345">
        <v>42240</v>
      </c>
      <c r="HD32" s="341">
        <v>49098</v>
      </c>
      <c r="HE32" s="342">
        <v>0</v>
      </c>
      <c r="HF32" s="346">
        <v>49098</v>
      </c>
      <c r="HG32" s="347">
        <v>0</v>
      </c>
      <c r="HH32" s="342">
        <v>298521</v>
      </c>
      <c r="HI32" s="342">
        <v>0</v>
      </c>
      <c r="HJ32" s="342">
        <v>0</v>
      </c>
      <c r="HK32" s="342">
        <v>655348</v>
      </c>
      <c r="HL32" s="342">
        <v>0</v>
      </c>
      <c r="HM32" s="343">
        <v>953869</v>
      </c>
      <c r="HN32" s="344">
        <v>1002967</v>
      </c>
      <c r="HO32" s="348">
        <v>0</v>
      </c>
      <c r="HP32" s="342">
        <v>0</v>
      </c>
      <c r="HQ32" s="343">
        <v>0</v>
      </c>
      <c r="HR32" s="341">
        <v>0</v>
      </c>
      <c r="HS32" s="342">
        <v>0</v>
      </c>
      <c r="HT32" s="342">
        <v>0</v>
      </c>
      <c r="HU32" s="342">
        <v>0</v>
      </c>
      <c r="HV32" s="342">
        <v>0</v>
      </c>
      <c r="HW32" s="342">
        <v>0</v>
      </c>
      <c r="HX32" s="346">
        <v>0</v>
      </c>
      <c r="HY32" s="345">
        <v>0</v>
      </c>
      <c r="HZ32" s="373">
        <v>0</v>
      </c>
      <c r="IA32" s="371">
        <v>0</v>
      </c>
      <c r="IB32" s="373">
        <v>0</v>
      </c>
      <c r="IC32" s="370">
        <v>0</v>
      </c>
      <c r="ID32" s="371">
        <v>213002</v>
      </c>
      <c r="IE32" s="372">
        <v>30070</v>
      </c>
      <c r="IF32" s="373">
        <v>795251</v>
      </c>
      <c r="IG32" s="371">
        <v>61664</v>
      </c>
      <c r="IH32" s="373">
        <v>0</v>
      </c>
      <c r="II32" s="374">
        <v>1099987</v>
      </c>
      <c r="IJ32" s="373">
        <v>1099987</v>
      </c>
      <c r="IK32" s="357">
        <v>0</v>
      </c>
      <c r="IL32" s="358">
        <v>0</v>
      </c>
      <c r="IM32" s="359">
        <v>0</v>
      </c>
      <c r="IN32" s="436">
        <v>0</v>
      </c>
      <c r="IO32" s="360">
        <v>0</v>
      </c>
      <c r="IP32" s="360">
        <v>0</v>
      </c>
      <c r="IQ32" s="360">
        <v>175496</v>
      </c>
      <c r="IR32" s="360">
        <v>0</v>
      </c>
      <c r="IS32" s="360">
        <v>0</v>
      </c>
      <c r="IT32" s="361">
        <v>175496</v>
      </c>
      <c r="IU32" s="362">
        <v>175496</v>
      </c>
      <c r="IV32" s="363">
        <v>0</v>
      </c>
      <c r="IW32" s="360">
        <v>0</v>
      </c>
      <c r="IX32" s="364">
        <v>0</v>
      </c>
      <c r="IY32" s="436">
        <v>0</v>
      </c>
      <c r="IZ32" s="360">
        <v>0</v>
      </c>
      <c r="JA32" s="360">
        <v>0</v>
      </c>
      <c r="JB32" s="360">
        <v>0</v>
      </c>
      <c r="JC32" s="360">
        <v>0</v>
      </c>
      <c r="JD32" s="360">
        <v>0</v>
      </c>
      <c r="JE32" s="364">
        <v>0</v>
      </c>
      <c r="JF32" s="365">
        <v>0</v>
      </c>
      <c r="JG32" s="363">
        <v>0</v>
      </c>
      <c r="JH32" s="360">
        <v>0</v>
      </c>
      <c r="JI32" s="361">
        <v>0</v>
      </c>
      <c r="JJ32" s="366">
        <v>0</v>
      </c>
      <c r="JK32" s="360">
        <v>0</v>
      </c>
      <c r="JL32" s="360">
        <v>30070</v>
      </c>
      <c r="JM32" s="360">
        <v>0</v>
      </c>
      <c r="JN32" s="360">
        <v>0</v>
      </c>
      <c r="JO32" s="360">
        <v>0</v>
      </c>
      <c r="JP32" s="364">
        <v>30070</v>
      </c>
      <c r="JQ32" s="362">
        <v>30070</v>
      </c>
      <c r="JR32" s="363">
        <v>0</v>
      </c>
      <c r="JS32" s="360">
        <v>0</v>
      </c>
      <c r="JT32" s="361">
        <v>0</v>
      </c>
      <c r="JU32" s="366">
        <v>0</v>
      </c>
      <c r="JV32" s="360">
        <v>0</v>
      </c>
      <c r="JW32" s="360">
        <v>0</v>
      </c>
      <c r="JX32" s="360">
        <v>0</v>
      </c>
      <c r="JY32" s="360">
        <v>61664</v>
      </c>
      <c r="JZ32" s="360">
        <v>0</v>
      </c>
      <c r="KA32" s="364">
        <v>61664</v>
      </c>
      <c r="KB32" s="362">
        <v>61664</v>
      </c>
      <c r="KC32" s="367">
        <v>0</v>
      </c>
      <c r="KD32" s="368">
        <v>0</v>
      </c>
      <c r="KE32" s="364">
        <v>0</v>
      </c>
      <c r="KF32" s="366">
        <v>0</v>
      </c>
      <c r="KG32" s="360">
        <v>213002</v>
      </c>
      <c r="KH32" s="360">
        <v>0</v>
      </c>
      <c r="KI32" s="360">
        <v>0</v>
      </c>
      <c r="KJ32" s="360">
        <v>0</v>
      </c>
      <c r="KK32" s="360">
        <v>0</v>
      </c>
      <c r="KL32" s="364">
        <v>213002</v>
      </c>
      <c r="KM32" s="369">
        <v>213002</v>
      </c>
      <c r="KN32" s="357">
        <v>0</v>
      </c>
      <c r="KO32" s="358">
        <v>0</v>
      </c>
      <c r="KP32" s="359">
        <v>0</v>
      </c>
      <c r="KQ32" s="436">
        <v>0</v>
      </c>
      <c r="KR32" s="360">
        <v>0</v>
      </c>
      <c r="KS32" s="360">
        <v>0</v>
      </c>
      <c r="KT32" s="360">
        <v>404603</v>
      </c>
      <c r="KU32" s="360">
        <v>0</v>
      </c>
      <c r="KV32" s="360">
        <v>0</v>
      </c>
      <c r="KW32" s="364">
        <v>404603</v>
      </c>
      <c r="KX32" s="362">
        <v>404603</v>
      </c>
      <c r="KY32" s="363">
        <v>0</v>
      </c>
      <c r="KZ32" s="360">
        <v>0</v>
      </c>
      <c r="LA32" s="364">
        <v>0</v>
      </c>
      <c r="LB32" s="436">
        <v>0</v>
      </c>
      <c r="LC32" s="360">
        <v>0</v>
      </c>
      <c r="LD32" s="360">
        <v>0</v>
      </c>
      <c r="LE32" s="360">
        <v>0</v>
      </c>
      <c r="LF32" s="360">
        <v>0</v>
      </c>
      <c r="LG32" s="360">
        <v>0</v>
      </c>
      <c r="LH32" s="364">
        <v>0</v>
      </c>
      <c r="LI32" s="365">
        <v>0</v>
      </c>
      <c r="LJ32" s="363">
        <v>0</v>
      </c>
      <c r="LK32" s="360">
        <v>0</v>
      </c>
      <c r="LL32" s="364">
        <v>0</v>
      </c>
      <c r="LM32" s="436">
        <v>0</v>
      </c>
      <c r="LN32" s="360">
        <v>0</v>
      </c>
      <c r="LO32" s="360">
        <v>0</v>
      </c>
      <c r="LP32" s="360">
        <v>215152</v>
      </c>
      <c r="LQ32" s="360">
        <v>0</v>
      </c>
      <c r="LR32" s="360">
        <v>0</v>
      </c>
      <c r="LS32" s="364">
        <v>215152</v>
      </c>
      <c r="LT32" s="362">
        <v>215152</v>
      </c>
      <c r="LU32" s="363">
        <v>0</v>
      </c>
      <c r="LV32" s="360">
        <v>0</v>
      </c>
      <c r="LW32" s="364">
        <v>0</v>
      </c>
      <c r="LX32" s="436">
        <v>0</v>
      </c>
      <c r="LY32" s="360">
        <v>0</v>
      </c>
      <c r="LZ32" s="360">
        <v>0</v>
      </c>
      <c r="MA32" s="360">
        <v>0</v>
      </c>
      <c r="MB32" s="360">
        <v>0</v>
      </c>
      <c r="MC32" s="360">
        <v>0</v>
      </c>
      <c r="MD32" s="364">
        <v>0</v>
      </c>
      <c r="ME32" s="365">
        <v>0</v>
      </c>
      <c r="MF32" s="363">
        <v>0</v>
      </c>
      <c r="MG32" s="360">
        <v>0</v>
      </c>
      <c r="MH32" s="364">
        <v>0</v>
      </c>
      <c r="MI32" s="436">
        <v>0</v>
      </c>
      <c r="MJ32" s="360">
        <v>0</v>
      </c>
      <c r="MK32" s="360">
        <v>488392</v>
      </c>
      <c r="ML32" s="360">
        <v>446232</v>
      </c>
      <c r="MM32" s="360">
        <v>1179954</v>
      </c>
      <c r="MN32" s="360">
        <v>554300</v>
      </c>
      <c r="MO32" s="364">
        <v>2668878</v>
      </c>
      <c r="MP32" s="369">
        <v>2668878</v>
      </c>
      <c r="MQ32" s="363">
        <v>0</v>
      </c>
      <c r="MR32" s="360">
        <v>0</v>
      </c>
      <c r="MS32" s="364">
        <v>0</v>
      </c>
      <c r="MT32" s="436">
        <v>0</v>
      </c>
      <c r="MU32" s="360">
        <v>0</v>
      </c>
      <c r="MV32" s="360">
        <v>219483</v>
      </c>
      <c r="MW32" s="360">
        <v>198192</v>
      </c>
      <c r="MX32" s="360">
        <v>0</v>
      </c>
      <c r="MY32" s="360">
        <v>277184</v>
      </c>
      <c r="MZ32" s="364">
        <v>694859</v>
      </c>
      <c r="NA32" s="369">
        <v>694859</v>
      </c>
      <c r="NB32" s="363">
        <v>0</v>
      </c>
      <c r="NC32" s="360">
        <v>0</v>
      </c>
      <c r="ND32" s="364">
        <v>0</v>
      </c>
      <c r="NE32" s="436">
        <v>0</v>
      </c>
      <c r="NF32" s="360">
        <v>0</v>
      </c>
      <c r="NG32" s="360">
        <v>268909</v>
      </c>
      <c r="NH32" s="360">
        <v>248040</v>
      </c>
      <c r="NI32" s="360">
        <v>1179954</v>
      </c>
      <c r="NJ32" s="360">
        <v>277116</v>
      </c>
      <c r="NK32" s="364">
        <v>1974019</v>
      </c>
      <c r="NL32" s="362">
        <v>1974019</v>
      </c>
      <c r="NM32" s="363">
        <v>0</v>
      </c>
      <c r="NN32" s="360">
        <v>0</v>
      </c>
      <c r="NO32" s="364">
        <v>0</v>
      </c>
      <c r="NP32" s="436">
        <v>0</v>
      </c>
      <c r="NQ32" s="360">
        <v>0</v>
      </c>
      <c r="NR32" s="360">
        <v>0</v>
      </c>
      <c r="NS32" s="360">
        <v>0</v>
      </c>
      <c r="NT32" s="360">
        <v>0</v>
      </c>
      <c r="NU32" s="360">
        <v>0</v>
      </c>
      <c r="NV32" s="364">
        <v>0</v>
      </c>
      <c r="NW32" s="365">
        <v>0</v>
      </c>
      <c r="NX32" s="363">
        <v>0</v>
      </c>
      <c r="NY32" s="360">
        <v>0</v>
      </c>
      <c r="NZ32" s="364">
        <v>0</v>
      </c>
      <c r="OA32" s="436">
        <v>0</v>
      </c>
      <c r="OB32" s="360">
        <v>0</v>
      </c>
      <c r="OC32" s="360">
        <v>0</v>
      </c>
      <c r="OD32" s="360">
        <v>0</v>
      </c>
      <c r="OE32" s="360">
        <v>0</v>
      </c>
      <c r="OF32" s="360">
        <v>0</v>
      </c>
      <c r="OG32" s="364">
        <v>0</v>
      </c>
      <c r="OH32" s="365">
        <v>0</v>
      </c>
      <c r="OI32" s="363">
        <v>101142</v>
      </c>
      <c r="OJ32" s="360">
        <v>205436</v>
      </c>
      <c r="OK32" s="361">
        <v>306578</v>
      </c>
      <c r="OL32" s="366">
        <v>0</v>
      </c>
      <c r="OM32" s="360">
        <v>1643677</v>
      </c>
      <c r="ON32" s="360">
        <v>1669483</v>
      </c>
      <c r="OO32" s="360">
        <v>2053209</v>
      </c>
      <c r="OP32" s="360">
        <v>2762712</v>
      </c>
      <c r="OQ32" s="360">
        <v>1134638</v>
      </c>
      <c r="OR32" s="364">
        <v>9263719</v>
      </c>
      <c r="OS32" s="369">
        <v>9570297</v>
      </c>
    </row>
    <row r="33" spans="2:409" s="137" customFormat="1" ht="21" customHeight="1" x14ac:dyDescent="0.2">
      <c r="B33" s="421" t="s">
        <v>28</v>
      </c>
      <c r="C33" s="341">
        <v>0</v>
      </c>
      <c r="D33" s="342">
        <v>800</v>
      </c>
      <c r="E33" s="343">
        <v>800</v>
      </c>
      <c r="F33" s="344">
        <v>0</v>
      </c>
      <c r="G33" s="342">
        <v>634230</v>
      </c>
      <c r="H33" s="342">
        <v>298120</v>
      </c>
      <c r="I33" s="342">
        <v>292881</v>
      </c>
      <c r="J33" s="342">
        <v>0</v>
      </c>
      <c r="K33" s="342">
        <v>10032</v>
      </c>
      <c r="L33" s="382">
        <v>1235263</v>
      </c>
      <c r="M33" s="345">
        <v>1236063</v>
      </c>
      <c r="N33" s="341">
        <v>0</v>
      </c>
      <c r="O33" s="342">
        <v>0</v>
      </c>
      <c r="P33" s="343">
        <v>0</v>
      </c>
      <c r="Q33" s="341">
        <v>0</v>
      </c>
      <c r="R33" s="342">
        <v>82761</v>
      </c>
      <c r="S33" s="342">
        <v>8904</v>
      </c>
      <c r="T33" s="342">
        <v>152543</v>
      </c>
      <c r="U33" s="342">
        <v>0</v>
      </c>
      <c r="V33" s="342">
        <v>10032</v>
      </c>
      <c r="W33" s="343">
        <v>254240</v>
      </c>
      <c r="X33" s="345">
        <v>254240</v>
      </c>
      <c r="Y33" s="341">
        <v>0</v>
      </c>
      <c r="Z33" s="342">
        <v>0</v>
      </c>
      <c r="AA33" s="343">
        <v>0</v>
      </c>
      <c r="AB33" s="341">
        <v>0</v>
      </c>
      <c r="AC33" s="342">
        <v>0</v>
      </c>
      <c r="AD33" s="342">
        <v>0</v>
      </c>
      <c r="AE33" s="342">
        <v>88040</v>
      </c>
      <c r="AF33" s="342">
        <v>0</v>
      </c>
      <c r="AG33" s="342">
        <v>0</v>
      </c>
      <c r="AH33" s="343">
        <v>88040</v>
      </c>
      <c r="AI33" s="345">
        <v>88040</v>
      </c>
      <c r="AJ33" s="341">
        <v>0</v>
      </c>
      <c r="AK33" s="342">
        <v>0</v>
      </c>
      <c r="AL33" s="343">
        <v>0</v>
      </c>
      <c r="AM33" s="341">
        <v>0</v>
      </c>
      <c r="AN33" s="342">
        <v>0</v>
      </c>
      <c r="AO33" s="342">
        <v>0</v>
      </c>
      <c r="AP33" s="342">
        <v>0</v>
      </c>
      <c r="AQ33" s="342">
        <v>0</v>
      </c>
      <c r="AR33" s="342">
        <v>0</v>
      </c>
      <c r="AS33" s="343">
        <v>0</v>
      </c>
      <c r="AT33" s="345">
        <v>0</v>
      </c>
      <c r="AU33" s="341">
        <v>0</v>
      </c>
      <c r="AV33" s="342">
        <v>0</v>
      </c>
      <c r="AW33" s="343">
        <v>0</v>
      </c>
      <c r="AX33" s="341">
        <v>0</v>
      </c>
      <c r="AY33" s="342">
        <v>52649</v>
      </c>
      <c r="AZ33" s="342">
        <v>0</v>
      </c>
      <c r="BA33" s="342">
        <v>59735</v>
      </c>
      <c r="BB33" s="342">
        <v>0</v>
      </c>
      <c r="BC33" s="342">
        <v>0</v>
      </c>
      <c r="BD33" s="343">
        <v>112384</v>
      </c>
      <c r="BE33" s="345">
        <v>112384</v>
      </c>
      <c r="BF33" s="341">
        <v>0</v>
      </c>
      <c r="BG33" s="342">
        <v>0</v>
      </c>
      <c r="BH33" s="346">
        <v>0</v>
      </c>
      <c r="BI33" s="347">
        <v>0</v>
      </c>
      <c r="BJ33" s="342">
        <v>0</v>
      </c>
      <c r="BK33" s="342">
        <v>0</v>
      </c>
      <c r="BL33" s="342">
        <v>0</v>
      </c>
      <c r="BM33" s="342">
        <v>0</v>
      </c>
      <c r="BN33" s="342">
        <v>0</v>
      </c>
      <c r="BO33" s="343">
        <v>0</v>
      </c>
      <c r="BP33" s="345">
        <v>0</v>
      </c>
      <c r="BQ33" s="341">
        <v>0</v>
      </c>
      <c r="BR33" s="342">
        <v>0</v>
      </c>
      <c r="BS33" s="343">
        <v>0</v>
      </c>
      <c r="BT33" s="341">
        <v>0</v>
      </c>
      <c r="BU33" s="342">
        <v>30112</v>
      </c>
      <c r="BV33" s="342">
        <v>8904</v>
      </c>
      <c r="BW33" s="342">
        <v>4768</v>
      </c>
      <c r="BX33" s="342">
        <v>0</v>
      </c>
      <c r="BY33" s="342">
        <v>10032</v>
      </c>
      <c r="BZ33" s="343">
        <v>53816</v>
      </c>
      <c r="CA33" s="345">
        <v>53816</v>
      </c>
      <c r="CB33" s="341">
        <v>0</v>
      </c>
      <c r="CC33" s="342">
        <v>0</v>
      </c>
      <c r="CD33" s="343">
        <v>0</v>
      </c>
      <c r="CE33" s="341">
        <v>0</v>
      </c>
      <c r="CF33" s="342">
        <v>89226</v>
      </c>
      <c r="CG33" s="342">
        <v>226288</v>
      </c>
      <c r="CH33" s="342">
        <v>63078</v>
      </c>
      <c r="CI33" s="342">
        <v>0</v>
      </c>
      <c r="CJ33" s="342">
        <v>0</v>
      </c>
      <c r="CK33" s="343">
        <v>378592</v>
      </c>
      <c r="CL33" s="345">
        <v>378592</v>
      </c>
      <c r="CM33" s="341">
        <v>0</v>
      </c>
      <c r="CN33" s="342">
        <v>0</v>
      </c>
      <c r="CO33" s="343">
        <v>0</v>
      </c>
      <c r="CP33" s="347">
        <v>0</v>
      </c>
      <c r="CQ33" s="342">
        <v>0</v>
      </c>
      <c r="CR33" s="342">
        <v>226288</v>
      </c>
      <c r="CS33" s="342">
        <v>0</v>
      </c>
      <c r="CT33" s="342">
        <v>0</v>
      </c>
      <c r="CU33" s="342">
        <v>0</v>
      </c>
      <c r="CV33" s="343">
        <v>226288</v>
      </c>
      <c r="CW33" s="345">
        <v>226288</v>
      </c>
      <c r="CX33" s="341">
        <v>0</v>
      </c>
      <c r="CY33" s="342">
        <v>0</v>
      </c>
      <c r="CZ33" s="343">
        <v>0</v>
      </c>
      <c r="DA33" s="341">
        <v>0</v>
      </c>
      <c r="DB33" s="342">
        <v>89226</v>
      </c>
      <c r="DC33" s="342">
        <v>0</v>
      </c>
      <c r="DD33" s="342">
        <v>63078</v>
      </c>
      <c r="DE33" s="342">
        <v>0</v>
      </c>
      <c r="DF33" s="342">
        <v>0</v>
      </c>
      <c r="DG33" s="343">
        <v>152304</v>
      </c>
      <c r="DH33" s="345">
        <v>152304</v>
      </c>
      <c r="DI33" s="341">
        <v>0</v>
      </c>
      <c r="DJ33" s="342">
        <v>0</v>
      </c>
      <c r="DK33" s="346">
        <v>0</v>
      </c>
      <c r="DL33" s="347">
        <v>0</v>
      </c>
      <c r="DM33" s="342">
        <v>0</v>
      </c>
      <c r="DN33" s="342">
        <v>0</v>
      </c>
      <c r="DO33" s="342">
        <v>71260</v>
      </c>
      <c r="DP33" s="342">
        <v>0</v>
      </c>
      <c r="DQ33" s="342">
        <v>0</v>
      </c>
      <c r="DR33" s="343">
        <v>71260</v>
      </c>
      <c r="DS33" s="345">
        <v>71260</v>
      </c>
      <c r="DT33" s="341">
        <v>0</v>
      </c>
      <c r="DU33" s="342">
        <v>0</v>
      </c>
      <c r="DV33" s="343">
        <v>0</v>
      </c>
      <c r="DW33" s="341">
        <v>0</v>
      </c>
      <c r="DX33" s="342">
        <v>0</v>
      </c>
      <c r="DY33" s="342">
        <v>0</v>
      </c>
      <c r="DZ33" s="342">
        <v>71260</v>
      </c>
      <c r="EA33" s="342">
        <v>0</v>
      </c>
      <c r="EB33" s="342">
        <v>0</v>
      </c>
      <c r="EC33" s="343">
        <v>71260</v>
      </c>
      <c r="ED33" s="345">
        <v>71260</v>
      </c>
      <c r="EE33" s="341">
        <v>0</v>
      </c>
      <c r="EF33" s="346">
        <v>0</v>
      </c>
      <c r="EG33" s="343">
        <v>0</v>
      </c>
      <c r="EH33" s="341">
        <v>0</v>
      </c>
      <c r="EI33" s="342">
        <v>0</v>
      </c>
      <c r="EJ33" s="342">
        <v>0</v>
      </c>
      <c r="EK33" s="342">
        <v>0</v>
      </c>
      <c r="EL33" s="342">
        <v>0</v>
      </c>
      <c r="EM33" s="342">
        <v>0</v>
      </c>
      <c r="EN33" s="346">
        <v>0</v>
      </c>
      <c r="EO33" s="345">
        <v>0</v>
      </c>
      <c r="EP33" s="341">
        <v>0</v>
      </c>
      <c r="EQ33" s="342">
        <v>0</v>
      </c>
      <c r="ER33" s="346">
        <v>0</v>
      </c>
      <c r="ES33" s="347">
        <v>0</v>
      </c>
      <c r="ET33" s="342">
        <v>0</v>
      </c>
      <c r="EU33" s="342">
        <v>0</v>
      </c>
      <c r="EV33" s="342">
        <v>0</v>
      </c>
      <c r="EW33" s="342">
        <v>0</v>
      </c>
      <c r="EX33" s="342">
        <v>0</v>
      </c>
      <c r="EY33" s="343">
        <v>0</v>
      </c>
      <c r="EZ33" s="345">
        <v>0</v>
      </c>
      <c r="FA33" s="341">
        <v>0</v>
      </c>
      <c r="FB33" s="342">
        <v>0</v>
      </c>
      <c r="FC33" s="346">
        <v>0</v>
      </c>
      <c r="FD33" s="347">
        <v>0</v>
      </c>
      <c r="FE33" s="342">
        <v>0</v>
      </c>
      <c r="FF33" s="342">
        <v>0</v>
      </c>
      <c r="FG33" s="342">
        <v>0</v>
      </c>
      <c r="FH33" s="342">
        <v>0</v>
      </c>
      <c r="FI33" s="342">
        <v>0</v>
      </c>
      <c r="FJ33" s="343">
        <v>0</v>
      </c>
      <c r="FK33" s="345">
        <v>0</v>
      </c>
      <c r="FL33" s="341">
        <v>0</v>
      </c>
      <c r="FM33" s="342">
        <v>800</v>
      </c>
      <c r="FN33" s="343">
        <v>800</v>
      </c>
      <c r="FO33" s="341">
        <v>0</v>
      </c>
      <c r="FP33" s="342">
        <v>20000</v>
      </c>
      <c r="FQ33" s="342">
        <v>62928</v>
      </c>
      <c r="FR33" s="342">
        <v>6000</v>
      </c>
      <c r="FS33" s="342">
        <v>0</v>
      </c>
      <c r="FT33" s="342">
        <v>0</v>
      </c>
      <c r="FU33" s="343">
        <v>88928</v>
      </c>
      <c r="FV33" s="345">
        <v>89728</v>
      </c>
      <c r="FW33" s="348">
        <v>0</v>
      </c>
      <c r="FX33" s="342">
        <v>800</v>
      </c>
      <c r="FY33" s="346">
        <v>800</v>
      </c>
      <c r="FZ33" s="347">
        <v>0</v>
      </c>
      <c r="GA33" s="342">
        <v>20000</v>
      </c>
      <c r="GB33" s="342">
        <v>62928</v>
      </c>
      <c r="GC33" s="342">
        <v>6000</v>
      </c>
      <c r="GD33" s="342">
        <v>0</v>
      </c>
      <c r="GE33" s="342">
        <v>0</v>
      </c>
      <c r="GF33" s="343">
        <v>88928</v>
      </c>
      <c r="GG33" s="349">
        <v>89728</v>
      </c>
      <c r="GH33" s="348">
        <v>0</v>
      </c>
      <c r="GI33" s="342">
        <v>0</v>
      </c>
      <c r="GJ33" s="346">
        <v>0</v>
      </c>
      <c r="GK33" s="347">
        <v>0</v>
      </c>
      <c r="GL33" s="342">
        <v>0</v>
      </c>
      <c r="GM33" s="342">
        <v>0</v>
      </c>
      <c r="GN33" s="342">
        <v>0</v>
      </c>
      <c r="GO33" s="342">
        <v>0</v>
      </c>
      <c r="GP33" s="342">
        <v>0</v>
      </c>
      <c r="GQ33" s="343">
        <v>0</v>
      </c>
      <c r="GR33" s="345">
        <v>0</v>
      </c>
      <c r="GS33" s="341">
        <v>0</v>
      </c>
      <c r="GT33" s="342">
        <v>0</v>
      </c>
      <c r="GU33" s="343">
        <v>0</v>
      </c>
      <c r="GV33" s="341">
        <v>0</v>
      </c>
      <c r="GW33" s="342">
        <v>0</v>
      </c>
      <c r="GX33" s="342">
        <v>0</v>
      </c>
      <c r="GY33" s="342">
        <v>0</v>
      </c>
      <c r="GZ33" s="342">
        <v>0</v>
      </c>
      <c r="HA33" s="342">
        <v>0</v>
      </c>
      <c r="HB33" s="346">
        <v>0</v>
      </c>
      <c r="HC33" s="345">
        <v>0</v>
      </c>
      <c r="HD33" s="341">
        <v>0</v>
      </c>
      <c r="HE33" s="342">
        <v>0</v>
      </c>
      <c r="HF33" s="346">
        <v>0</v>
      </c>
      <c r="HG33" s="347">
        <v>0</v>
      </c>
      <c r="HH33" s="342">
        <v>442243</v>
      </c>
      <c r="HI33" s="342">
        <v>0</v>
      </c>
      <c r="HJ33" s="342">
        <v>0</v>
      </c>
      <c r="HK33" s="342">
        <v>0</v>
      </c>
      <c r="HL33" s="342">
        <v>0</v>
      </c>
      <c r="HM33" s="343">
        <v>442243</v>
      </c>
      <c r="HN33" s="344">
        <v>442243</v>
      </c>
      <c r="HO33" s="348">
        <v>0</v>
      </c>
      <c r="HP33" s="342">
        <v>0</v>
      </c>
      <c r="HQ33" s="343">
        <v>0</v>
      </c>
      <c r="HR33" s="341">
        <v>0</v>
      </c>
      <c r="HS33" s="342">
        <v>0</v>
      </c>
      <c r="HT33" s="342">
        <v>0</v>
      </c>
      <c r="HU33" s="342">
        <v>0</v>
      </c>
      <c r="HV33" s="342">
        <v>0</v>
      </c>
      <c r="HW33" s="342">
        <v>0</v>
      </c>
      <c r="HX33" s="346">
        <v>0</v>
      </c>
      <c r="HY33" s="345">
        <v>0</v>
      </c>
      <c r="HZ33" s="350">
        <v>0</v>
      </c>
      <c r="IA33" s="351">
        <v>0</v>
      </c>
      <c r="IB33" s="352">
        <v>0</v>
      </c>
      <c r="IC33" s="353">
        <v>0</v>
      </c>
      <c r="ID33" s="351">
        <v>116288</v>
      </c>
      <c r="IE33" s="354">
        <v>0</v>
      </c>
      <c r="IF33" s="352">
        <v>0</v>
      </c>
      <c r="IG33" s="351">
        <v>0</v>
      </c>
      <c r="IH33" s="352">
        <v>244608</v>
      </c>
      <c r="II33" s="355">
        <v>360896</v>
      </c>
      <c r="IJ33" s="356">
        <v>360896</v>
      </c>
      <c r="IK33" s="357">
        <v>0</v>
      </c>
      <c r="IL33" s="358">
        <v>0</v>
      </c>
      <c r="IM33" s="359">
        <v>0</v>
      </c>
      <c r="IN33" s="436">
        <v>0</v>
      </c>
      <c r="IO33" s="360">
        <v>0</v>
      </c>
      <c r="IP33" s="360">
        <v>0</v>
      </c>
      <c r="IQ33" s="360">
        <v>0</v>
      </c>
      <c r="IR33" s="360">
        <v>0</v>
      </c>
      <c r="IS33" s="360">
        <v>0</v>
      </c>
      <c r="IT33" s="361">
        <v>0</v>
      </c>
      <c r="IU33" s="362">
        <v>0</v>
      </c>
      <c r="IV33" s="363">
        <v>0</v>
      </c>
      <c r="IW33" s="360">
        <v>0</v>
      </c>
      <c r="IX33" s="364">
        <v>0</v>
      </c>
      <c r="IY33" s="436">
        <v>0</v>
      </c>
      <c r="IZ33" s="360">
        <v>0</v>
      </c>
      <c r="JA33" s="360">
        <v>0</v>
      </c>
      <c r="JB33" s="360">
        <v>0</v>
      </c>
      <c r="JC33" s="360">
        <v>0</v>
      </c>
      <c r="JD33" s="360">
        <v>0</v>
      </c>
      <c r="JE33" s="364">
        <v>0</v>
      </c>
      <c r="JF33" s="365">
        <v>0</v>
      </c>
      <c r="JG33" s="363">
        <v>0</v>
      </c>
      <c r="JH33" s="360">
        <v>0</v>
      </c>
      <c r="JI33" s="361">
        <v>0</v>
      </c>
      <c r="JJ33" s="366">
        <v>0</v>
      </c>
      <c r="JK33" s="360">
        <v>116288</v>
      </c>
      <c r="JL33" s="360">
        <v>0</v>
      </c>
      <c r="JM33" s="360">
        <v>0</v>
      </c>
      <c r="JN33" s="360">
        <v>0</v>
      </c>
      <c r="JO33" s="360">
        <v>0</v>
      </c>
      <c r="JP33" s="364">
        <v>116288</v>
      </c>
      <c r="JQ33" s="362">
        <v>116288</v>
      </c>
      <c r="JR33" s="363">
        <v>0</v>
      </c>
      <c r="JS33" s="360">
        <v>0</v>
      </c>
      <c r="JT33" s="361">
        <v>0</v>
      </c>
      <c r="JU33" s="366">
        <v>0</v>
      </c>
      <c r="JV33" s="360">
        <v>0</v>
      </c>
      <c r="JW33" s="360">
        <v>0</v>
      </c>
      <c r="JX33" s="360">
        <v>0</v>
      </c>
      <c r="JY33" s="360">
        <v>0</v>
      </c>
      <c r="JZ33" s="360">
        <v>0</v>
      </c>
      <c r="KA33" s="364">
        <v>0</v>
      </c>
      <c r="KB33" s="362">
        <v>0</v>
      </c>
      <c r="KC33" s="367">
        <v>0</v>
      </c>
      <c r="KD33" s="368">
        <v>0</v>
      </c>
      <c r="KE33" s="364">
        <v>0</v>
      </c>
      <c r="KF33" s="366">
        <v>0</v>
      </c>
      <c r="KG33" s="360">
        <v>0</v>
      </c>
      <c r="KH33" s="360">
        <v>0</v>
      </c>
      <c r="KI33" s="360">
        <v>0</v>
      </c>
      <c r="KJ33" s="360">
        <v>0</v>
      </c>
      <c r="KK33" s="360">
        <v>0</v>
      </c>
      <c r="KL33" s="364">
        <v>0</v>
      </c>
      <c r="KM33" s="369">
        <v>0</v>
      </c>
      <c r="KN33" s="357">
        <v>0</v>
      </c>
      <c r="KO33" s="358">
        <v>0</v>
      </c>
      <c r="KP33" s="359">
        <v>0</v>
      </c>
      <c r="KQ33" s="436">
        <v>0</v>
      </c>
      <c r="KR33" s="360">
        <v>0</v>
      </c>
      <c r="KS33" s="360">
        <v>0</v>
      </c>
      <c r="KT33" s="360">
        <v>0</v>
      </c>
      <c r="KU33" s="360">
        <v>0</v>
      </c>
      <c r="KV33" s="360">
        <v>244608</v>
      </c>
      <c r="KW33" s="364">
        <v>244608</v>
      </c>
      <c r="KX33" s="362">
        <v>244608</v>
      </c>
      <c r="KY33" s="363">
        <v>0</v>
      </c>
      <c r="KZ33" s="360">
        <v>0</v>
      </c>
      <c r="LA33" s="364">
        <v>0</v>
      </c>
      <c r="LB33" s="436">
        <v>0</v>
      </c>
      <c r="LC33" s="360">
        <v>0</v>
      </c>
      <c r="LD33" s="360">
        <v>0</v>
      </c>
      <c r="LE33" s="360">
        <v>0</v>
      </c>
      <c r="LF33" s="360">
        <v>0</v>
      </c>
      <c r="LG33" s="360">
        <v>0</v>
      </c>
      <c r="LH33" s="364">
        <v>0</v>
      </c>
      <c r="LI33" s="365">
        <v>0</v>
      </c>
      <c r="LJ33" s="363">
        <v>0</v>
      </c>
      <c r="LK33" s="360">
        <v>0</v>
      </c>
      <c r="LL33" s="364">
        <v>0</v>
      </c>
      <c r="LM33" s="436">
        <v>0</v>
      </c>
      <c r="LN33" s="360">
        <v>0</v>
      </c>
      <c r="LO33" s="360">
        <v>0</v>
      </c>
      <c r="LP33" s="360">
        <v>0</v>
      </c>
      <c r="LQ33" s="360">
        <v>0</v>
      </c>
      <c r="LR33" s="360">
        <v>0</v>
      </c>
      <c r="LS33" s="364">
        <v>0</v>
      </c>
      <c r="LT33" s="362">
        <v>0</v>
      </c>
      <c r="LU33" s="363">
        <v>0</v>
      </c>
      <c r="LV33" s="360">
        <v>0</v>
      </c>
      <c r="LW33" s="364">
        <v>0</v>
      </c>
      <c r="LX33" s="436">
        <v>0</v>
      </c>
      <c r="LY33" s="360">
        <v>0</v>
      </c>
      <c r="LZ33" s="360">
        <v>0</v>
      </c>
      <c r="MA33" s="360">
        <v>0</v>
      </c>
      <c r="MB33" s="360">
        <v>0</v>
      </c>
      <c r="MC33" s="360">
        <v>0</v>
      </c>
      <c r="MD33" s="364">
        <v>0</v>
      </c>
      <c r="ME33" s="365">
        <v>0</v>
      </c>
      <c r="MF33" s="363">
        <v>0</v>
      </c>
      <c r="MG33" s="360">
        <v>0</v>
      </c>
      <c r="MH33" s="364">
        <v>0</v>
      </c>
      <c r="MI33" s="436">
        <v>0</v>
      </c>
      <c r="MJ33" s="360">
        <v>0</v>
      </c>
      <c r="MK33" s="360">
        <v>0</v>
      </c>
      <c r="ML33" s="360">
        <v>0</v>
      </c>
      <c r="MM33" s="360">
        <v>215888</v>
      </c>
      <c r="MN33" s="360">
        <v>262864</v>
      </c>
      <c r="MO33" s="364">
        <v>478752</v>
      </c>
      <c r="MP33" s="369">
        <v>478752</v>
      </c>
      <c r="MQ33" s="363">
        <v>0</v>
      </c>
      <c r="MR33" s="360">
        <v>0</v>
      </c>
      <c r="MS33" s="364">
        <v>0</v>
      </c>
      <c r="MT33" s="436">
        <v>0</v>
      </c>
      <c r="MU33" s="360">
        <v>0</v>
      </c>
      <c r="MV33" s="360">
        <v>0</v>
      </c>
      <c r="MW33" s="360">
        <v>0</v>
      </c>
      <c r="MX33" s="360">
        <v>215888</v>
      </c>
      <c r="MY33" s="360">
        <v>233336</v>
      </c>
      <c r="MZ33" s="364">
        <v>449224</v>
      </c>
      <c r="NA33" s="369">
        <v>449224</v>
      </c>
      <c r="NB33" s="363">
        <v>0</v>
      </c>
      <c r="NC33" s="360">
        <v>0</v>
      </c>
      <c r="ND33" s="364">
        <v>0</v>
      </c>
      <c r="NE33" s="436">
        <v>0</v>
      </c>
      <c r="NF33" s="360">
        <v>0</v>
      </c>
      <c r="NG33" s="360">
        <v>0</v>
      </c>
      <c r="NH33" s="360">
        <v>0</v>
      </c>
      <c r="NI33" s="360">
        <v>0</v>
      </c>
      <c r="NJ33" s="360">
        <v>29528</v>
      </c>
      <c r="NK33" s="364">
        <v>29528</v>
      </c>
      <c r="NL33" s="362">
        <v>29528</v>
      </c>
      <c r="NM33" s="363">
        <v>0</v>
      </c>
      <c r="NN33" s="360">
        <v>0</v>
      </c>
      <c r="NO33" s="364">
        <v>0</v>
      </c>
      <c r="NP33" s="436">
        <v>0</v>
      </c>
      <c r="NQ33" s="360">
        <v>0</v>
      </c>
      <c r="NR33" s="360">
        <v>0</v>
      </c>
      <c r="NS33" s="360">
        <v>0</v>
      </c>
      <c r="NT33" s="360">
        <v>0</v>
      </c>
      <c r="NU33" s="360">
        <v>0</v>
      </c>
      <c r="NV33" s="364">
        <v>0</v>
      </c>
      <c r="NW33" s="365">
        <v>0</v>
      </c>
      <c r="NX33" s="363">
        <v>0</v>
      </c>
      <c r="NY33" s="360">
        <v>0</v>
      </c>
      <c r="NZ33" s="364">
        <v>0</v>
      </c>
      <c r="OA33" s="436">
        <v>0</v>
      </c>
      <c r="OB33" s="360">
        <v>0</v>
      </c>
      <c r="OC33" s="360">
        <v>0</v>
      </c>
      <c r="OD33" s="360">
        <v>0</v>
      </c>
      <c r="OE33" s="360">
        <v>0</v>
      </c>
      <c r="OF33" s="360">
        <v>0</v>
      </c>
      <c r="OG33" s="364">
        <v>0</v>
      </c>
      <c r="OH33" s="365">
        <v>0</v>
      </c>
      <c r="OI33" s="363">
        <v>0</v>
      </c>
      <c r="OJ33" s="360">
        <v>800</v>
      </c>
      <c r="OK33" s="361">
        <v>800</v>
      </c>
      <c r="OL33" s="366">
        <v>0</v>
      </c>
      <c r="OM33" s="360">
        <v>750518</v>
      </c>
      <c r="ON33" s="360">
        <v>298120</v>
      </c>
      <c r="OO33" s="360">
        <v>292881</v>
      </c>
      <c r="OP33" s="360">
        <v>215888</v>
      </c>
      <c r="OQ33" s="360">
        <v>517504</v>
      </c>
      <c r="OR33" s="364">
        <v>2074911</v>
      </c>
      <c r="OS33" s="369">
        <v>2075711</v>
      </c>
    </row>
    <row r="34" spans="2:409" s="137" customFormat="1" ht="21" customHeight="1" x14ac:dyDescent="0.2">
      <c r="B34" s="421" t="s">
        <v>29</v>
      </c>
      <c r="C34" s="341">
        <v>198476</v>
      </c>
      <c r="D34" s="342">
        <v>10240</v>
      </c>
      <c r="E34" s="343">
        <v>208716</v>
      </c>
      <c r="F34" s="344">
        <v>0</v>
      </c>
      <c r="G34" s="342">
        <v>388221</v>
      </c>
      <c r="H34" s="342">
        <v>522140</v>
      </c>
      <c r="I34" s="342">
        <v>264389</v>
      </c>
      <c r="J34" s="342">
        <v>0</v>
      </c>
      <c r="K34" s="342">
        <v>400336</v>
      </c>
      <c r="L34" s="382">
        <v>1575086</v>
      </c>
      <c r="M34" s="345">
        <v>1783802</v>
      </c>
      <c r="N34" s="341">
        <v>9600</v>
      </c>
      <c r="O34" s="342">
        <v>10240</v>
      </c>
      <c r="P34" s="343">
        <v>19840</v>
      </c>
      <c r="Q34" s="341">
        <v>0</v>
      </c>
      <c r="R34" s="342">
        <v>15472</v>
      </c>
      <c r="S34" s="342">
        <v>165824</v>
      </c>
      <c r="T34" s="342">
        <v>63864</v>
      </c>
      <c r="U34" s="342">
        <v>0</v>
      </c>
      <c r="V34" s="342">
        <v>323744</v>
      </c>
      <c r="W34" s="343">
        <v>568904</v>
      </c>
      <c r="X34" s="345">
        <v>588744</v>
      </c>
      <c r="Y34" s="341">
        <v>0</v>
      </c>
      <c r="Z34" s="342">
        <v>0</v>
      </c>
      <c r="AA34" s="343">
        <v>0</v>
      </c>
      <c r="AB34" s="341">
        <v>0</v>
      </c>
      <c r="AC34" s="342">
        <v>0</v>
      </c>
      <c r="AD34" s="342">
        <v>94296</v>
      </c>
      <c r="AE34" s="342">
        <v>13352</v>
      </c>
      <c r="AF34" s="342">
        <v>0</v>
      </c>
      <c r="AG34" s="342">
        <v>229784</v>
      </c>
      <c r="AH34" s="343">
        <v>337432</v>
      </c>
      <c r="AI34" s="345">
        <v>337432</v>
      </c>
      <c r="AJ34" s="341">
        <v>0</v>
      </c>
      <c r="AK34" s="342">
        <v>0</v>
      </c>
      <c r="AL34" s="343">
        <v>0</v>
      </c>
      <c r="AM34" s="341">
        <v>0</v>
      </c>
      <c r="AN34" s="342">
        <v>0</v>
      </c>
      <c r="AO34" s="342">
        <v>0</v>
      </c>
      <c r="AP34" s="342">
        <v>0</v>
      </c>
      <c r="AQ34" s="342">
        <v>0</v>
      </c>
      <c r="AR34" s="342">
        <v>79592</v>
      </c>
      <c r="AS34" s="343">
        <v>79592</v>
      </c>
      <c r="AT34" s="345">
        <v>79592</v>
      </c>
      <c r="AU34" s="341">
        <v>0</v>
      </c>
      <c r="AV34" s="342">
        <v>10240</v>
      </c>
      <c r="AW34" s="343">
        <v>10240</v>
      </c>
      <c r="AX34" s="341">
        <v>0</v>
      </c>
      <c r="AY34" s="342">
        <v>0</v>
      </c>
      <c r="AZ34" s="342">
        <v>36840</v>
      </c>
      <c r="BA34" s="342">
        <v>40912</v>
      </c>
      <c r="BB34" s="342">
        <v>0</v>
      </c>
      <c r="BC34" s="342">
        <v>0</v>
      </c>
      <c r="BD34" s="343">
        <v>77752</v>
      </c>
      <c r="BE34" s="345">
        <v>87992</v>
      </c>
      <c r="BF34" s="341">
        <v>0</v>
      </c>
      <c r="BG34" s="342">
        <v>0</v>
      </c>
      <c r="BH34" s="346">
        <v>0</v>
      </c>
      <c r="BI34" s="347">
        <v>0</v>
      </c>
      <c r="BJ34" s="342">
        <v>0</v>
      </c>
      <c r="BK34" s="342">
        <v>22944</v>
      </c>
      <c r="BL34" s="342">
        <v>0</v>
      </c>
      <c r="BM34" s="342">
        <v>0</v>
      </c>
      <c r="BN34" s="342">
        <v>0</v>
      </c>
      <c r="BO34" s="343">
        <v>22944</v>
      </c>
      <c r="BP34" s="345">
        <v>22944</v>
      </c>
      <c r="BQ34" s="341">
        <v>9600</v>
      </c>
      <c r="BR34" s="342">
        <v>0</v>
      </c>
      <c r="BS34" s="343">
        <v>9600</v>
      </c>
      <c r="BT34" s="341">
        <v>0</v>
      </c>
      <c r="BU34" s="342">
        <v>15472</v>
      </c>
      <c r="BV34" s="342">
        <v>11744</v>
      </c>
      <c r="BW34" s="342">
        <v>9600</v>
      </c>
      <c r="BX34" s="342">
        <v>0</v>
      </c>
      <c r="BY34" s="342">
        <v>14368</v>
      </c>
      <c r="BZ34" s="343">
        <v>51184</v>
      </c>
      <c r="CA34" s="345">
        <v>60784</v>
      </c>
      <c r="CB34" s="341">
        <v>18384</v>
      </c>
      <c r="CC34" s="342">
        <v>0</v>
      </c>
      <c r="CD34" s="343">
        <v>18384</v>
      </c>
      <c r="CE34" s="341">
        <v>0</v>
      </c>
      <c r="CF34" s="342">
        <v>0</v>
      </c>
      <c r="CG34" s="342">
        <v>150592</v>
      </c>
      <c r="CH34" s="342">
        <v>62816</v>
      </c>
      <c r="CI34" s="342">
        <v>0</v>
      </c>
      <c r="CJ34" s="342">
        <v>0</v>
      </c>
      <c r="CK34" s="343">
        <v>213408</v>
      </c>
      <c r="CL34" s="345">
        <v>231792</v>
      </c>
      <c r="CM34" s="341">
        <v>0</v>
      </c>
      <c r="CN34" s="342">
        <v>0</v>
      </c>
      <c r="CO34" s="343">
        <v>0</v>
      </c>
      <c r="CP34" s="347">
        <v>0</v>
      </c>
      <c r="CQ34" s="342">
        <v>0</v>
      </c>
      <c r="CR34" s="342">
        <v>150592</v>
      </c>
      <c r="CS34" s="342">
        <v>62816</v>
      </c>
      <c r="CT34" s="342">
        <v>0</v>
      </c>
      <c r="CU34" s="342">
        <v>0</v>
      </c>
      <c r="CV34" s="343">
        <v>213408</v>
      </c>
      <c r="CW34" s="345">
        <v>213408</v>
      </c>
      <c r="CX34" s="341">
        <v>18384</v>
      </c>
      <c r="CY34" s="342">
        <v>0</v>
      </c>
      <c r="CZ34" s="343">
        <v>18384</v>
      </c>
      <c r="DA34" s="341">
        <v>0</v>
      </c>
      <c r="DB34" s="342">
        <v>0</v>
      </c>
      <c r="DC34" s="342">
        <v>0</v>
      </c>
      <c r="DD34" s="342">
        <v>0</v>
      </c>
      <c r="DE34" s="342">
        <v>0</v>
      </c>
      <c r="DF34" s="342">
        <v>0</v>
      </c>
      <c r="DG34" s="343">
        <v>0</v>
      </c>
      <c r="DH34" s="345">
        <v>18384</v>
      </c>
      <c r="DI34" s="341">
        <v>0</v>
      </c>
      <c r="DJ34" s="342">
        <v>0</v>
      </c>
      <c r="DK34" s="346">
        <v>0</v>
      </c>
      <c r="DL34" s="347">
        <v>0</v>
      </c>
      <c r="DM34" s="342">
        <v>0</v>
      </c>
      <c r="DN34" s="342">
        <v>0</v>
      </c>
      <c r="DO34" s="342">
        <v>58885</v>
      </c>
      <c r="DP34" s="342">
        <v>0</v>
      </c>
      <c r="DQ34" s="342">
        <v>0</v>
      </c>
      <c r="DR34" s="343">
        <v>58885</v>
      </c>
      <c r="DS34" s="345">
        <v>58885</v>
      </c>
      <c r="DT34" s="341">
        <v>0</v>
      </c>
      <c r="DU34" s="342">
        <v>0</v>
      </c>
      <c r="DV34" s="343">
        <v>0</v>
      </c>
      <c r="DW34" s="341">
        <v>0</v>
      </c>
      <c r="DX34" s="342">
        <v>0</v>
      </c>
      <c r="DY34" s="342">
        <v>0</v>
      </c>
      <c r="DZ34" s="342">
        <v>58885</v>
      </c>
      <c r="EA34" s="342">
        <v>0</v>
      </c>
      <c r="EB34" s="342">
        <v>0</v>
      </c>
      <c r="EC34" s="343">
        <v>58885</v>
      </c>
      <c r="ED34" s="345">
        <v>58885</v>
      </c>
      <c r="EE34" s="341">
        <v>0</v>
      </c>
      <c r="EF34" s="346">
        <v>0</v>
      </c>
      <c r="EG34" s="343">
        <v>0</v>
      </c>
      <c r="EH34" s="341">
        <v>0</v>
      </c>
      <c r="EI34" s="342">
        <v>0</v>
      </c>
      <c r="EJ34" s="342">
        <v>0</v>
      </c>
      <c r="EK34" s="342">
        <v>0</v>
      </c>
      <c r="EL34" s="342">
        <v>0</v>
      </c>
      <c r="EM34" s="342">
        <v>0</v>
      </c>
      <c r="EN34" s="346">
        <v>0</v>
      </c>
      <c r="EO34" s="345">
        <v>0</v>
      </c>
      <c r="EP34" s="341">
        <v>0</v>
      </c>
      <c r="EQ34" s="342">
        <v>0</v>
      </c>
      <c r="ER34" s="346">
        <v>0</v>
      </c>
      <c r="ES34" s="347">
        <v>0</v>
      </c>
      <c r="ET34" s="342">
        <v>0</v>
      </c>
      <c r="EU34" s="342">
        <v>0</v>
      </c>
      <c r="EV34" s="342">
        <v>0</v>
      </c>
      <c r="EW34" s="342">
        <v>0</v>
      </c>
      <c r="EX34" s="342">
        <v>0</v>
      </c>
      <c r="EY34" s="343">
        <v>0</v>
      </c>
      <c r="EZ34" s="345">
        <v>0</v>
      </c>
      <c r="FA34" s="341">
        <v>0</v>
      </c>
      <c r="FB34" s="342">
        <v>0</v>
      </c>
      <c r="FC34" s="346">
        <v>0</v>
      </c>
      <c r="FD34" s="347">
        <v>0</v>
      </c>
      <c r="FE34" s="342">
        <v>0</v>
      </c>
      <c r="FF34" s="342">
        <v>0</v>
      </c>
      <c r="FG34" s="342">
        <v>0</v>
      </c>
      <c r="FH34" s="342">
        <v>0</v>
      </c>
      <c r="FI34" s="342">
        <v>0</v>
      </c>
      <c r="FJ34" s="343">
        <v>0</v>
      </c>
      <c r="FK34" s="345">
        <v>0</v>
      </c>
      <c r="FL34" s="341">
        <v>121304</v>
      </c>
      <c r="FM34" s="342">
        <v>0</v>
      </c>
      <c r="FN34" s="343">
        <v>121304</v>
      </c>
      <c r="FO34" s="341">
        <v>0</v>
      </c>
      <c r="FP34" s="342">
        <v>0</v>
      </c>
      <c r="FQ34" s="342">
        <v>39984</v>
      </c>
      <c r="FR34" s="342">
        <v>78824</v>
      </c>
      <c r="FS34" s="342">
        <v>0</v>
      </c>
      <c r="FT34" s="342">
        <v>76592</v>
      </c>
      <c r="FU34" s="343">
        <v>195400</v>
      </c>
      <c r="FV34" s="345">
        <v>316704</v>
      </c>
      <c r="FW34" s="348">
        <v>17304</v>
      </c>
      <c r="FX34" s="342">
        <v>0</v>
      </c>
      <c r="FY34" s="346">
        <v>17304</v>
      </c>
      <c r="FZ34" s="347">
        <v>0</v>
      </c>
      <c r="GA34" s="342">
        <v>0</v>
      </c>
      <c r="GB34" s="342">
        <v>39984</v>
      </c>
      <c r="GC34" s="342">
        <v>34824</v>
      </c>
      <c r="GD34" s="342">
        <v>0</v>
      </c>
      <c r="GE34" s="342">
        <v>76592</v>
      </c>
      <c r="GF34" s="343">
        <v>151400</v>
      </c>
      <c r="GG34" s="349">
        <v>168704</v>
      </c>
      <c r="GH34" s="348">
        <v>0</v>
      </c>
      <c r="GI34" s="342">
        <v>0</v>
      </c>
      <c r="GJ34" s="346">
        <v>0</v>
      </c>
      <c r="GK34" s="347">
        <v>0</v>
      </c>
      <c r="GL34" s="342">
        <v>0</v>
      </c>
      <c r="GM34" s="342">
        <v>0</v>
      </c>
      <c r="GN34" s="342">
        <v>44000</v>
      </c>
      <c r="GO34" s="342">
        <v>0</v>
      </c>
      <c r="GP34" s="342">
        <v>0</v>
      </c>
      <c r="GQ34" s="343">
        <v>44000</v>
      </c>
      <c r="GR34" s="345">
        <v>44000</v>
      </c>
      <c r="GS34" s="341">
        <v>104000</v>
      </c>
      <c r="GT34" s="342">
        <v>0</v>
      </c>
      <c r="GU34" s="343">
        <v>104000</v>
      </c>
      <c r="GV34" s="341">
        <v>0</v>
      </c>
      <c r="GW34" s="342">
        <v>0</v>
      </c>
      <c r="GX34" s="342">
        <v>0</v>
      </c>
      <c r="GY34" s="342">
        <v>0</v>
      </c>
      <c r="GZ34" s="342">
        <v>0</v>
      </c>
      <c r="HA34" s="342">
        <v>0</v>
      </c>
      <c r="HB34" s="346">
        <v>0</v>
      </c>
      <c r="HC34" s="345">
        <v>104000</v>
      </c>
      <c r="HD34" s="341">
        <v>49188</v>
      </c>
      <c r="HE34" s="342">
        <v>0</v>
      </c>
      <c r="HF34" s="346">
        <v>49188</v>
      </c>
      <c r="HG34" s="347">
        <v>0</v>
      </c>
      <c r="HH34" s="342">
        <v>372749</v>
      </c>
      <c r="HI34" s="342">
        <v>165740</v>
      </c>
      <c r="HJ34" s="342">
        <v>0</v>
      </c>
      <c r="HK34" s="342">
        <v>0</v>
      </c>
      <c r="HL34" s="342">
        <v>0</v>
      </c>
      <c r="HM34" s="343">
        <v>538489</v>
      </c>
      <c r="HN34" s="344">
        <v>587677</v>
      </c>
      <c r="HO34" s="348">
        <v>0</v>
      </c>
      <c r="HP34" s="342">
        <v>0</v>
      </c>
      <c r="HQ34" s="343">
        <v>0</v>
      </c>
      <c r="HR34" s="341">
        <v>0</v>
      </c>
      <c r="HS34" s="342">
        <v>0</v>
      </c>
      <c r="HT34" s="342">
        <v>0</v>
      </c>
      <c r="HU34" s="342">
        <v>0</v>
      </c>
      <c r="HV34" s="342">
        <v>0</v>
      </c>
      <c r="HW34" s="342">
        <v>0</v>
      </c>
      <c r="HX34" s="346">
        <v>0</v>
      </c>
      <c r="HY34" s="345">
        <v>0</v>
      </c>
      <c r="HZ34" s="373">
        <v>0</v>
      </c>
      <c r="IA34" s="371">
        <v>0</v>
      </c>
      <c r="IB34" s="373">
        <v>0</v>
      </c>
      <c r="IC34" s="370">
        <v>0</v>
      </c>
      <c r="ID34" s="371">
        <v>0</v>
      </c>
      <c r="IE34" s="372">
        <v>110416</v>
      </c>
      <c r="IF34" s="373">
        <v>632384</v>
      </c>
      <c r="IG34" s="371">
        <v>243048</v>
      </c>
      <c r="IH34" s="373">
        <v>0</v>
      </c>
      <c r="II34" s="374">
        <v>985848</v>
      </c>
      <c r="IJ34" s="373">
        <v>985848</v>
      </c>
      <c r="IK34" s="357">
        <v>0</v>
      </c>
      <c r="IL34" s="358">
        <v>0</v>
      </c>
      <c r="IM34" s="359">
        <v>0</v>
      </c>
      <c r="IN34" s="436">
        <v>0</v>
      </c>
      <c r="IO34" s="360">
        <v>0</v>
      </c>
      <c r="IP34" s="360">
        <v>0</v>
      </c>
      <c r="IQ34" s="360">
        <v>150280</v>
      </c>
      <c r="IR34" s="360">
        <v>0</v>
      </c>
      <c r="IS34" s="360">
        <v>0</v>
      </c>
      <c r="IT34" s="361">
        <v>150280</v>
      </c>
      <c r="IU34" s="362">
        <v>150280</v>
      </c>
      <c r="IV34" s="363">
        <v>0</v>
      </c>
      <c r="IW34" s="360">
        <v>0</v>
      </c>
      <c r="IX34" s="364">
        <v>0</v>
      </c>
      <c r="IY34" s="436">
        <v>0</v>
      </c>
      <c r="IZ34" s="360">
        <v>0</v>
      </c>
      <c r="JA34" s="360">
        <v>0</v>
      </c>
      <c r="JB34" s="360">
        <v>0</v>
      </c>
      <c r="JC34" s="360">
        <v>0</v>
      </c>
      <c r="JD34" s="360">
        <v>0</v>
      </c>
      <c r="JE34" s="364">
        <v>0</v>
      </c>
      <c r="JF34" s="365">
        <v>0</v>
      </c>
      <c r="JG34" s="363">
        <v>0</v>
      </c>
      <c r="JH34" s="360">
        <v>0</v>
      </c>
      <c r="JI34" s="361">
        <v>0</v>
      </c>
      <c r="JJ34" s="366">
        <v>0</v>
      </c>
      <c r="JK34" s="360">
        <v>0</v>
      </c>
      <c r="JL34" s="360">
        <v>110416</v>
      </c>
      <c r="JM34" s="360">
        <v>32968</v>
      </c>
      <c r="JN34" s="360">
        <v>0</v>
      </c>
      <c r="JO34" s="360">
        <v>0</v>
      </c>
      <c r="JP34" s="364">
        <v>143384</v>
      </c>
      <c r="JQ34" s="362">
        <v>143384</v>
      </c>
      <c r="JR34" s="363">
        <v>0</v>
      </c>
      <c r="JS34" s="360">
        <v>0</v>
      </c>
      <c r="JT34" s="361">
        <v>0</v>
      </c>
      <c r="JU34" s="366">
        <v>0</v>
      </c>
      <c r="JV34" s="360">
        <v>0</v>
      </c>
      <c r="JW34" s="360">
        <v>0</v>
      </c>
      <c r="JX34" s="360">
        <v>0</v>
      </c>
      <c r="JY34" s="360">
        <v>0</v>
      </c>
      <c r="JZ34" s="360">
        <v>0</v>
      </c>
      <c r="KA34" s="364">
        <v>0</v>
      </c>
      <c r="KB34" s="362">
        <v>0</v>
      </c>
      <c r="KC34" s="367">
        <v>0</v>
      </c>
      <c r="KD34" s="368">
        <v>0</v>
      </c>
      <c r="KE34" s="364">
        <v>0</v>
      </c>
      <c r="KF34" s="366">
        <v>0</v>
      </c>
      <c r="KG34" s="360">
        <v>0</v>
      </c>
      <c r="KH34" s="360">
        <v>0</v>
      </c>
      <c r="KI34" s="360">
        <v>0</v>
      </c>
      <c r="KJ34" s="360">
        <v>0</v>
      </c>
      <c r="KK34" s="360">
        <v>0</v>
      </c>
      <c r="KL34" s="364">
        <v>0</v>
      </c>
      <c r="KM34" s="369">
        <v>0</v>
      </c>
      <c r="KN34" s="357">
        <v>0</v>
      </c>
      <c r="KO34" s="358">
        <v>0</v>
      </c>
      <c r="KP34" s="359">
        <v>0</v>
      </c>
      <c r="KQ34" s="436">
        <v>0</v>
      </c>
      <c r="KR34" s="360">
        <v>0</v>
      </c>
      <c r="KS34" s="360">
        <v>0</v>
      </c>
      <c r="KT34" s="360">
        <v>0</v>
      </c>
      <c r="KU34" s="360">
        <v>0</v>
      </c>
      <c r="KV34" s="360">
        <v>0</v>
      </c>
      <c r="KW34" s="364">
        <v>0</v>
      </c>
      <c r="KX34" s="362">
        <v>0</v>
      </c>
      <c r="KY34" s="363">
        <v>0</v>
      </c>
      <c r="KZ34" s="360">
        <v>0</v>
      </c>
      <c r="LA34" s="364">
        <v>0</v>
      </c>
      <c r="LB34" s="436">
        <v>0</v>
      </c>
      <c r="LC34" s="360">
        <v>0</v>
      </c>
      <c r="LD34" s="360">
        <v>0</v>
      </c>
      <c r="LE34" s="360">
        <v>0</v>
      </c>
      <c r="LF34" s="360">
        <v>0</v>
      </c>
      <c r="LG34" s="360">
        <v>0</v>
      </c>
      <c r="LH34" s="364">
        <v>0</v>
      </c>
      <c r="LI34" s="365">
        <v>0</v>
      </c>
      <c r="LJ34" s="363">
        <v>0</v>
      </c>
      <c r="LK34" s="360">
        <v>0</v>
      </c>
      <c r="LL34" s="364">
        <v>0</v>
      </c>
      <c r="LM34" s="436">
        <v>0</v>
      </c>
      <c r="LN34" s="360">
        <v>0</v>
      </c>
      <c r="LO34" s="360">
        <v>0</v>
      </c>
      <c r="LP34" s="360">
        <v>449136</v>
      </c>
      <c r="LQ34" s="360">
        <v>243048</v>
      </c>
      <c r="LR34" s="360">
        <v>0</v>
      </c>
      <c r="LS34" s="364">
        <v>692184</v>
      </c>
      <c r="LT34" s="362">
        <v>692184</v>
      </c>
      <c r="LU34" s="363">
        <v>0</v>
      </c>
      <c r="LV34" s="360">
        <v>0</v>
      </c>
      <c r="LW34" s="364">
        <v>0</v>
      </c>
      <c r="LX34" s="436">
        <v>0</v>
      </c>
      <c r="LY34" s="360">
        <v>0</v>
      </c>
      <c r="LZ34" s="360">
        <v>0</v>
      </c>
      <c r="MA34" s="360">
        <v>0</v>
      </c>
      <c r="MB34" s="360">
        <v>0</v>
      </c>
      <c r="MC34" s="360">
        <v>0</v>
      </c>
      <c r="MD34" s="364">
        <v>0</v>
      </c>
      <c r="ME34" s="365">
        <v>0</v>
      </c>
      <c r="MF34" s="363">
        <v>0</v>
      </c>
      <c r="MG34" s="360">
        <v>0</v>
      </c>
      <c r="MH34" s="364">
        <v>0</v>
      </c>
      <c r="MI34" s="436">
        <v>0</v>
      </c>
      <c r="MJ34" s="360">
        <v>0</v>
      </c>
      <c r="MK34" s="360">
        <v>0</v>
      </c>
      <c r="ML34" s="360">
        <v>0</v>
      </c>
      <c r="MM34" s="360">
        <v>296035</v>
      </c>
      <c r="MN34" s="360">
        <v>467256</v>
      </c>
      <c r="MO34" s="364">
        <v>763291</v>
      </c>
      <c r="MP34" s="369">
        <v>763291</v>
      </c>
      <c r="MQ34" s="363">
        <v>0</v>
      </c>
      <c r="MR34" s="360">
        <v>0</v>
      </c>
      <c r="MS34" s="364">
        <v>0</v>
      </c>
      <c r="MT34" s="436">
        <v>0</v>
      </c>
      <c r="MU34" s="360">
        <v>0</v>
      </c>
      <c r="MV34" s="360">
        <v>0</v>
      </c>
      <c r="MW34" s="360">
        <v>0</v>
      </c>
      <c r="MX34" s="360">
        <v>0</v>
      </c>
      <c r="MY34" s="360">
        <v>194896</v>
      </c>
      <c r="MZ34" s="364">
        <v>194896</v>
      </c>
      <c r="NA34" s="369">
        <v>194896</v>
      </c>
      <c r="NB34" s="363">
        <v>0</v>
      </c>
      <c r="NC34" s="360">
        <v>0</v>
      </c>
      <c r="ND34" s="364">
        <v>0</v>
      </c>
      <c r="NE34" s="436">
        <v>0</v>
      </c>
      <c r="NF34" s="360">
        <v>0</v>
      </c>
      <c r="NG34" s="360">
        <v>0</v>
      </c>
      <c r="NH34" s="360">
        <v>0</v>
      </c>
      <c r="NI34" s="360">
        <v>296035</v>
      </c>
      <c r="NJ34" s="360">
        <v>272360</v>
      </c>
      <c r="NK34" s="364">
        <v>568395</v>
      </c>
      <c r="NL34" s="362">
        <v>568395</v>
      </c>
      <c r="NM34" s="363">
        <v>0</v>
      </c>
      <c r="NN34" s="360">
        <v>0</v>
      </c>
      <c r="NO34" s="364">
        <v>0</v>
      </c>
      <c r="NP34" s="436">
        <v>0</v>
      </c>
      <c r="NQ34" s="360">
        <v>0</v>
      </c>
      <c r="NR34" s="360">
        <v>0</v>
      </c>
      <c r="NS34" s="360">
        <v>0</v>
      </c>
      <c r="NT34" s="360">
        <v>0</v>
      </c>
      <c r="NU34" s="360">
        <v>0</v>
      </c>
      <c r="NV34" s="364">
        <v>0</v>
      </c>
      <c r="NW34" s="365">
        <v>0</v>
      </c>
      <c r="NX34" s="363">
        <v>0</v>
      </c>
      <c r="NY34" s="360">
        <v>0</v>
      </c>
      <c r="NZ34" s="364">
        <v>0</v>
      </c>
      <c r="OA34" s="436">
        <v>0</v>
      </c>
      <c r="OB34" s="360">
        <v>0</v>
      </c>
      <c r="OC34" s="360">
        <v>0</v>
      </c>
      <c r="OD34" s="360">
        <v>0</v>
      </c>
      <c r="OE34" s="360">
        <v>0</v>
      </c>
      <c r="OF34" s="360">
        <v>0</v>
      </c>
      <c r="OG34" s="364">
        <v>0</v>
      </c>
      <c r="OH34" s="365">
        <v>0</v>
      </c>
      <c r="OI34" s="363">
        <v>198476</v>
      </c>
      <c r="OJ34" s="360">
        <v>10240</v>
      </c>
      <c r="OK34" s="361">
        <v>208716</v>
      </c>
      <c r="OL34" s="366">
        <v>0</v>
      </c>
      <c r="OM34" s="360">
        <v>388221</v>
      </c>
      <c r="ON34" s="360">
        <v>632556</v>
      </c>
      <c r="OO34" s="360">
        <v>896773</v>
      </c>
      <c r="OP34" s="360">
        <v>539083</v>
      </c>
      <c r="OQ34" s="360">
        <v>867592</v>
      </c>
      <c r="OR34" s="364">
        <v>3324225</v>
      </c>
      <c r="OS34" s="369">
        <v>3532941</v>
      </c>
    </row>
    <row r="35" spans="2:409" s="137" customFormat="1" ht="21" customHeight="1" x14ac:dyDescent="0.2">
      <c r="B35" s="421" t="s">
        <v>30</v>
      </c>
      <c r="C35" s="341">
        <v>91652</v>
      </c>
      <c r="D35" s="342">
        <v>129920</v>
      </c>
      <c r="E35" s="383">
        <v>221572</v>
      </c>
      <c r="F35" s="385">
        <v>0</v>
      </c>
      <c r="G35" s="384">
        <v>229664</v>
      </c>
      <c r="H35" s="384">
        <v>344901</v>
      </c>
      <c r="I35" s="384">
        <v>206774</v>
      </c>
      <c r="J35" s="384">
        <v>278744</v>
      </c>
      <c r="K35" s="384">
        <v>0</v>
      </c>
      <c r="L35" s="385">
        <v>1060083</v>
      </c>
      <c r="M35" s="345">
        <v>1281655</v>
      </c>
      <c r="N35" s="341">
        <v>0</v>
      </c>
      <c r="O35" s="342">
        <v>129920</v>
      </c>
      <c r="P35" s="343">
        <v>129920</v>
      </c>
      <c r="Q35" s="341">
        <v>0</v>
      </c>
      <c r="R35" s="342">
        <v>76919</v>
      </c>
      <c r="S35" s="342">
        <v>128288</v>
      </c>
      <c r="T35" s="342">
        <v>33776</v>
      </c>
      <c r="U35" s="342">
        <v>84120</v>
      </c>
      <c r="V35" s="342">
        <v>0</v>
      </c>
      <c r="W35" s="343">
        <v>323103</v>
      </c>
      <c r="X35" s="345">
        <v>453023</v>
      </c>
      <c r="Y35" s="341">
        <v>0</v>
      </c>
      <c r="Z35" s="342">
        <v>0</v>
      </c>
      <c r="AA35" s="343">
        <v>0</v>
      </c>
      <c r="AB35" s="341">
        <v>0</v>
      </c>
      <c r="AC35" s="342">
        <v>29215</v>
      </c>
      <c r="AD35" s="342">
        <v>105648</v>
      </c>
      <c r="AE35" s="342">
        <v>0</v>
      </c>
      <c r="AF35" s="342">
        <v>24064</v>
      </c>
      <c r="AG35" s="342">
        <v>0</v>
      </c>
      <c r="AH35" s="343">
        <v>158927</v>
      </c>
      <c r="AI35" s="345">
        <v>158927</v>
      </c>
      <c r="AJ35" s="341">
        <v>0</v>
      </c>
      <c r="AK35" s="342">
        <v>0</v>
      </c>
      <c r="AL35" s="343">
        <v>0</v>
      </c>
      <c r="AM35" s="341">
        <v>0</v>
      </c>
      <c r="AN35" s="342">
        <v>0</v>
      </c>
      <c r="AO35" s="342">
        <v>0</v>
      </c>
      <c r="AP35" s="342">
        <v>0</v>
      </c>
      <c r="AQ35" s="342">
        <v>0</v>
      </c>
      <c r="AR35" s="342">
        <v>0</v>
      </c>
      <c r="AS35" s="343">
        <v>0</v>
      </c>
      <c r="AT35" s="345">
        <v>0</v>
      </c>
      <c r="AU35" s="341">
        <v>0</v>
      </c>
      <c r="AV35" s="342">
        <v>129920</v>
      </c>
      <c r="AW35" s="343">
        <v>129920</v>
      </c>
      <c r="AX35" s="341">
        <v>0</v>
      </c>
      <c r="AY35" s="342">
        <v>37672</v>
      </c>
      <c r="AZ35" s="342">
        <v>0</v>
      </c>
      <c r="BA35" s="342">
        <v>16608</v>
      </c>
      <c r="BB35" s="342">
        <v>28840</v>
      </c>
      <c r="BC35" s="342">
        <v>0</v>
      </c>
      <c r="BD35" s="343">
        <v>83120</v>
      </c>
      <c r="BE35" s="345">
        <v>213040</v>
      </c>
      <c r="BF35" s="341">
        <v>0</v>
      </c>
      <c r="BG35" s="342">
        <v>0</v>
      </c>
      <c r="BH35" s="346">
        <v>0</v>
      </c>
      <c r="BI35" s="347">
        <v>0</v>
      </c>
      <c r="BJ35" s="342">
        <v>0</v>
      </c>
      <c r="BK35" s="342">
        <v>0</v>
      </c>
      <c r="BL35" s="342">
        <v>0</v>
      </c>
      <c r="BM35" s="342">
        <v>0</v>
      </c>
      <c r="BN35" s="342">
        <v>0</v>
      </c>
      <c r="BO35" s="343">
        <v>0</v>
      </c>
      <c r="BP35" s="345">
        <v>0</v>
      </c>
      <c r="BQ35" s="341">
        <v>0</v>
      </c>
      <c r="BR35" s="342">
        <v>0</v>
      </c>
      <c r="BS35" s="343">
        <v>0</v>
      </c>
      <c r="BT35" s="341">
        <v>0</v>
      </c>
      <c r="BU35" s="342">
        <v>10032</v>
      </c>
      <c r="BV35" s="342">
        <v>22640</v>
      </c>
      <c r="BW35" s="342">
        <v>17168</v>
      </c>
      <c r="BX35" s="342">
        <v>31216</v>
      </c>
      <c r="BY35" s="342">
        <v>0</v>
      </c>
      <c r="BZ35" s="343">
        <v>81056</v>
      </c>
      <c r="CA35" s="345">
        <v>81056</v>
      </c>
      <c r="CB35" s="341">
        <v>60292</v>
      </c>
      <c r="CC35" s="342">
        <v>0</v>
      </c>
      <c r="CD35" s="343">
        <v>60292</v>
      </c>
      <c r="CE35" s="341">
        <v>0</v>
      </c>
      <c r="CF35" s="342">
        <v>0</v>
      </c>
      <c r="CG35" s="342">
        <v>0</v>
      </c>
      <c r="CH35" s="342">
        <v>0</v>
      </c>
      <c r="CI35" s="342">
        <v>82856</v>
      </c>
      <c r="CJ35" s="342">
        <v>0</v>
      </c>
      <c r="CK35" s="343">
        <v>82856</v>
      </c>
      <c r="CL35" s="345">
        <v>143148</v>
      </c>
      <c r="CM35" s="341">
        <v>0</v>
      </c>
      <c r="CN35" s="342">
        <v>0</v>
      </c>
      <c r="CO35" s="343">
        <v>0</v>
      </c>
      <c r="CP35" s="347">
        <v>0</v>
      </c>
      <c r="CQ35" s="342">
        <v>0</v>
      </c>
      <c r="CR35" s="342">
        <v>0</v>
      </c>
      <c r="CS35" s="342">
        <v>0</v>
      </c>
      <c r="CT35" s="342">
        <v>82856</v>
      </c>
      <c r="CU35" s="342">
        <v>0</v>
      </c>
      <c r="CV35" s="343">
        <v>82856</v>
      </c>
      <c r="CW35" s="345">
        <v>82856</v>
      </c>
      <c r="CX35" s="341">
        <v>60292</v>
      </c>
      <c r="CY35" s="342">
        <v>0</v>
      </c>
      <c r="CZ35" s="343">
        <v>60292</v>
      </c>
      <c r="DA35" s="341">
        <v>0</v>
      </c>
      <c r="DB35" s="342">
        <v>0</v>
      </c>
      <c r="DC35" s="342">
        <v>0</v>
      </c>
      <c r="DD35" s="342">
        <v>0</v>
      </c>
      <c r="DE35" s="342">
        <v>0</v>
      </c>
      <c r="DF35" s="342">
        <v>0</v>
      </c>
      <c r="DG35" s="343">
        <v>0</v>
      </c>
      <c r="DH35" s="345">
        <v>60292</v>
      </c>
      <c r="DI35" s="341">
        <v>0</v>
      </c>
      <c r="DJ35" s="342">
        <v>0</v>
      </c>
      <c r="DK35" s="346">
        <v>0</v>
      </c>
      <c r="DL35" s="347">
        <v>0</v>
      </c>
      <c r="DM35" s="342">
        <v>0</v>
      </c>
      <c r="DN35" s="342">
        <v>0</v>
      </c>
      <c r="DO35" s="342">
        <v>0</v>
      </c>
      <c r="DP35" s="342">
        <v>89560</v>
      </c>
      <c r="DQ35" s="342">
        <v>0</v>
      </c>
      <c r="DR35" s="343">
        <v>89560</v>
      </c>
      <c r="DS35" s="345">
        <v>89560</v>
      </c>
      <c r="DT35" s="341">
        <v>0</v>
      </c>
      <c r="DU35" s="342">
        <v>0</v>
      </c>
      <c r="DV35" s="343">
        <v>0</v>
      </c>
      <c r="DW35" s="341">
        <v>0</v>
      </c>
      <c r="DX35" s="342">
        <v>0</v>
      </c>
      <c r="DY35" s="342">
        <v>0</v>
      </c>
      <c r="DZ35" s="342">
        <v>0</v>
      </c>
      <c r="EA35" s="342">
        <v>89560</v>
      </c>
      <c r="EB35" s="342">
        <v>0</v>
      </c>
      <c r="EC35" s="343">
        <v>89560</v>
      </c>
      <c r="ED35" s="345">
        <v>89560</v>
      </c>
      <c r="EE35" s="341">
        <v>0</v>
      </c>
      <c r="EF35" s="346">
        <v>0</v>
      </c>
      <c r="EG35" s="343">
        <v>0</v>
      </c>
      <c r="EH35" s="341">
        <v>0</v>
      </c>
      <c r="EI35" s="342">
        <v>0</v>
      </c>
      <c r="EJ35" s="342">
        <v>0</v>
      </c>
      <c r="EK35" s="342">
        <v>0</v>
      </c>
      <c r="EL35" s="342">
        <v>0</v>
      </c>
      <c r="EM35" s="342">
        <v>0</v>
      </c>
      <c r="EN35" s="346">
        <v>0</v>
      </c>
      <c r="EO35" s="345">
        <v>0</v>
      </c>
      <c r="EP35" s="341">
        <v>0</v>
      </c>
      <c r="EQ35" s="342">
        <v>0</v>
      </c>
      <c r="ER35" s="346">
        <v>0</v>
      </c>
      <c r="ES35" s="347">
        <v>0</v>
      </c>
      <c r="ET35" s="342">
        <v>0</v>
      </c>
      <c r="EU35" s="342">
        <v>0</v>
      </c>
      <c r="EV35" s="342">
        <v>0</v>
      </c>
      <c r="EW35" s="342">
        <v>0</v>
      </c>
      <c r="EX35" s="342">
        <v>0</v>
      </c>
      <c r="EY35" s="343">
        <v>0</v>
      </c>
      <c r="EZ35" s="345">
        <v>0</v>
      </c>
      <c r="FA35" s="341">
        <v>0</v>
      </c>
      <c r="FB35" s="342">
        <v>0</v>
      </c>
      <c r="FC35" s="346">
        <v>0</v>
      </c>
      <c r="FD35" s="347">
        <v>0</v>
      </c>
      <c r="FE35" s="342">
        <v>0</v>
      </c>
      <c r="FF35" s="342">
        <v>0</v>
      </c>
      <c r="FG35" s="342">
        <v>0</v>
      </c>
      <c r="FH35" s="342">
        <v>0</v>
      </c>
      <c r="FI35" s="342">
        <v>0</v>
      </c>
      <c r="FJ35" s="343">
        <v>0</v>
      </c>
      <c r="FK35" s="345">
        <v>0</v>
      </c>
      <c r="FL35" s="341">
        <v>31360</v>
      </c>
      <c r="FM35" s="342">
        <v>0</v>
      </c>
      <c r="FN35" s="343">
        <v>31360</v>
      </c>
      <c r="FO35" s="341">
        <v>0</v>
      </c>
      <c r="FP35" s="342">
        <v>2400</v>
      </c>
      <c r="FQ35" s="342">
        <v>48904</v>
      </c>
      <c r="FR35" s="342">
        <v>34800</v>
      </c>
      <c r="FS35" s="342">
        <v>22208</v>
      </c>
      <c r="FT35" s="342">
        <v>0</v>
      </c>
      <c r="FU35" s="343">
        <v>108312</v>
      </c>
      <c r="FV35" s="345">
        <v>139672</v>
      </c>
      <c r="FW35" s="348">
        <v>31360</v>
      </c>
      <c r="FX35" s="342">
        <v>0</v>
      </c>
      <c r="FY35" s="346">
        <v>31360</v>
      </c>
      <c r="FZ35" s="347">
        <v>0</v>
      </c>
      <c r="GA35" s="342">
        <v>2400</v>
      </c>
      <c r="GB35" s="342">
        <v>16520</v>
      </c>
      <c r="GC35" s="342">
        <v>34800</v>
      </c>
      <c r="GD35" s="342">
        <v>22208</v>
      </c>
      <c r="GE35" s="342">
        <v>0</v>
      </c>
      <c r="GF35" s="343">
        <v>75928</v>
      </c>
      <c r="GG35" s="349">
        <v>107288</v>
      </c>
      <c r="GH35" s="348">
        <v>0</v>
      </c>
      <c r="GI35" s="342">
        <v>0</v>
      </c>
      <c r="GJ35" s="346">
        <v>0</v>
      </c>
      <c r="GK35" s="347">
        <v>0</v>
      </c>
      <c r="GL35" s="342">
        <v>0</v>
      </c>
      <c r="GM35" s="342">
        <v>32384</v>
      </c>
      <c r="GN35" s="342">
        <v>0</v>
      </c>
      <c r="GO35" s="342">
        <v>0</v>
      </c>
      <c r="GP35" s="342">
        <v>0</v>
      </c>
      <c r="GQ35" s="343">
        <v>32384</v>
      </c>
      <c r="GR35" s="345">
        <v>32384</v>
      </c>
      <c r="GS35" s="341">
        <v>0</v>
      </c>
      <c r="GT35" s="342">
        <v>0</v>
      </c>
      <c r="GU35" s="343">
        <v>0</v>
      </c>
      <c r="GV35" s="341">
        <v>0</v>
      </c>
      <c r="GW35" s="342">
        <v>0</v>
      </c>
      <c r="GX35" s="342">
        <v>0</v>
      </c>
      <c r="GY35" s="342">
        <v>0</v>
      </c>
      <c r="GZ35" s="342">
        <v>0</v>
      </c>
      <c r="HA35" s="342">
        <v>0</v>
      </c>
      <c r="HB35" s="346">
        <v>0</v>
      </c>
      <c r="HC35" s="345">
        <v>0</v>
      </c>
      <c r="HD35" s="341">
        <v>0</v>
      </c>
      <c r="HE35" s="342">
        <v>0</v>
      </c>
      <c r="HF35" s="346">
        <v>0</v>
      </c>
      <c r="HG35" s="347">
        <v>0</v>
      </c>
      <c r="HH35" s="342">
        <v>150345</v>
      </c>
      <c r="HI35" s="342">
        <v>167709</v>
      </c>
      <c r="HJ35" s="342">
        <v>138198</v>
      </c>
      <c r="HK35" s="342">
        <v>0</v>
      </c>
      <c r="HL35" s="342">
        <v>0</v>
      </c>
      <c r="HM35" s="343">
        <v>456252</v>
      </c>
      <c r="HN35" s="344">
        <v>456252</v>
      </c>
      <c r="HO35" s="348">
        <v>0</v>
      </c>
      <c r="HP35" s="342">
        <v>0</v>
      </c>
      <c r="HQ35" s="343">
        <v>0</v>
      </c>
      <c r="HR35" s="341">
        <v>0</v>
      </c>
      <c r="HS35" s="342">
        <v>0</v>
      </c>
      <c r="HT35" s="342">
        <v>0</v>
      </c>
      <c r="HU35" s="342">
        <v>0</v>
      </c>
      <c r="HV35" s="342">
        <v>0</v>
      </c>
      <c r="HW35" s="342">
        <v>0</v>
      </c>
      <c r="HX35" s="346">
        <v>0</v>
      </c>
      <c r="HY35" s="345">
        <v>0</v>
      </c>
      <c r="HZ35" s="350">
        <v>0</v>
      </c>
      <c r="IA35" s="351">
        <v>0</v>
      </c>
      <c r="IB35" s="352">
        <v>0</v>
      </c>
      <c r="IC35" s="353">
        <v>0</v>
      </c>
      <c r="ID35" s="351">
        <v>49648</v>
      </c>
      <c r="IE35" s="354">
        <v>0</v>
      </c>
      <c r="IF35" s="352">
        <v>21960</v>
      </c>
      <c r="IG35" s="351">
        <v>240816</v>
      </c>
      <c r="IH35" s="352">
        <v>0</v>
      </c>
      <c r="II35" s="355">
        <v>312424</v>
      </c>
      <c r="IJ35" s="356">
        <v>312424</v>
      </c>
      <c r="IK35" s="357">
        <v>0</v>
      </c>
      <c r="IL35" s="358">
        <v>0</v>
      </c>
      <c r="IM35" s="359">
        <v>0</v>
      </c>
      <c r="IN35" s="436">
        <v>0</v>
      </c>
      <c r="IO35" s="360">
        <v>0</v>
      </c>
      <c r="IP35" s="360">
        <v>0</v>
      </c>
      <c r="IQ35" s="360">
        <v>0</v>
      </c>
      <c r="IR35" s="360">
        <v>0</v>
      </c>
      <c r="IS35" s="360">
        <v>0</v>
      </c>
      <c r="IT35" s="361">
        <v>0</v>
      </c>
      <c r="IU35" s="362">
        <v>0</v>
      </c>
      <c r="IV35" s="363">
        <v>0</v>
      </c>
      <c r="IW35" s="360">
        <v>0</v>
      </c>
      <c r="IX35" s="364">
        <v>0</v>
      </c>
      <c r="IY35" s="436">
        <v>0</v>
      </c>
      <c r="IZ35" s="360">
        <v>0</v>
      </c>
      <c r="JA35" s="360">
        <v>0</v>
      </c>
      <c r="JB35" s="360">
        <v>0</v>
      </c>
      <c r="JC35" s="360">
        <v>0</v>
      </c>
      <c r="JD35" s="360">
        <v>0</v>
      </c>
      <c r="JE35" s="364">
        <v>0</v>
      </c>
      <c r="JF35" s="365">
        <v>0</v>
      </c>
      <c r="JG35" s="363">
        <v>0</v>
      </c>
      <c r="JH35" s="360">
        <v>0</v>
      </c>
      <c r="JI35" s="361">
        <v>0</v>
      </c>
      <c r="JJ35" s="366">
        <v>0</v>
      </c>
      <c r="JK35" s="360">
        <v>49648</v>
      </c>
      <c r="JL35" s="360">
        <v>0</v>
      </c>
      <c r="JM35" s="360">
        <v>21960</v>
      </c>
      <c r="JN35" s="360">
        <v>0</v>
      </c>
      <c r="JO35" s="360">
        <v>0</v>
      </c>
      <c r="JP35" s="364">
        <v>71608</v>
      </c>
      <c r="JQ35" s="362">
        <v>71608</v>
      </c>
      <c r="JR35" s="363">
        <v>0</v>
      </c>
      <c r="JS35" s="360">
        <v>0</v>
      </c>
      <c r="JT35" s="361">
        <v>0</v>
      </c>
      <c r="JU35" s="366">
        <v>0</v>
      </c>
      <c r="JV35" s="360">
        <v>0</v>
      </c>
      <c r="JW35" s="360">
        <v>0</v>
      </c>
      <c r="JX35" s="360">
        <v>0</v>
      </c>
      <c r="JY35" s="360">
        <v>0</v>
      </c>
      <c r="JZ35" s="360">
        <v>0</v>
      </c>
      <c r="KA35" s="364">
        <v>0</v>
      </c>
      <c r="KB35" s="362">
        <v>0</v>
      </c>
      <c r="KC35" s="367">
        <v>0</v>
      </c>
      <c r="KD35" s="368">
        <v>0</v>
      </c>
      <c r="KE35" s="364">
        <v>0</v>
      </c>
      <c r="KF35" s="366">
        <v>0</v>
      </c>
      <c r="KG35" s="360">
        <v>0</v>
      </c>
      <c r="KH35" s="360">
        <v>0</v>
      </c>
      <c r="KI35" s="360">
        <v>0</v>
      </c>
      <c r="KJ35" s="360">
        <v>0</v>
      </c>
      <c r="KK35" s="360">
        <v>0</v>
      </c>
      <c r="KL35" s="364">
        <v>0</v>
      </c>
      <c r="KM35" s="369">
        <v>0</v>
      </c>
      <c r="KN35" s="357">
        <v>0</v>
      </c>
      <c r="KO35" s="358">
        <v>0</v>
      </c>
      <c r="KP35" s="359">
        <v>0</v>
      </c>
      <c r="KQ35" s="436">
        <v>0</v>
      </c>
      <c r="KR35" s="360">
        <v>0</v>
      </c>
      <c r="KS35" s="360">
        <v>0</v>
      </c>
      <c r="KT35" s="360">
        <v>0</v>
      </c>
      <c r="KU35" s="360">
        <v>240816</v>
      </c>
      <c r="KV35" s="360">
        <v>0</v>
      </c>
      <c r="KW35" s="364">
        <v>240816</v>
      </c>
      <c r="KX35" s="362">
        <v>240816</v>
      </c>
      <c r="KY35" s="363">
        <v>0</v>
      </c>
      <c r="KZ35" s="360">
        <v>0</v>
      </c>
      <c r="LA35" s="364">
        <v>0</v>
      </c>
      <c r="LB35" s="436">
        <v>0</v>
      </c>
      <c r="LC35" s="360">
        <v>0</v>
      </c>
      <c r="LD35" s="360">
        <v>0</v>
      </c>
      <c r="LE35" s="360">
        <v>0</v>
      </c>
      <c r="LF35" s="360">
        <v>0</v>
      </c>
      <c r="LG35" s="360">
        <v>0</v>
      </c>
      <c r="LH35" s="364">
        <v>0</v>
      </c>
      <c r="LI35" s="365">
        <v>0</v>
      </c>
      <c r="LJ35" s="363">
        <v>0</v>
      </c>
      <c r="LK35" s="360">
        <v>0</v>
      </c>
      <c r="LL35" s="364">
        <v>0</v>
      </c>
      <c r="LM35" s="436">
        <v>0</v>
      </c>
      <c r="LN35" s="360">
        <v>0</v>
      </c>
      <c r="LO35" s="360">
        <v>0</v>
      </c>
      <c r="LP35" s="360">
        <v>0</v>
      </c>
      <c r="LQ35" s="360">
        <v>0</v>
      </c>
      <c r="LR35" s="360">
        <v>0</v>
      </c>
      <c r="LS35" s="364">
        <v>0</v>
      </c>
      <c r="LT35" s="362">
        <v>0</v>
      </c>
      <c r="LU35" s="363">
        <v>0</v>
      </c>
      <c r="LV35" s="360">
        <v>0</v>
      </c>
      <c r="LW35" s="364">
        <v>0</v>
      </c>
      <c r="LX35" s="436">
        <v>0</v>
      </c>
      <c r="LY35" s="360">
        <v>0</v>
      </c>
      <c r="LZ35" s="360">
        <v>0</v>
      </c>
      <c r="MA35" s="360">
        <v>0</v>
      </c>
      <c r="MB35" s="360">
        <v>0</v>
      </c>
      <c r="MC35" s="360">
        <v>0</v>
      </c>
      <c r="MD35" s="364">
        <v>0</v>
      </c>
      <c r="ME35" s="365">
        <v>0</v>
      </c>
      <c r="MF35" s="363">
        <v>0</v>
      </c>
      <c r="MG35" s="360">
        <v>0</v>
      </c>
      <c r="MH35" s="364">
        <v>0</v>
      </c>
      <c r="MI35" s="436">
        <v>0</v>
      </c>
      <c r="MJ35" s="360">
        <v>192384</v>
      </c>
      <c r="MK35" s="360">
        <v>217352</v>
      </c>
      <c r="ML35" s="360">
        <v>237795</v>
      </c>
      <c r="MM35" s="360">
        <v>1317869</v>
      </c>
      <c r="MN35" s="360">
        <v>246008</v>
      </c>
      <c r="MO35" s="364">
        <v>2211408</v>
      </c>
      <c r="MP35" s="369">
        <v>2211408</v>
      </c>
      <c r="MQ35" s="363">
        <v>0</v>
      </c>
      <c r="MR35" s="360">
        <v>0</v>
      </c>
      <c r="MS35" s="364">
        <v>0</v>
      </c>
      <c r="MT35" s="436">
        <v>0</v>
      </c>
      <c r="MU35" s="360">
        <v>0</v>
      </c>
      <c r="MV35" s="360">
        <v>0</v>
      </c>
      <c r="MW35" s="360">
        <v>0</v>
      </c>
      <c r="MX35" s="360">
        <v>463016</v>
      </c>
      <c r="MY35" s="360">
        <v>246008</v>
      </c>
      <c r="MZ35" s="364">
        <v>709024</v>
      </c>
      <c r="NA35" s="369">
        <v>709024</v>
      </c>
      <c r="NB35" s="363">
        <v>0</v>
      </c>
      <c r="NC35" s="360">
        <v>0</v>
      </c>
      <c r="ND35" s="364">
        <v>0</v>
      </c>
      <c r="NE35" s="436">
        <v>0</v>
      </c>
      <c r="NF35" s="360">
        <v>192384</v>
      </c>
      <c r="NG35" s="360">
        <v>217352</v>
      </c>
      <c r="NH35" s="360">
        <v>237795</v>
      </c>
      <c r="NI35" s="360">
        <v>488481</v>
      </c>
      <c r="NJ35" s="360">
        <v>0</v>
      </c>
      <c r="NK35" s="364">
        <v>1136012</v>
      </c>
      <c r="NL35" s="362">
        <v>1136012</v>
      </c>
      <c r="NM35" s="363">
        <v>0</v>
      </c>
      <c r="NN35" s="360">
        <v>0</v>
      </c>
      <c r="NO35" s="364">
        <v>0</v>
      </c>
      <c r="NP35" s="436">
        <v>0</v>
      </c>
      <c r="NQ35" s="360">
        <v>0</v>
      </c>
      <c r="NR35" s="360">
        <v>0</v>
      </c>
      <c r="NS35" s="360">
        <v>0</v>
      </c>
      <c r="NT35" s="360">
        <v>0</v>
      </c>
      <c r="NU35" s="360">
        <v>0</v>
      </c>
      <c r="NV35" s="364">
        <v>0</v>
      </c>
      <c r="NW35" s="365">
        <v>0</v>
      </c>
      <c r="NX35" s="363">
        <v>0</v>
      </c>
      <c r="NY35" s="360">
        <v>0</v>
      </c>
      <c r="NZ35" s="364">
        <v>0</v>
      </c>
      <c r="OA35" s="436">
        <v>0</v>
      </c>
      <c r="OB35" s="360">
        <v>0</v>
      </c>
      <c r="OC35" s="360">
        <v>0</v>
      </c>
      <c r="OD35" s="360">
        <v>0</v>
      </c>
      <c r="OE35" s="360">
        <v>366372</v>
      </c>
      <c r="OF35" s="360">
        <v>0</v>
      </c>
      <c r="OG35" s="364">
        <v>366372</v>
      </c>
      <c r="OH35" s="365">
        <v>366372</v>
      </c>
      <c r="OI35" s="363">
        <v>91652</v>
      </c>
      <c r="OJ35" s="360">
        <v>129920</v>
      </c>
      <c r="OK35" s="361">
        <v>221572</v>
      </c>
      <c r="OL35" s="366">
        <v>0</v>
      </c>
      <c r="OM35" s="360">
        <v>471696</v>
      </c>
      <c r="ON35" s="360">
        <v>562253</v>
      </c>
      <c r="OO35" s="360">
        <v>466529</v>
      </c>
      <c r="OP35" s="360">
        <v>1837429</v>
      </c>
      <c r="OQ35" s="360">
        <v>246008</v>
      </c>
      <c r="OR35" s="364">
        <v>3583915</v>
      </c>
      <c r="OS35" s="369">
        <v>3805487</v>
      </c>
    </row>
    <row r="36" spans="2:409" s="137" customFormat="1" ht="21" customHeight="1" x14ac:dyDescent="0.2">
      <c r="B36" s="421" t="s">
        <v>31</v>
      </c>
      <c r="C36" s="341">
        <v>19992</v>
      </c>
      <c r="D36" s="342">
        <v>0</v>
      </c>
      <c r="E36" s="343">
        <v>19992</v>
      </c>
      <c r="F36" s="344">
        <v>0</v>
      </c>
      <c r="G36" s="342">
        <v>203830</v>
      </c>
      <c r="H36" s="342">
        <v>155196</v>
      </c>
      <c r="I36" s="342">
        <v>597219</v>
      </c>
      <c r="J36" s="342">
        <v>54854</v>
      </c>
      <c r="K36" s="342">
        <v>0</v>
      </c>
      <c r="L36" s="382">
        <v>1011099</v>
      </c>
      <c r="M36" s="345">
        <v>1031091</v>
      </c>
      <c r="N36" s="341">
        <v>0</v>
      </c>
      <c r="O36" s="342">
        <v>0</v>
      </c>
      <c r="P36" s="343">
        <v>0</v>
      </c>
      <c r="Q36" s="341">
        <v>0</v>
      </c>
      <c r="R36" s="342">
        <v>20416</v>
      </c>
      <c r="S36" s="342">
        <v>63872</v>
      </c>
      <c r="T36" s="342">
        <v>312656</v>
      </c>
      <c r="U36" s="342">
        <v>17112</v>
      </c>
      <c r="V36" s="342">
        <v>0</v>
      </c>
      <c r="W36" s="343">
        <v>414056</v>
      </c>
      <c r="X36" s="345">
        <v>414056</v>
      </c>
      <c r="Y36" s="341">
        <v>0</v>
      </c>
      <c r="Z36" s="342">
        <v>0</v>
      </c>
      <c r="AA36" s="343">
        <v>0</v>
      </c>
      <c r="AB36" s="341">
        <v>0</v>
      </c>
      <c r="AC36" s="342">
        <v>0</v>
      </c>
      <c r="AD36" s="342">
        <v>0</v>
      </c>
      <c r="AE36" s="342">
        <v>158816</v>
      </c>
      <c r="AF36" s="342">
        <v>0</v>
      </c>
      <c r="AG36" s="342">
        <v>0</v>
      </c>
      <c r="AH36" s="343">
        <v>158816</v>
      </c>
      <c r="AI36" s="345">
        <v>158816</v>
      </c>
      <c r="AJ36" s="341">
        <v>0</v>
      </c>
      <c r="AK36" s="342">
        <v>0</v>
      </c>
      <c r="AL36" s="343">
        <v>0</v>
      </c>
      <c r="AM36" s="341">
        <v>0</v>
      </c>
      <c r="AN36" s="342">
        <v>0</v>
      </c>
      <c r="AO36" s="342">
        <v>56856</v>
      </c>
      <c r="AP36" s="342">
        <v>90968</v>
      </c>
      <c r="AQ36" s="342">
        <v>0</v>
      </c>
      <c r="AR36" s="342">
        <v>0</v>
      </c>
      <c r="AS36" s="343">
        <v>147824</v>
      </c>
      <c r="AT36" s="345">
        <v>147824</v>
      </c>
      <c r="AU36" s="341">
        <v>0</v>
      </c>
      <c r="AV36" s="342">
        <v>0</v>
      </c>
      <c r="AW36" s="343">
        <v>0</v>
      </c>
      <c r="AX36" s="341">
        <v>0</v>
      </c>
      <c r="AY36" s="342">
        <v>20416</v>
      </c>
      <c r="AZ36" s="342">
        <v>0</v>
      </c>
      <c r="BA36" s="342">
        <v>62872</v>
      </c>
      <c r="BB36" s="342">
        <v>0</v>
      </c>
      <c r="BC36" s="342">
        <v>0</v>
      </c>
      <c r="BD36" s="343">
        <v>83288</v>
      </c>
      <c r="BE36" s="345">
        <v>83288</v>
      </c>
      <c r="BF36" s="341">
        <v>0</v>
      </c>
      <c r="BG36" s="342">
        <v>0</v>
      </c>
      <c r="BH36" s="346">
        <v>0</v>
      </c>
      <c r="BI36" s="347">
        <v>0</v>
      </c>
      <c r="BJ36" s="342">
        <v>0</v>
      </c>
      <c r="BK36" s="342">
        <v>0</v>
      </c>
      <c r="BL36" s="342">
        <v>0</v>
      </c>
      <c r="BM36" s="342">
        <v>0</v>
      </c>
      <c r="BN36" s="342">
        <v>0</v>
      </c>
      <c r="BO36" s="343">
        <v>0</v>
      </c>
      <c r="BP36" s="345">
        <v>0</v>
      </c>
      <c r="BQ36" s="341">
        <v>0</v>
      </c>
      <c r="BR36" s="342">
        <v>0</v>
      </c>
      <c r="BS36" s="343">
        <v>0</v>
      </c>
      <c r="BT36" s="341">
        <v>0</v>
      </c>
      <c r="BU36" s="342">
        <v>0</v>
      </c>
      <c r="BV36" s="342">
        <v>7016</v>
      </c>
      <c r="BW36" s="342">
        <v>0</v>
      </c>
      <c r="BX36" s="342">
        <v>17112</v>
      </c>
      <c r="BY36" s="342">
        <v>0</v>
      </c>
      <c r="BZ36" s="343">
        <v>24128</v>
      </c>
      <c r="CA36" s="345">
        <v>24128</v>
      </c>
      <c r="CB36" s="341">
        <v>0</v>
      </c>
      <c r="CC36" s="342">
        <v>0</v>
      </c>
      <c r="CD36" s="343">
        <v>0</v>
      </c>
      <c r="CE36" s="341">
        <v>0</v>
      </c>
      <c r="CF36" s="342">
        <v>157494</v>
      </c>
      <c r="CG36" s="342">
        <v>54884</v>
      </c>
      <c r="CH36" s="342">
        <v>37456</v>
      </c>
      <c r="CI36" s="342">
        <v>0</v>
      </c>
      <c r="CJ36" s="342">
        <v>0</v>
      </c>
      <c r="CK36" s="343">
        <v>249834</v>
      </c>
      <c r="CL36" s="345">
        <v>249834</v>
      </c>
      <c r="CM36" s="341">
        <v>0</v>
      </c>
      <c r="CN36" s="342">
        <v>0</v>
      </c>
      <c r="CO36" s="343">
        <v>0</v>
      </c>
      <c r="CP36" s="347">
        <v>0</v>
      </c>
      <c r="CQ36" s="342">
        <v>117401</v>
      </c>
      <c r="CR36" s="342">
        <v>0</v>
      </c>
      <c r="CS36" s="342">
        <v>0</v>
      </c>
      <c r="CT36" s="342">
        <v>0</v>
      </c>
      <c r="CU36" s="342">
        <v>0</v>
      </c>
      <c r="CV36" s="343">
        <v>117401</v>
      </c>
      <c r="CW36" s="345">
        <v>117401</v>
      </c>
      <c r="CX36" s="341">
        <v>0</v>
      </c>
      <c r="CY36" s="342">
        <v>0</v>
      </c>
      <c r="CZ36" s="343">
        <v>0</v>
      </c>
      <c r="DA36" s="341">
        <v>0</v>
      </c>
      <c r="DB36" s="342">
        <v>40093</v>
      </c>
      <c r="DC36" s="342">
        <v>54884</v>
      </c>
      <c r="DD36" s="342">
        <v>37456</v>
      </c>
      <c r="DE36" s="342">
        <v>0</v>
      </c>
      <c r="DF36" s="342">
        <v>0</v>
      </c>
      <c r="DG36" s="343">
        <v>132433</v>
      </c>
      <c r="DH36" s="345">
        <v>132433</v>
      </c>
      <c r="DI36" s="341">
        <v>0</v>
      </c>
      <c r="DJ36" s="342">
        <v>0</v>
      </c>
      <c r="DK36" s="346">
        <v>0</v>
      </c>
      <c r="DL36" s="347">
        <v>0</v>
      </c>
      <c r="DM36" s="342">
        <v>0</v>
      </c>
      <c r="DN36" s="342">
        <v>0</v>
      </c>
      <c r="DO36" s="342">
        <v>191187</v>
      </c>
      <c r="DP36" s="342">
        <v>27142</v>
      </c>
      <c r="DQ36" s="342">
        <v>0</v>
      </c>
      <c r="DR36" s="343">
        <v>218329</v>
      </c>
      <c r="DS36" s="345">
        <v>218329</v>
      </c>
      <c r="DT36" s="341">
        <v>0</v>
      </c>
      <c r="DU36" s="342">
        <v>0</v>
      </c>
      <c r="DV36" s="343">
        <v>0</v>
      </c>
      <c r="DW36" s="341">
        <v>0</v>
      </c>
      <c r="DX36" s="342">
        <v>0</v>
      </c>
      <c r="DY36" s="342">
        <v>0</v>
      </c>
      <c r="DZ36" s="342">
        <v>191187</v>
      </c>
      <c r="EA36" s="342">
        <v>27142</v>
      </c>
      <c r="EB36" s="342">
        <v>0</v>
      </c>
      <c r="EC36" s="343">
        <v>218329</v>
      </c>
      <c r="ED36" s="345">
        <v>218329</v>
      </c>
      <c r="EE36" s="341">
        <v>0</v>
      </c>
      <c r="EF36" s="346">
        <v>0</v>
      </c>
      <c r="EG36" s="343">
        <v>0</v>
      </c>
      <c r="EH36" s="341">
        <v>0</v>
      </c>
      <c r="EI36" s="342">
        <v>0</v>
      </c>
      <c r="EJ36" s="342">
        <v>0</v>
      </c>
      <c r="EK36" s="342">
        <v>0</v>
      </c>
      <c r="EL36" s="342">
        <v>0</v>
      </c>
      <c r="EM36" s="342">
        <v>0</v>
      </c>
      <c r="EN36" s="346">
        <v>0</v>
      </c>
      <c r="EO36" s="345">
        <v>0</v>
      </c>
      <c r="EP36" s="341">
        <v>0</v>
      </c>
      <c r="EQ36" s="342">
        <v>0</v>
      </c>
      <c r="ER36" s="346">
        <v>0</v>
      </c>
      <c r="ES36" s="347">
        <v>0</v>
      </c>
      <c r="ET36" s="342">
        <v>0</v>
      </c>
      <c r="EU36" s="342">
        <v>0</v>
      </c>
      <c r="EV36" s="342">
        <v>0</v>
      </c>
      <c r="EW36" s="342">
        <v>0</v>
      </c>
      <c r="EX36" s="342">
        <v>0</v>
      </c>
      <c r="EY36" s="343">
        <v>0</v>
      </c>
      <c r="EZ36" s="345">
        <v>0</v>
      </c>
      <c r="FA36" s="341">
        <v>0</v>
      </c>
      <c r="FB36" s="342">
        <v>0</v>
      </c>
      <c r="FC36" s="346">
        <v>0</v>
      </c>
      <c r="FD36" s="347">
        <v>0</v>
      </c>
      <c r="FE36" s="342">
        <v>0</v>
      </c>
      <c r="FF36" s="342">
        <v>0</v>
      </c>
      <c r="FG36" s="342">
        <v>0</v>
      </c>
      <c r="FH36" s="342">
        <v>0</v>
      </c>
      <c r="FI36" s="342">
        <v>0</v>
      </c>
      <c r="FJ36" s="343">
        <v>0</v>
      </c>
      <c r="FK36" s="345">
        <v>0</v>
      </c>
      <c r="FL36" s="341">
        <v>19992</v>
      </c>
      <c r="FM36" s="342">
        <v>0</v>
      </c>
      <c r="FN36" s="343">
        <v>19992</v>
      </c>
      <c r="FO36" s="341">
        <v>0</v>
      </c>
      <c r="FP36" s="342">
        <v>25920</v>
      </c>
      <c r="FQ36" s="342">
        <v>36440</v>
      </c>
      <c r="FR36" s="342">
        <v>55920</v>
      </c>
      <c r="FS36" s="342">
        <v>10600</v>
      </c>
      <c r="FT36" s="342">
        <v>0</v>
      </c>
      <c r="FU36" s="343">
        <v>128880</v>
      </c>
      <c r="FV36" s="345">
        <v>148872</v>
      </c>
      <c r="FW36" s="348">
        <v>19992</v>
      </c>
      <c r="FX36" s="342">
        <v>0</v>
      </c>
      <c r="FY36" s="346">
        <v>19992</v>
      </c>
      <c r="FZ36" s="347">
        <v>0</v>
      </c>
      <c r="GA36" s="342">
        <v>25920</v>
      </c>
      <c r="GB36" s="342">
        <v>36440</v>
      </c>
      <c r="GC36" s="342">
        <v>55920</v>
      </c>
      <c r="GD36" s="342">
        <v>10600</v>
      </c>
      <c r="GE36" s="342">
        <v>0</v>
      </c>
      <c r="GF36" s="343">
        <v>128880</v>
      </c>
      <c r="GG36" s="349">
        <v>148872</v>
      </c>
      <c r="GH36" s="348">
        <v>0</v>
      </c>
      <c r="GI36" s="342">
        <v>0</v>
      </c>
      <c r="GJ36" s="346">
        <v>0</v>
      </c>
      <c r="GK36" s="347">
        <v>0</v>
      </c>
      <c r="GL36" s="342">
        <v>0</v>
      </c>
      <c r="GM36" s="342">
        <v>0</v>
      </c>
      <c r="GN36" s="342">
        <v>0</v>
      </c>
      <c r="GO36" s="342">
        <v>0</v>
      </c>
      <c r="GP36" s="342">
        <v>0</v>
      </c>
      <c r="GQ36" s="343">
        <v>0</v>
      </c>
      <c r="GR36" s="345">
        <v>0</v>
      </c>
      <c r="GS36" s="341">
        <v>0</v>
      </c>
      <c r="GT36" s="342">
        <v>0</v>
      </c>
      <c r="GU36" s="343">
        <v>0</v>
      </c>
      <c r="GV36" s="341">
        <v>0</v>
      </c>
      <c r="GW36" s="342">
        <v>0</v>
      </c>
      <c r="GX36" s="342">
        <v>0</v>
      </c>
      <c r="GY36" s="342">
        <v>0</v>
      </c>
      <c r="GZ36" s="342">
        <v>0</v>
      </c>
      <c r="HA36" s="342">
        <v>0</v>
      </c>
      <c r="HB36" s="346">
        <v>0</v>
      </c>
      <c r="HC36" s="345">
        <v>0</v>
      </c>
      <c r="HD36" s="341">
        <v>0</v>
      </c>
      <c r="HE36" s="342">
        <v>0</v>
      </c>
      <c r="HF36" s="346">
        <v>0</v>
      </c>
      <c r="HG36" s="347">
        <v>0</v>
      </c>
      <c r="HH36" s="342">
        <v>0</v>
      </c>
      <c r="HI36" s="342">
        <v>0</v>
      </c>
      <c r="HJ36" s="342">
        <v>0</v>
      </c>
      <c r="HK36" s="342">
        <v>0</v>
      </c>
      <c r="HL36" s="342">
        <v>0</v>
      </c>
      <c r="HM36" s="343">
        <v>0</v>
      </c>
      <c r="HN36" s="344">
        <v>0</v>
      </c>
      <c r="HO36" s="348">
        <v>0</v>
      </c>
      <c r="HP36" s="342">
        <v>0</v>
      </c>
      <c r="HQ36" s="343">
        <v>0</v>
      </c>
      <c r="HR36" s="341">
        <v>0</v>
      </c>
      <c r="HS36" s="342">
        <v>0</v>
      </c>
      <c r="HT36" s="342">
        <v>0</v>
      </c>
      <c r="HU36" s="342">
        <v>0</v>
      </c>
      <c r="HV36" s="342">
        <v>0</v>
      </c>
      <c r="HW36" s="342">
        <v>0</v>
      </c>
      <c r="HX36" s="346">
        <v>0</v>
      </c>
      <c r="HY36" s="345">
        <v>0</v>
      </c>
      <c r="HZ36" s="373">
        <v>0</v>
      </c>
      <c r="IA36" s="371">
        <v>0</v>
      </c>
      <c r="IB36" s="373">
        <v>0</v>
      </c>
      <c r="IC36" s="370">
        <v>0</v>
      </c>
      <c r="ID36" s="371">
        <v>125855</v>
      </c>
      <c r="IE36" s="372">
        <v>240162</v>
      </c>
      <c r="IF36" s="373">
        <v>5102</v>
      </c>
      <c r="IG36" s="371">
        <v>404351</v>
      </c>
      <c r="IH36" s="373">
        <v>237392</v>
      </c>
      <c r="II36" s="374">
        <v>1012862</v>
      </c>
      <c r="IJ36" s="373">
        <v>1012862</v>
      </c>
      <c r="IK36" s="357">
        <v>0</v>
      </c>
      <c r="IL36" s="358">
        <v>0</v>
      </c>
      <c r="IM36" s="359">
        <v>0</v>
      </c>
      <c r="IN36" s="436">
        <v>0</v>
      </c>
      <c r="IO36" s="360">
        <v>0</v>
      </c>
      <c r="IP36" s="360">
        <v>0</v>
      </c>
      <c r="IQ36" s="360">
        <v>0</v>
      </c>
      <c r="IR36" s="360">
        <v>0</v>
      </c>
      <c r="IS36" s="360">
        <v>0</v>
      </c>
      <c r="IT36" s="361">
        <v>0</v>
      </c>
      <c r="IU36" s="362">
        <v>0</v>
      </c>
      <c r="IV36" s="363">
        <v>0</v>
      </c>
      <c r="IW36" s="360">
        <v>0</v>
      </c>
      <c r="IX36" s="364">
        <v>0</v>
      </c>
      <c r="IY36" s="436">
        <v>0</v>
      </c>
      <c r="IZ36" s="360">
        <v>0</v>
      </c>
      <c r="JA36" s="360">
        <v>0</v>
      </c>
      <c r="JB36" s="360">
        <v>0</v>
      </c>
      <c r="JC36" s="360">
        <v>0</v>
      </c>
      <c r="JD36" s="360">
        <v>0</v>
      </c>
      <c r="JE36" s="364">
        <v>0</v>
      </c>
      <c r="JF36" s="365">
        <v>0</v>
      </c>
      <c r="JG36" s="363">
        <v>0</v>
      </c>
      <c r="JH36" s="360">
        <v>0</v>
      </c>
      <c r="JI36" s="361">
        <v>0</v>
      </c>
      <c r="JJ36" s="366">
        <v>0</v>
      </c>
      <c r="JK36" s="360">
        <v>0</v>
      </c>
      <c r="JL36" s="360">
        <v>13708</v>
      </c>
      <c r="JM36" s="360">
        <v>5102</v>
      </c>
      <c r="JN36" s="360">
        <v>0</v>
      </c>
      <c r="JO36" s="360">
        <v>0</v>
      </c>
      <c r="JP36" s="364">
        <v>18810</v>
      </c>
      <c r="JQ36" s="362">
        <v>18810</v>
      </c>
      <c r="JR36" s="363">
        <v>0</v>
      </c>
      <c r="JS36" s="360">
        <v>0</v>
      </c>
      <c r="JT36" s="361">
        <v>0</v>
      </c>
      <c r="JU36" s="366">
        <v>0</v>
      </c>
      <c r="JV36" s="360">
        <v>0</v>
      </c>
      <c r="JW36" s="360">
        <v>0</v>
      </c>
      <c r="JX36" s="360">
        <v>0</v>
      </c>
      <c r="JY36" s="360">
        <v>181983</v>
      </c>
      <c r="JZ36" s="360">
        <v>0</v>
      </c>
      <c r="KA36" s="364">
        <v>181983</v>
      </c>
      <c r="KB36" s="362">
        <v>181983</v>
      </c>
      <c r="KC36" s="367">
        <v>0</v>
      </c>
      <c r="KD36" s="368">
        <v>0</v>
      </c>
      <c r="KE36" s="364">
        <v>0</v>
      </c>
      <c r="KF36" s="366">
        <v>0</v>
      </c>
      <c r="KG36" s="360">
        <v>125855</v>
      </c>
      <c r="KH36" s="360">
        <v>0</v>
      </c>
      <c r="KI36" s="360">
        <v>0</v>
      </c>
      <c r="KJ36" s="360">
        <v>0</v>
      </c>
      <c r="KK36" s="360">
        <v>0</v>
      </c>
      <c r="KL36" s="364">
        <v>125855</v>
      </c>
      <c r="KM36" s="369">
        <v>125855</v>
      </c>
      <c r="KN36" s="357">
        <v>0</v>
      </c>
      <c r="KO36" s="358">
        <v>0</v>
      </c>
      <c r="KP36" s="359">
        <v>0</v>
      </c>
      <c r="KQ36" s="436">
        <v>0</v>
      </c>
      <c r="KR36" s="360">
        <v>0</v>
      </c>
      <c r="KS36" s="360">
        <v>226454</v>
      </c>
      <c r="KT36" s="360">
        <v>0</v>
      </c>
      <c r="KU36" s="360">
        <v>222368</v>
      </c>
      <c r="KV36" s="360">
        <v>237392</v>
      </c>
      <c r="KW36" s="364">
        <v>686214</v>
      </c>
      <c r="KX36" s="362">
        <v>686214</v>
      </c>
      <c r="KY36" s="363">
        <v>0</v>
      </c>
      <c r="KZ36" s="360">
        <v>0</v>
      </c>
      <c r="LA36" s="364">
        <v>0</v>
      </c>
      <c r="LB36" s="436">
        <v>0</v>
      </c>
      <c r="LC36" s="360">
        <v>0</v>
      </c>
      <c r="LD36" s="360">
        <v>0</v>
      </c>
      <c r="LE36" s="360">
        <v>0</v>
      </c>
      <c r="LF36" s="360">
        <v>0</v>
      </c>
      <c r="LG36" s="360">
        <v>0</v>
      </c>
      <c r="LH36" s="364">
        <v>0</v>
      </c>
      <c r="LI36" s="365">
        <v>0</v>
      </c>
      <c r="LJ36" s="363">
        <v>0</v>
      </c>
      <c r="LK36" s="360">
        <v>0</v>
      </c>
      <c r="LL36" s="364">
        <v>0</v>
      </c>
      <c r="LM36" s="436">
        <v>0</v>
      </c>
      <c r="LN36" s="360">
        <v>0</v>
      </c>
      <c r="LO36" s="360">
        <v>0</v>
      </c>
      <c r="LP36" s="360">
        <v>0</v>
      </c>
      <c r="LQ36" s="360">
        <v>0</v>
      </c>
      <c r="LR36" s="360">
        <v>0</v>
      </c>
      <c r="LS36" s="364">
        <v>0</v>
      </c>
      <c r="LT36" s="362">
        <v>0</v>
      </c>
      <c r="LU36" s="363">
        <v>0</v>
      </c>
      <c r="LV36" s="360">
        <v>0</v>
      </c>
      <c r="LW36" s="364">
        <v>0</v>
      </c>
      <c r="LX36" s="436">
        <v>0</v>
      </c>
      <c r="LY36" s="360">
        <v>0</v>
      </c>
      <c r="LZ36" s="360">
        <v>0</v>
      </c>
      <c r="MA36" s="360">
        <v>0</v>
      </c>
      <c r="MB36" s="360">
        <v>0</v>
      </c>
      <c r="MC36" s="360">
        <v>0</v>
      </c>
      <c r="MD36" s="364">
        <v>0</v>
      </c>
      <c r="ME36" s="365">
        <v>0</v>
      </c>
      <c r="MF36" s="363">
        <v>0</v>
      </c>
      <c r="MG36" s="360">
        <v>0</v>
      </c>
      <c r="MH36" s="364">
        <v>0</v>
      </c>
      <c r="MI36" s="436">
        <v>0</v>
      </c>
      <c r="MJ36" s="360">
        <v>0</v>
      </c>
      <c r="MK36" s="360">
        <v>0</v>
      </c>
      <c r="ML36" s="360">
        <v>421596</v>
      </c>
      <c r="MM36" s="360">
        <v>259715</v>
      </c>
      <c r="MN36" s="360">
        <v>0</v>
      </c>
      <c r="MO36" s="364">
        <v>681311</v>
      </c>
      <c r="MP36" s="369">
        <v>681311</v>
      </c>
      <c r="MQ36" s="363">
        <v>0</v>
      </c>
      <c r="MR36" s="360">
        <v>0</v>
      </c>
      <c r="MS36" s="364">
        <v>0</v>
      </c>
      <c r="MT36" s="436">
        <v>0</v>
      </c>
      <c r="MU36" s="360">
        <v>0</v>
      </c>
      <c r="MV36" s="360">
        <v>0</v>
      </c>
      <c r="MW36" s="360">
        <v>421596</v>
      </c>
      <c r="MX36" s="360">
        <v>259715</v>
      </c>
      <c r="MY36" s="360">
        <v>0</v>
      </c>
      <c r="MZ36" s="364">
        <v>681311</v>
      </c>
      <c r="NA36" s="369">
        <v>681311</v>
      </c>
      <c r="NB36" s="363">
        <v>0</v>
      </c>
      <c r="NC36" s="360">
        <v>0</v>
      </c>
      <c r="ND36" s="364">
        <v>0</v>
      </c>
      <c r="NE36" s="436">
        <v>0</v>
      </c>
      <c r="NF36" s="360">
        <v>0</v>
      </c>
      <c r="NG36" s="360">
        <v>0</v>
      </c>
      <c r="NH36" s="360">
        <v>0</v>
      </c>
      <c r="NI36" s="360">
        <v>0</v>
      </c>
      <c r="NJ36" s="360">
        <v>0</v>
      </c>
      <c r="NK36" s="364">
        <v>0</v>
      </c>
      <c r="NL36" s="362">
        <v>0</v>
      </c>
      <c r="NM36" s="363">
        <v>0</v>
      </c>
      <c r="NN36" s="360">
        <v>0</v>
      </c>
      <c r="NO36" s="364">
        <v>0</v>
      </c>
      <c r="NP36" s="436">
        <v>0</v>
      </c>
      <c r="NQ36" s="360">
        <v>0</v>
      </c>
      <c r="NR36" s="360">
        <v>0</v>
      </c>
      <c r="NS36" s="360">
        <v>0</v>
      </c>
      <c r="NT36" s="360">
        <v>0</v>
      </c>
      <c r="NU36" s="360">
        <v>0</v>
      </c>
      <c r="NV36" s="364">
        <v>0</v>
      </c>
      <c r="NW36" s="365">
        <v>0</v>
      </c>
      <c r="NX36" s="363">
        <v>0</v>
      </c>
      <c r="NY36" s="360">
        <v>0</v>
      </c>
      <c r="NZ36" s="364">
        <v>0</v>
      </c>
      <c r="OA36" s="436">
        <v>0</v>
      </c>
      <c r="OB36" s="360">
        <v>0</v>
      </c>
      <c r="OC36" s="360">
        <v>0</v>
      </c>
      <c r="OD36" s="360">
        <v>0</v>
      </c>
      <c r="OE36" s="360">
        <v>0</v>
      </c>
      <c r="OF36" s="360">
        <v>0</v>
      </c>
      <c r="OG36" s="364">
        <v>0</v>
      </c>
      <c r="OH36" s="365">
        <v>0</v>
      </c>
      <c r="OI36" s="363">
        <v>19992</v>
      </c>
      <c r="OJ36" s="360">
        <v>0</v>
      </c>
      <c r="OK36" s="361">
        <v>19992</v>
      </c>
      <c r="OL36" s="366">
        <v>0</v>
      </c>
      <c r="OM36" s="360">
        <v>329685</v>
      </c>
      <c r="ON36" s="360">
        <v>395358</v>
      </c>
      <c r="OO36" s="360">
        <v>1023917</v>
      </c>
      <c r="OP36" s="360">
        <v>718920</v>
      </c>
      <c r="OQ36" s="360">
        <v>237392</v>
      </c>
      <c r="OR36" s="364">
        <v>2705272</v>
      </c>
      <c r="OS36" s="369">
        <v>2725264</v>
      </c>
    </row>
    <row r="37" spans="2:409" s="137" customFormat="1" ht="21" customHeight="1" x14ac:dyDescent="0.2">
      <c r="B37" s="421" t="s">
        <v>32</v>
      </c>
      <c r="C37" s="341">
        <v>0</v>
      </c>
      <c r="D37" s="342">
        <v>14400</v>
      </c>
      <c r="E37" s="383">
        <v>14400</v>
      </c>
      <c r="F37" s="385">
        <v>0</v>
      </c>
      <c r="G37" s="384">
        <v>443761</v>
      </c>
      <c r="H37" s="384">
        <v>1013702</v>
      </c>
      <c r="I37" s="384">
        <v>437015</v>
      </c>
      <c r="J37" s="384">
        <v>216885</v>
      </c>
      <c r="K37" s="384">
        <v>473248</v>
      </c>
      <c r="L37" s="385">
        <v>2584611</v>
      </c>
      <c r="M37" s="345">
        <v>2599011</v>
      </c>
      <c r="N37" s="341">
        <v>0</v>
      </c>
      <c r="O37" s="342">
        <v>0</v>
      </c>
      <c r="P37" s="343">
        <v>0</v>
      </c>
      <c r="Q37" s="341">
        <v>0</v>
      </c>
      <c r="R37" s="342">
        <v>177441</v>
      </c>
      <c r="S37" s="342">
        <v>224769</v>
      </c>
      <c r="T37" s="342">
        <v>45760</v>
      </c>
      <c r="U37" s="342">
        <v>10912</v>
      </c>
      <c r="V37" s="342">
        <v>239632</v>
      </c>
      <c r="W37" s="343">
        <v>698514</v>
      </c>
      <c r="X37" s="345">
        <v>698514</v>
      </c>
      <c r="Y37" s="341">
        <v>0</v>
      </c>
      <c r="Z37" s="342">
        <v>0</v>
      </c>
      <c r="AA37" s="343">
        <v>0</v>
      </c>
      <c r="AB37" s="341">
        <v>0</v>
      </c>
      <c r="AC37" s="342">
        <v>99664</v>
      </c>
      <c r="AD37" s="342">
        <v>73440</v>
      </c>
      <c r="AE37" s="342">
        <v>0</v>
      </c>
      <c r="AF37" s="342">
        <v>0</v>
      </c>
      <c r="AG37" s="342">
        <v>167472</v>
      </c>
      <c r="AH37" s="343">
        <v>340576</v>
      </c>
      <c r="AI37" s="345">
        <v>340576</v>
      </c>
      <c r="AJ37" s="341">
        <v>0</v>
      </c>
      <c r="AK37" s="342">
        <v>0</v>
      </c>
      <c r="AL37" s="343">
        <v>0</v>
      </c>
      <c r="AM37" s="341">
        <v>0</v>
      </c>
      <c r="AN37" s="342">
        <v>0</v>
      </c>
      <c r="AO37" s="342">
        <v>0</v>
      </c>
      <c r="AP37" s="342">
        <v>0</v>
      </c>
      <c r="AQ37" s="342">
        <v>0</v>
      </c>
      <c r="AR37" s="342">
        <v>46112</v>
      </c>
      <c r="AS37" s="343">
        <v>46112</v>
      </c>
      <c r="AT37" s="345">
        <v>46112</v>
      </c>
      <c r="AU37" s="341">
        <v>0</v>
      </c>
      <c r="AV37" s="342">
        <v>0</v>
      </c>
      <c r="AW37" s="343">
        <v>0</v>
      </c>
      <c r="AX37" s="341">
        <v>0</v>
      </c>
      <c r="AY37" s="342">
        <v>77777</v>
      </c>
      <c r="AZ37" s="342">
        <v>99585</v>
      </c>
      <c r="BA37" s="342">
        <v>0</v>
      </c>
      <c r="BB37" s="342">
        <v>0</v>
      </c>
      <c r="BC37" s="342">
        <v>0</v>
      </c>
      <c r="BD37" s="343">
        <v>177362</v>
      </c>
      <c r="BE37" s="345">
        <v>177362</v>
      </c>
      <c r="BF37" s="341">
        <v>0</v>
      </c>
      <c r="BG37" s="342">
        <v>0</v>
      </c>
      <c r="BH37" s="346">
        <v>0</v>
      </c>
      <c r="BI37" s="347">
        <v>0</v>
      </c>
      <c r="BJ37" s="342">
        <v>0</v>
      </c>
      <c r="BK37" s="342">
        <v>22944</v>
      </c>
      <c r="BL37" s="342">
        <v>0</v>
      </c>
      <c r="BM37" s="342">
        <v>0</v>
      </c>
      <c r="BN37" s="342">
        <v>0</v>
      </c>
      <c r="BO37" s="343">
        <v>22944</v>
      </c>
      <c r="BP37" s="345">
        <v>22944</v>
      </c>
      <c r="BQ37" s="341">
        <v>0</v>
      </c>
      <c r="BR37" s="342">
        <v>0</v>
      </c>
      <c r="BS37" s="343">
        <v>0</v>
      </c>
      <c r="BT37" s="341">
        <v>0</v>
      </c>
      <c r="BU37" s="342">
        <v>0</v>
      </c>
      <c r="BV37" s="342">
        <v>28800</v>
      </c>
      <c r="BW37" s="342">
        <v>45760</v>
      </c>
      <c r="BX37" s="342">
        <v>10912</v>
      </c>
      <c r="BY37" s="342">
        <v>26048</v>
      </c>
      <c r="BZ37" s="343">
        <v>111520</v>
      </c>
      <c r="CA37" s="345">
        <v>111520</v>
      </c>
      <c r="CB37" s="341">
        <v>0</v>
      </c>
      <c r="CC37" s="342">
        <v>0</v>
      </c>
      <c r="CD37" s="343">
        <v>0</v>
      </c>
      <c r="CE37" s="341">
        <v>0</v>
      </c>
      <c r="CF37" s="342">
        <v>104160</v>
      </c>
      <c r="CG37" s="342">
        <v>351624</v>
      </c>
      <c r="CH37" s="342">
        <v>180768</v>
      </c>
      <c r="CI37" s="342">
        <v>0</v>
      </c>
      <c r="CJ37" s="342">
        <v>0</v>
      </c>
      <c r="CK37" s="343">
        <v>636552</v>
      </c>
      <c r="CL37" s="345">
        <v>636552</v>
      </c>
      <c r="CM37" s="341">
        <v>0</v>
      </c>
      <c r="CN37" s="342">
        <v>0</v>
      </c>
      <c r="CO37" s="343">
        <v>0</v>
      </c>
      <c r="CP37" s="347">
        <v>0</v>
      </c>
      <c r="CQ37" s="342">
        <v>104160</v>
      </c>
      <c r="CR37" s="342">
        <v>252160</v>
      </c>
      <c r="CS37" s="342">
        <v>180768</v>
      </c>
      <c r="CT37" s="342">
        <v>0</v>
      </c>
      <c r="CU37" s="342">
        <v>0</v>
      </c>
      <c r="CV37" s="343">
        <v>537088</v>
      </c>
      <c r="CW37" s="345">
        <v>537088</v>
      </c>
      <c r="CX37" s="341">
        <v>0</v>
      </c>
      <c r="CY37" s="342">
        <v>0</v>
      </c>
      <c r="CZ37" s="343">
        <v>0</v>
      </c>
      <c r="DA37" s="341">
        <v>0</v>
      </c>
      <c r="DB37" s="342">
        <v>0</v>
      </c>
      <c r="DC37" s="342">
        <v>99464</v>
      </c>
      <c r="DD37" s="342">
        <v>0</v>
      </c>
      <c r="DE37" s="342">
        <v>0</v>
      </c>
      <c r="DF37" s="342">
        <v>0</v>
      </c>
      <c r="DG37" s="343">
        <v>99464</v>
      </c>
      <c r="DH37" s="345">
        <v>99464</v>
      </c>
      <c r="DI37" s="341">
        <v>0</v>
      </c>
      <c r="DJ37" s="342">
        <v>0</v>
      </c>
      <c r="DK37" s="346">
        <v>0</v>
      </c>
      <c r="DL37" s="347">
        <v>0</v>
      </c>
      <c r="DM37" s="342">
        <v>0</v>
      </c>
      <c r="DN37" s="342">
        <v>0</v>
      </c>
      <c r="DO37" s="342">
        <v>0</v>
      </c>
      <c r="DP37" s="342">
        <v>0</v>
      </c>
      <c r="DQ37" s="342">
        <v>0</v>
      </c>
      <c r="DR37" s="343">
        <v>0</v>
      </c>
      <c r="DS37" s="345">
        <v>0</v>
      </c>
      <c r="DT37" s="341">
        <v>0</v>
      </c>
      <c r="DU37" s="342">
        <v>0</v>
      </c>
      <c r="DV37" s="343">
        <v>0</v>
      </c>
      <c r="DW37" s="341">
        <v>0</v>
      </c>
      <c r="DX37" s="342">
        <v>0</v>
      </c>
      <c r="DY37" s="342">
        <v>0</v>
      </c>
      <c r="DZ37" s="342">
        <v>0</v>
      </c>
      <c r="EA37" s="342">
        <v>0</v>
      </c>
      <c r="EB37" s="342">
        <v>0</v>
      </c>
      <c r="EC37" s="343">
        <v>0</v>
      </c>
      <c r="ED37" s="345">
        <v>0</v>
      </c>
      <c r="EE37" s="341">
        <v>0</v>
      </c>
      <c r="EF37" s="346">
        <v>0</v>
      </c>
      <c r="EG37" s="343">
        <v>0</v>
      </c>
      <c r="EH37" s="341">
        <v>0</v>
      </c>
      <c r="EI37" s="342">
        <v>0</v>
      </c>
      <c r="EJ37" s="342">
        <v>0</v>
      </c>
      <c r="EK37" s="342">
        <v>0</v>
      </c>
      <c r="EL37" s="342">
        <v>0</v>
      </c>
      <c r="EM37" s="342">
        <v>0</v>
      </c>
      <c r="EN37" s="346">
        <v>0</v>
      </c>
      <c r="EO37" s="345">
        <v>0</v>
      </c>
      <c r="EP37" s="341">
        <v>0</v>
      </c>
      <c r="EQ37" s="342">
        <v>0</v>
      </c>
      <c r="ER37" s="346">
        <v>0</v>
      </c>
      <c r="ES37" s="347">
        <v>0</v>
      </c>
      <c r="ET37" s="342">
        <v>0</v>
      </c>
      <c r="EU37" s="342">
        <v>0</v>
      </c>
      <c r="EV37" s="342">
        <v>0</v>
      </c>
      <c r="EW37" s="342">
        <v>0</v>
      </c>
      <c r="EX37" s="342">
        <v>0</v>
      </c>
      <c r="EY37" s="343">
        <v>0</v>
      </c>
      <c r="EZ37" s="345">
        <v>0</v>
      </c>
      <c r="FA37" s="341">
        <v>0</v>
      </c>
      <c r="FB37" s="342">
        <v>0</v>
      </c>
      <c r="FC37" s="346">
        <v>0</v>
      </c>
      <c r="FD37" s="347">
        <v>0</v>
      </c>
      <c r="FE37" s="342">
        <v>0</v>
      </c>
      <c r="FF37" s="342">
        <v>0</v>
      </c>
      <c r="FG37" s="342">
        <v>0</v>
      </c>
      <c r="FH37" s="342">
        <v>0</v>
      </c>
      <c r="FI37" s="342">
        <v>0</v>
      </c>
      <c r="FJ37" s="343">
        <v>0</v>
      </c>
      <c r="FK37" s="345">
        <v>0</v>
      </c>
      <c r="FL37" s="341">
        <v>0</v>
      </c>
      <c r="FM37" s="342">
        <v>14400</v>
      </c>
      <c r="FN37" s="343">
        <v>14400</v>
      </c>
      <c r="FO37" s="341">
        <v>0</v>
      </c>
      <c r="FP37" s="342">
        <v>18560</v>
      </c>
      <c r="FQ37" s="342">
        <v>109368</v>
      </c>
      <c r="FR37" s="342">
        <v>10600</v>
      </c>
      <c r="FS37" s="342">
        <v>0</v>
      </c>
      <c r="FT37" s="342">
        <v>22080</v>
      </c>
      <c r="FU37" s="343">
        <v>160608</v>
      </c>
      <c r="FV37" s="345">
        <v>175008</v>
      </c>
      <c r="FW37" s="348">
        <v>0</v>
      </c>
      <c r="FX37" s="342">
        <v>14400</v>
      </c>
      <c r="FY37" s="346">
        <v>14400</v>
      </c>
      <c r="FZ37" s="347">
        <v>0</v>
      </c>
      <c r="GA37" s="342">
        <v>18560</v>
      </c>
      <c r="GB37" s="342">
        <v>109368</v>
      </c>
      <c r="GC37" s="342">
        <v>10600</v>
      </c>
      <c r="GD37" s="342">
        <v>0</v>
      </c>
      <c r="GE37" s="342">
        <v>22080</v>
      </c>
      <c r="GF37" s="343">
        <v>160608</v>
      </c>
      <c r="GG37" s="349">
        <v>175008</v>
      </c>
      <c r="GH37" s="348">
        <v>0</v>
      </c>
      <c r="GI37" s="342">
        <v>0</v>
      </c>
      <c r="GJ37" s="346">
        <v>0</v>
      </c>
      <c r="GK37" s="347">
        <v>0</v>
      </c>
      <c r="GL37" s="342">
        <v>0</v>
      </c>
      <c r="GM37" s="342">
        <v>0</v>
      </c>
      <c r="GN37" s="342">
        <v>0</v>
      </c>
      <c r="GO37" s="342">
        <v>0</v>
      </c>
      <c r="GP37" s="342">
        <v>0</v>
      </c>
      <c r="GQ37" s="343">
        <v>0</v>
      </c>
      <c r="GR37" s="345">
        <v>0</v>
      </c>
      <c r="GS37" s="341">
        <v>0</v>
      </c>
      <c r="GT37" s="342">
        <v>0</v>
      </c>
      <c r="GU37" s="343">
        <v>0</v>
      </c>
      <c r="GV37" s="341">
        <v>0</v>
      </c>
      <c r="GW37" s="342">
        <v>0</v>
      </c>
      <c r="GX37" s="342">
        <v>0</v>
      </c>
      <c r="GY37" s="342">
        <v>0</v>
      </c>
      <c r="GZ37" s="342">
        <v>0</v>
      </c>
      <c r="HA37" s="342">
        <v>0</v>
      </c>
      <c r="HB37" s="346">
        <v>0</v>
      </c>
      <c r="HC37" s="345">
        <v>0</v>
      </c>
      <c r="HD37" s="341">
        <v>0</v>
      </c>
      <c r="HE37" s="342">
        <v>0</v>
      </c>
      <c r="HF37" s="346">
        <v>0</v>
      </c>
      <c r="HG37" s="347">
        <v>0</v>
      </c>
      <c r="HH37" s="342">
        <v>143600</v>
      </c>
      <c r="HI37" s="342">
        <v>327941</v>
      </c>
      <c r="HJ37" s="342">
        <v>199887</v>
      </c>
      <c r="HK37" s="342">
        <v>205973</v>
      </c>
      <c r="HL37" s="342">
        <v>211536</v>
      </c>
      <c r="HM37" s="343">
        <v>1088937</v>
      </c>
      <c r="HN37" s="344">
        <v>1088937</v>
      </c>
      <c r="HO37" s="348">
        <v>0</v>
      </c>
      <c r="HP37" s="342">
        <v>0</v>
      </c>
      <c r="HQ37" s="343">
        <v>0</v>
      </c>
      <c r="HR37" s="341">
        <v>0</v>
      </c>
      <c r="HS37" s="342">
        <v>0</v>
      </c>
      <c r="HT37" s="342">
        <v>0</v>
      </c>
      <c r="HU37" s="342">
        <v>0</v>
      </c>
      <c r="HV37" s="342">
        <v>0</v>
      </c>
      <c r="HW37" s="342">
        <v>0</v>
      </c>
      <c r="HX37" s="346">
        <v>0</v>
      </c>
      <c r="HY37" s="345">
        <v>0</v>
      </c>
      <c r="HZ37" s="350">
        <v>0</v>
      </c>
      <c r="IA37" s="351">
        <v>0</v>
      </c>
      <c r="IB37" s="352">
        <v>0</v>
      </c>
      <c r="IC37" s="353">
        <v>0</v>
      </c>
      <c r="ID37" s="351">
        <v>57264</v>
      </c>
      <c r="IE37" s="354">
        <v>303213</v>
      </c>
      <c r="IF37" s="352">
        <v>417664</v>
      </c>
      <c r="IG37" s="351">
        <v>207720</v>
      </c>
      <c r="IH37" s="352">
        <v>31600</v>
      </c>
      <c r="II37" s="355">
        <v>1017461</v>
      </c>
      <c r="IJ37" s="356">
        <v>1017461</v>
      </c>
      <c r="IK37" s="357">
        <v>0</v>
      </c>
      <c r="IL37" s="358">
        <v>0</v>
      </c>
      <c r="IM37" s="359">
        <v>0</v>
      </c>
      <c r="IN37" s="436">
        <v>0</v>
      </c>
      <c r="IO37" s="360">
        <v>0</v>
      </c>
      <c r="IP37" s="360">
        <v>101056</v>
      </c>
      <c r="IQ37" s="360">
        <v>0</v>
      </c>
      <c r="IR37" s="360">
        <v>0</v>
      </c>
      <c r="IS37" s="360">
        <v>0</v>
      </c>
      <c r="IT37" s="361">
        <v>101056</v>
      </c>
      <c r="IU37" s="362">
        <v>101056</v>
      </c>
      <c r="IV37" s="363">
        <v>0</v>
      </c>
      <c r="IW37" s="360">
        <v>0</v>
      </c>
      <c r="IX37" s="364">
        <v>0</v>
      </c>
      <c r="IY37" s="436">
        <v>0</v>
      </c>
      <c r="IZ37" s="360">
        <v>0</v>
      </c>
      <c r="JA37" s="360">
        <v>0</v>
      </c>
      <c r="JB37" s="360">
        <v>0</v>
      </c>
      <c r="JC37" s="360">
        <v>0</v>
      </c>
      <c r="JD37" s="360">
        <v>0</v>
      </c>
      <c r="JE37" s="364">
        <v>0</v>
      </c>
      <c r="JF37" s="365">
        <v>0</v>
      </c>
      <c r="JG37" s="363">
        <v>0</v>
      </c>
      <c r="JH37" s="360">
        <v>0</v>
      </c>
      <c r="JI37" s="361">
        <v>0</v>
      </c>
      <c r="JJ37" s="366">
        <v>0</v>
      </c>
      <c r="JK37" s="360">
        <v>57264</v>
      </c>
      <c r="JL37" s="360">
        <v>202157</v>
      </c>
      <c r="JM37" s="360">
        <v>0</v>
      </c>
      <c r="JN37" s="360">
        <v>0</v>
      </c>
      <c r="JO37" s="360">
        <v>31600</v>
      </c>
      <c r="JP37" s="364">
        <v>291021</v>
      </c>
      <c r="JQ37" s="362">
        <v>291021</v>
      </c>
      <c r="JR37" s="363">
        <v>0</v>
      </c>
      <c r="JS37" s="360">
        <v>0</v>
      </c>
      <c r="JT37" s="361">
        <v>0</v>
      </c>
      <c r="JU37" s="366">
        <v>0</v>
      </c>
      <c r="JV37" s="360">
        <v>0</v>
      </c>
      <c r="JW37" s="360">
        <v>0</v>
      </c>
      <c r="JX37" s="360">
        <v>0</v>
      </c>
      <c r="JY37" s="360">
        <v>0</v>
      </c>
      <c r="JZ37" s="360">
        <v>0</v>
      </c>
      <c r="KA37" s="364">
        <v>0</v>
      </c>
      <c r="KB37" s="362">
        <v>0</v>
      </c>
      <c r="KC37" s="367">
        <v>0</v>
      </c>
      <c r="KD37" s="368">
        <v>0</v>
      </c>
      <c r="KE37" s="364">
        <v>0</v>
      </c>
      <c r="KF37" s="366">
        <v>0</v>
      </c>
      <c r="KG37" s="360">
        <v>0</v>
      </c>
      <c r="KH37" s="360">
        <v>0</v>
      </c>
      <c r="KI37" s="360">
        <v>0</v>
      </c>
      <c r="KJ37" s="360">
        <v>0</v>
      </c>
      <c r="KK37" s="360">
        <v>0</v>
      </c>
      <c r="KL37" s="364">
        <v>0</v>
      </c>
      <c r="KM37" s="369">
        <v>0</v>
      </c>
      <c r="KN37" s="357">
        <v>0</v>
      </c>
      <c r="KO37" s="358">
        <v>0</v>
      </c>
      <c r="KP37" s="359">
        <v>0</v>
      </c>
      <c r="KQ37" s="436">
        <v>0</v>
      </c>
      <c r="KR37" s="360">
        <v>0</v>
      </c>
      <c r="KS37" s="360">
        <v>0</v>
      </c>
      <c r="KT37" s="360">
        <v>228160</v>
      </c>
      <c r="KU37" s="360">
        <v>0</v>
      </c>
      <c r="KV37" s="360">
        <v>0</v>
      </c>
      <c r="KW37" s="364">
        <v>228160</v>
      </c>
      <c r="KX37" s="362">
        <v>228160</v>
      </c>
      <c r="KY37" s="363">
        <v>0</v>
      </c>
      <c r="KZ37" s="360">
        <v>0</v>
      </c>
      <c r="LA37" s="364">
        <v>0</v>
      </c>
      <c r="LB37" s="436">
        <v>0</v>
      </c>
      <c r="LC37" s="360">
        <v>0</v>
      </c>
      <c r="LD37" s="360">
        <v>0</v>
      </c>
      <c r="LE37" s="360">
        <v>0</v>
      </c>
      <c r="LF37" s="360">
        <v>0</v>
      </c>
      <c r="LG37" s="360">
        <v>0</v>
      </c>
      <c r="LH37" s="364">
        <v>0</v>
      </c>
      <c r="LI37" s="365">
        <v>0</v>
      </c>
      <c r="LJ37" s="363">
        <v>0</v>
      </c>
      <c r="LK37" s="360">
        <v>0</v>
      </c>
      <c r="LL37" s="364">
        <v>0</v>
      </c>
      <c r="LM37" s="436">
        <v>0</v>
      </c>
      <c r="LN37" s="360">
        <v>0</v>
      </c>
      <c r="LO37" s="360">
        <v>0</v>
      </c>
      <c r="LP37" s="360">
        <v>189504</v>
      </c>
      <c r="LQ37" s="360">
        <v>207720</v>
      </c>
      <c r="LR37" s="360">
        <v>0</v>
      </c>
      <c r="LS37" s="364">
        <v>397224</v>
      </c>
      <c r="LT37" s="362">
        <v>397224</v>
      </c>
      <c r="LU37" s="363">
        <v>0</v>
      </c>
      <c r="LV37" s="360">
        <v>0</v>
      </c>
      <c r="LW37" s="364">
        <v>0</v>
      </c>
      <c r="LX37" s="436">
        <v>0</v>
      </c>
      <c r="LY37" s="360">
        <v>0</v>
      </c>
      <c r="LZ37" s="360">
        <v>0</v>
      </c>
      <c r="MA37" s="360">
        <v>0</v>
      </c>
      <c r="MB37" s="360">
        <v>0</v>
      </c>
      <c r="MC37" s="360">
        <v>0</v>
      </c>
      <c r="MD37" s="364">
        <v>0</v>
      </c>
      <c r="ME37" s="365">
        <v>0</v>
      </c>
      <c r="MF37" s="363">
        <v>0</v>
      </c>
      <c r="MG37" s="360">
        <v>0</v>
      </c>
      <c r="MH37" s="364">
        <v>0</v>
      </c>
      <c r="MI37" s="436">
        <v>0</v>
      </c>
      <c r="MJ37" s="360">
        <v>0</v>
      </c>
      <c r="MK37" s="360">
        <v>0</v>
      </c>
      <c r="ML37" s="360">
        <v>0</v>
      </c>
      <c r="MM37" s="360">
        <v>1236263</v>
      </c>
      <c r="MN37" s="360">
        <v>294631</v>
      </c>
      <c r="MO37" s="364">
        <v>1530894</v>
      </c>
      <c r="MP37" s="369">
        <v>1530894</v>
      </c>
      <c r="MQ37" s="363">
        <v>0</v>
      </c>
      <c r="MR37" s="360">
        <v>0</v>
      </c>
      <c r="MS37" s="364">
        <v>0</v>
      </c>
      <c r="MT37" s="436">
        <v>0</v>
      </c>
      <c r="MU37" s="360">
        <v>0</v>
      </c>
      <c r="MV37" s="360">
        <v>0</v>
      </c>
      <c r="MW37" s="360">
        <v>0</v>
      </c>
      <c r="MX37" s="360">
        <v>697416</v>
      </c>
      <c r="MY37" s="360">
        <v>0</v>
      </c>
      <c r="MZ37" s="364">
        <v>697416</v>
      </c>
      <c r="NA37" s="369">
        <v>697416</v>
      </c>
      <c r="NB37" s="363">
        <v>0</v>
      </c>
      <c r="NC37" s="360">
        <v>0</v>
      </c>
      <c r="ND37" s="364">
        <v>0</v>
      </c>
      <c r="NE37" s="436">
        <v>0</v>
      </c>
      <c r="NF37" s="360">
        <v>0</v>
      </c>
      <c r="NG37" s="360">
        <v>0</v>
      </c>
      <c r="NH37" s="360">
        <v>0</v>
      </c>
      <c r="NI37" s="360">
        <v>538847</v>
      </c>
      <c r="NJ37" s="360">
        <v>294631</v>
      </c>
      <c r="NK37" s="364">
        <v>833478</v>
      </c>
      <c r="NL37" s="362">
        <v>833478</v>
      </c>
      <c r="NM37" s="363">
        <v>0</v>
      </c>
      <c r="NN37" s="360">
        <v>0</v>
      </c>
      <c r="NO37" s="364">
        <v>0</v>
      </c>
      <c r="NP37" s="436">
        <v>0</v>
      </c>
      <c r="NQ37" s="360">
        <v>0</v>
      </c>
      <c r="NR37" s="360">
        <v>0</v>
      </c>
      <c r="NS37" s="360">
        <v>0</v>
      </c>
      <c r="NT37" s="360">
        <v>0</v>
      </c>
      <c r="NU37" s="360">
        <v>0</v>
      </c>
      <c r="NV37" s="364">
        <v>0</v>
      </c>
      <c r="NW37" s="365">
        <v>0</v>
      </c>
      <c r="NX37" s="363">
        <v>0</v>
      </c>
      <c r="NY37" s="360">
        <v>0</v>
      </c>
      <c r="NZ37" s="364">
        <v>0</v>
      </c>
      <c r="OA37" s="436">
        <v>0</v>
      </c>
      <c r="OB37" s="360">
        <v>0</v>
      </c>
      <c r="OC37" s="360">
        <v>0</v>
      </c>
      <c r="OD37" s="360">
        <v>0</v>
      </c>
      <c r="OE37" s="360">
        <v>0</v>
      </c>
      <c r="OF37" s="360">
        <v>0</v>
      </c>
      <c r="OG37" s="364">
        <v>0</v>
      </c>
      <c r="OH37" s="365">
        <v>0</v>
      </c>
      <c r="OI37" s="363">
        <v>0</v>
      </c>
      <c r="OJ37" s="360">
        <v>14400</v>
      </c>
      <c r="OK37" s="361">
        <v>14400</v>
      </c>
      <c r="OL37" s="366">
        <v>0</v>
      </c>
      <c r="OM37" s="360">
        <v>501025</v>
      </c>
      <c r="ON37" s="360">
        <v>1316915</v>
      </c>
      <c r="OO37" s="360">
        <v>854679</v>
      </c>
      <c r="OP37" s="360">
        <v>1660868</v>
      </c>
      <c r="OQ37" s="360">
        <v>799479</v>
      </c>
      <c r="OR37" s="364">
        <v>5132966</v>
      </c>
      <c r="OS37" s="369">
        <v>5147366</v>
      </c>
    </row>
    <row r="38" spans="2:409" s="137" customFormat="1" ht="21" customHeight="1" x14ac:dyDescent="0.2">
      <c r="B38" s="421" t="s">
        <v>33</v>
      </c>
      <c r="C38" s="341">
        <v>44852</v>
      </c>
      <c r="D38" s="342">
        <v>62148</v>
      </c>
      <c r="E38" s="343">
        <v>107000</v>
      </c>
      <c r="F38" s="344">
        <v>0</v>
      </c>
      <c r="G38" s="342">
        <v>162143</v>
      </c>
      <c r="H38" s="342">
        <v>128227</v>
      </c>
      <c r="I38" s="342">
        <v>121301</v>
      </c>
      <c r="J38" s="342">
        <v>0</v>
      </c>
      <c r="K38" s="342">
        <v>22400</v>
      </c>
      <c r="L38" s="382">
        <v>434071</v>
      </c>
      <c r="M38" s="345">
        <v>541071</v>
      </c>
      <c r="N38" s="341">
        <v>40052</v>
      </c>
      <c r="O38" s="342">
        <v>23528</v>
      </c>
      <c r="P38" s="343">
        <v>63580</v>
      </c>
      <c r="Q38" s="341">
        <v>0</v>
      </c>
      <c r="R38" s="342">
        <v>103005</v>
      </c>
      <c r="S38" s="342">
        <v>29864</v>
      </c>
      <c r="T38" s="342">
        <v>105221</v>
      </c>
      <c r="U38" s="342">
        <v>0</v>
      </c>
      <c r="V38" s="342">
        <v>0</v>
      </c>
      <c r="W38" s="343">
        <v>238090</v>
      </c>
      <c r="X38" s="345">
        <v>301670</v>
      </c>
      <c r="Y38" s="341">
        <v>0</v>
      </c>
      <c r="Z38" s="342">
        <v>0</v>
      </c>
      <c r="AA38" s="343">
        <v>0</v>
      </c>
      <c r="AB38" s="341">
        <v>0</v>
      </c>
      <c r="AC38" s="342">
        <v>25630</v>
      </c>
      <c r="AD38" s="342">
        <v>0</v>
      </c>
      <c r="AE38" s="342">
        <v>32581</v>
      </c>
      <c r="AF38" s="342">
        <v>0</v>
      </c>
      <c r="AG38" s="342">
        <v>0</v>
      </c>
      <c r="AH38" s="343">
        <v>58211</v>
      </c>
      <c r="AI38" s="345">
        <v>58211</v>
      </c>
      <c r="AJ38" s="341">
        <v>0</v>
      </c>
      <c r="AK38" s="342">
        <v>0</v>
      </c>
      <c r="AL38" s="343">
        <v>0</v>
      </c>
      <c r="AM38" s="341">
        <v>0</v>
      </c>
      <c r="AN38" s="342">
        <v>0</v>
      </c>
      <c r="AO38" s="342">
        <v>0</v>
      </c>
      <c r="AP38" s="342">
        <v>0</v>
      </c>
      <c r="AQ38" s="342">
        <v>0</v>
      </c>
      <c r="AR38" s="342">
        <v>0</v>
      </c>
      <c r="AS38" s="343">
        <v>0</v>
      </c>
      <c r="AT38" s="345">
        <v>0</v>
      </c>
      <c r="AU38" s="341">
        <v>0</v>
      </c>
      <c r="AV38" s="342">
        <v>0</v>
      </c>
      <c r="AW38" s="343">
        <v>0</v>
      </c>
      <c r="AX38" s="341">
        <v>0</v>
      </c>
      <c r="AY38" s="342">
        <v>69103</v>
      </c>
      <c r="AZ38" s="342">
        <v>22992</v>
      </c>
      <c r="BA38" s="342">
        <v>23883</v>
      </c>
      <c r="BB38" s="342">
        <v>0</v>
      </c>
      <c r="BC38" s="342">
        <v>0</v>
      </c>
      <c r="BD38" s="343">
        <v>115978</v>
      </c>
      <c r="BE38" s="345">
        <v>115978</v>
      </c>
      <c r="BF38" s="341">
        <v>40052</v>
      </c>
      <c r="BG38" s="342">
        <v>23528</v>
      </c>
      <c r="BH38" s="346">
        <v>63580</v>
      </c>
      <c r="BI38" s="347">
        <v>0</v>
      </c>
      <c r="BJ38" s="342">
        <v>0</v>
      </c>
      <c r="BK38" s="342">
        <v>0</v>
      </c>
      <c r="BL38" s="342">
        <v>38197</v>
      </c>
      <c r="BM38" s="342">
        <v>0</v>
      </c>
      <c r="BN38" s="342">
        <v>0</v>
      </c>
      <c r="BO38" s="343">
        <v>38197</v>
      </c>
      <c r="BP38" s="345">
        <v>101777</v>
      </c>
      <c r="BQ38" s="341">
        <v>0</v>
      </c>
      <c r="BR38" s="342">
        <v>0</v>
      </c>
      <c r="BS38" s="343">
        <v>0</v>
      </c>
      <c r="BT38" s="341">
        <v>0</v>
      </c>
      <c r="BU38" s="342">
        <v>8272</v>
      </c>
      <c r="BV38" s="342">
        <v>6872</v>
      </c>
      <c r="BW38" s="342">
        <v>10560</v>
      </c>
      <c r="BX38" s="342">
        <v>0</v>
      </c>
      <c r="BY38" s="342">
        <v>0</v>
      </c>
      <c r="BZ38" s="343">
        <v>25704</v>
      </c>
      <c r="CA38" s="345">
        <v>25704</v>
      </c>
      <c r="CB38" s="341">
        <v>0</v>
      </c>
      <c r="CC38" s="342">
        <v>38620</v>
      </c>
      <c r="CD38" s="343">
        <v>38620</v>
      </c>
      <c r="CE38" s="341">
        <v>0</v>
      </c>
      <c r="CF38" s="342">
        <v>25138</v>
      </c>
      <c r="CG38" s="342">
        <v>0</v>
      </c>
      <c r="CH38" s="342">
        <v>0</v>
      </c>
      <c r="CI38" s="342">
        <v>0</v>
      </c>
      <c r="CJ38" s="342">
        <v>0</v>
      </c>
      <c r="CK38" s="343">
        <v>25138</v>
      </c>
      <c r="CL38" s="345">
        <v>63758</v>
      </c>
      <c r="CM38" s="341">
        <v>0</v>
      </c>
      <c r="CN38" s="342">
        <v>0</v>
      </c>
      <c r="CO38" s="343">
        <v>0</v>
      </c>
      <c r="CP38" s="347">
        <v>0</v>
      </c>
      <c r="CQ38" s="342">
        <v>25138</v>
      </c>
      <c r="CR38" s="342">
        <v>0</v>
      </c>
      <c r="CS38" s="342">
        <v>0</v>
      </c>
      <c r="CT38" s="342">
        <v>0</v>
      </c>
      <c r="CU38" s="342">
        <v>0</v>
      </c>
      <c r="CV38" s="343">
        <v>25138</v>
      </c>
      <c r="CW38" s="345">
        <v>25138</v>
      </c>
      <c r="CX38" s="341">
        <v>0</v>
      </c>
      <c r="CY38" s="342">
        <v>38620</v>
      </c>
      <c r="CZ38" s="343">
        <v>38620</v>
      </c>
      <c r="DA38" s="341">
        <v>0</v>
      </c>
      <c r="DB38" s="342">
        <v>0</v>
      </c>
      <c r="DC38" s="342">
        <v>0</v>
      </c>
      <c r="DD38" s="342">
        <v>0</v>
      </c>
      <c r="DE38" s="342">
        <v>0</v>
      </c>
      <c r="DF38" s="342">
        <v>0</v>
      </c>
      <c r="DG38" s="343">
        <v>0</v>
      </c>
      <c r="DH38" s="345">
        <v>38620</v>
      </c>
      <c r="DI38" s="341">
        <v>0</v>
      </c>
      <c r="DJ38" s="342">
        <v>0</v>
      </c>
      <c r="DK38" s="346">
        <v>0</v>
      </c>
      <c r="DL38" s="347">
        <v>0</v>
      </c>
      <c r="DM38" s="342">
        <v>0</v>
      </c>
      <c r="DN38" s="342">
        <v>0</v>
      </c>
      <c r="DO38" s="342">
        <v>0</v>
      </c>
      <c r="DP38" s="342">
        <v>0</v>
      </c>
      <c r="DQ38" s="342">
        <v>0</v>
      </c>
      <c r="DR38" s="343">
        <v>0</v>
      </c>
      <c r="DS38" s="345">
        <v>0</v>
      </c>
      <c r="DT38" s="341">
        <v>0</v>
      </c>
      <c r="DU38" s="342">
        <v>0</v>
      </c>
      <c r="DV38" s="343">
        <v>0</v>
      </c>
      <c r="DW38" s="341">
        <v>0</v>
      </c>
      <c r="DX38" s="342">
        <v>0</v>
      </c>
      <c r="DY38" s="342">
        <v>0</v>
      </c>
      <c r="DZ38" s="342">
        <v>0</v>
      </c>
      <c r="EA38" s="342">
        <v>0</v>
      </c>
      <c r="EB38" s="342">
        <v>0</v>
      </c>
      <c r="EC38" s="343">
        <v>0</v>
      </c>
      <c r="ED38" s="345">
        <v>0</v>
      </c>
      <c r="EE38" s="341">
        <v>0</v>
      </c>
      <c r="EF38" s="346">
        <v>0</v>
      </c>
      <c r="EG38" s="343">
        <v>0</v>
      </c>
      <c r="EH38" s="341">
        <v>0</v>
      </c>
      <c r="EI38" s="342">
        <v>0</v>
      </c>
      <c r="EJ38" s="342">
        <v>0</v>
      </c>
      <c r="EK38" s="342">
        <v>0</v>
      </c>
      <c r="EL38" s="342">
        <v>0</v>
      </c>
      <c r="EM38" s="342">
        <v>0</v>
      </c>
      <c r="EN38" s="346">
        <v>0</v>
      </c>
      <c r="EO38" s="345">
        <v>0</v>
      </c>
      <c r="EP38" s="341">
        <v>0</v>
      </c>
      <c r="EQ38" s="342">
        <v>0</v>
      </c>
      <c r="ER38" s="346">
        <v>0</v>
      </c>
      <c r="ES38" s="347">
        <v>0</v>
      </c>
      <c r="ET38" s="342">
        <v>0</v>
      </c>
      <c r="EU38" s="342">
        <v>0</v>
      </c>
      <c r="EV38" s="342">
        <v>0</v>
      </c>
      <c r="EW38" s="342">
        <v>0</v>
      </c>
      <c r="EX38" s="342">
        <v>0</v>
      </c>
      <c r="EY38" s="343">
        <v>0</v>
      </c>
      <c r="EZ38" s="345">
        <v>0</v>
      </c>
      <c r="FA38" s="341">
        <v>0</v>
      </c>
      <c r="FB38" s="342">
        <v>0</v>
      </c>
      <c r="FC38" s="346">
        <v>0</v>
      </c>
      <c r="FD38" s="347">
        <v>0</v>
      </c>
      <c r="FE38" s="342">
        <v>0</v>
      </c>
      <c r="FF38" s="342">
        <v>0</v>
      </c>
      <c r="FG38" s="342">
        <v>0</v>
      </c>
      <c r="FH38" s="342">
        <v>0</v>
      </c>
      <c r="FI38" s="342">
        <v>0</v>
      </c>
      <c r="FJ38" s="343">
        <v>0</v>
      </c>
      <c r="FK38" s="345">
        <v>0</v>
      </c>
      <c r="FL38" s="341">
        <v>4800</v>
      </c>
      <c r="FM38" s="342">
        <v>0</v>
      </c>
      <c r="FN38" s="343">
        <v>4800</v>
      </c>
      <c r="FO38" s="341">
        <v>0</v>
      </c>
      <c r="FP38" s="342">
        <v>34000</v>
      </c>
      <c r="FQ38" s="342">
        <v>0</v>
      </c>
      <c r="FR38" s="342">
        <v>16080</v>
      </c>
      <c r="FS38" s="342">
        <v>0</v>
      </c>
      <c r="FT38" s="342">
        <v>22400</v>
      </c>
      <c r="FU38" s="343">
        <v>72480</v>
      </c>
      <c r="FV38" s="345">
        <v>77280</v>
      </c>
      <c r="FW38" s="348">
        <v>4800</v>
      </c>
      <c r="FX38" s="342">
        <v>0</v>
      </c>
      <c r="FY38" s="346">
        <v>4800</v>
      </c>
      <c r="FZ38" s="347">
        <v>0</v>
      </c>
      <c r="GA38" s="342">
        <v>19600</v>
      </c>
      <c r="GB38" s="342">
        <v>0</v>
      </c>
      <c r="GC38" s="342">
        <v>16080</v>
      </c>
      <c r="GD38" s="342">
        <v>0</v>
      </c>
      <c r="GE38" s="342">
        <v>0</v>
      </c>
      <c r="GF38" s="343">
        <v>35680</v>
      </c>
      <c r="GG38" s="349">
        <v>40480</v>
      </c>
      <c r="GH38" s="348">
        <v>0</v>
      </c>
      <c r="GI38" s="342">
        <v>0</v>
      </c>
      <c r="GJ38" s="346">
        <v>0</v>
      </c>
      <c r="GK38" s="347">
        <v>0</v>
      </c>
      <c r="GL38" s="342">
        <v>14400</v>
      </c>
      <c r="GM38" s="342">
        <v>0</v>
      </c>
      <c r="GN38" s="342">
        <v>0</v>
      </c>
      <c r="GO38" s="342">
        <v>0</v>
      </c>
      <c r="GP38" s="342">
        <v>22400</v>
      </c>
      <c r="GQ38" s="343">
        <v>36800</v>
      </c>
      <c r="GR38" s="345">
        <v>36800</v>
      </c>
      <c r="GS38" s="341">
        <v>0</v>
      </c>
      <c r="GT38" s="342">
        <v>0</v>
      </c>
      <c r="GU38" s="343">
        <v>0</v>
      </c>
      <c r="GV38" s="341">
        <v>0</v>
      </c>
      <c r="GW38" s="342">
        <v>0</v>
      </c>
      <c r="GX38" s="342">
        <v>0</v>
      </c>
      <c r="GY38" s="342">
        <v>0</v>
      </c>
      <c r="GZ38" s="342">
        <v>0</v>
      </c>
      <c r="HA38" s="342">
        <v>0</v>
      </c>
      <c r="HB38" s="346">
        <v>0</v>
      </c>
      <c r="HC38" s="345">
        <v>0</v>
      </c>
      <c r="HD38" s="341">
        <v>0</v>
      </c>
      <c r="HE38" s="342">
        <v>0</v>
      </c>
      <c r="HF38" s="346">
        <v>0</v>
      </c>
      <c r="HG38" s="347">
        <v>0</v>
      </c>
      <c r="HH38" s="342">
        <v>0</v>
      </c>
      <c r="HI38" s="342">
        <v>98363</v>
      </c>
      <c r="HJ38" s="342">
        <v>0</v>
      </c>
      <c r="HK38" s="342">
        <v>0</v>
      </c>
      <c r="HL38" s="342">
        <v>0</v>
      </c>
      <c r="HM38" s="343">
        <v>98363</v>
      </c>
      <c r="HN38" s="344">
        <v>98363</v>
      </c>
      <c r="HO38" s="348">
        <v>0</v>
      </c>
      <c r="HP38" s="342">
        <v>0</v>
      </c>
      <c r="HQ38" s="343">
        <v>0</v>
      </c>
      <c r="HR38" s="341">
        <v>0</v>
      </c>
      <c r="HS38" s="342">
        <v>0</v>
      </c>
      <c r="HT38" s="342">
        <v>0</v>
      </c>
      <c r="HU38" s="342">
        <v>0</v>
      </c>
      <c r="HV38" s="342">
        <v>0</v>
      </c>
      <c r="HW38" s="342">
        <v>0</v>
      </c>
      <c r="HX38" s="346">
        <v>0</v>
      </c>
      <c r="HY38" s="345">
        <v>0</v>
      </c>
      <c r="HZ38" s="373">
        <v>0</v>
      </c>
      <c r="IA38" s="371">
        <v>0</v>
      </c>
      <c r="IB38" s="373">
        <v>0</v>
      </c>
      <c r="IC38" s="353">
        <v>0</v>
      </c>
      <c r="ID38" s="351">
        <v>186534</v>
      </c>
      <c r="IE38" s="354">
        <v>0</v>
      </c>
      <c r="IF38" s="352">
        <v>231973</v>
      </c>
      <c r="IG38" s="351">
        <v>0</v>
      </c>
      <c r="IH38" s="352">
        <v>0</v>
      </c>
      <c r="II38" s="355">
        <v>418507</v>
      </c>
      <c r="IJ38" s="373">
        <v>418507</v>
      </c>
      <c r="IK38" s="357">
        <v>0</v>
      </c>
      <c r="IL38" s="358">
        <v>0</v>
      </c>
      <c r="IM38" s="359">
        <v>0</v>
      </c>
      <c r="IN38" s="436">
        <v>0</v>
      </c>
      <c r="IO38" s="360">
        <v>0</v>
      </c>
      <c r="IP38" s="360">
        <v>0</v>
      </c>
      <c r="IQ38" s="360">
        <v>0</v>
      </c>
      <c r="IR38" s="360">
        <v>0</v>
      </c>
      <c r="IS38" s="360">
        <v>0</v>
      </c>
      <c r="IT38" s="361">
        <v>0</v>
      </c>
      <c r="IU38" s="362">
        <v>0</v>
      </c>
      <c r="IV38" s="363">
        <v>0</v>
      </c>
      <c r="IW38" s="360">
        <v>0</v>
      </c>
      <c r="IX38" s="364">
        <v>0</v>
      </c>
      <c r="IY38" s="436">
        <v>0</v>
      </c>
      <c r="IZ38" s="360">
        <v>0</v>
      </c>
      <c r="JA38" s="360">
        <v>0</v>
      </c>
      <c r="JB38" s="360">
        <v>0</v>
      </c>
      <c r="JC38" s="360">
        <v>0</v>
      </c>
      <c r="JD38" s="360">
        <v>0</v>
      </c>
      <c r="JE38" s="364">
        <v>0</v>
      </c>
      <c r="JF38" s="365">
        <v>0</v>
      </c>
      <c r="JG38" s="363">
        <v>0</v>
      </c>
      <c r="JH38" s="360">
        <v>0</v>
      </c>
      <c r="JI38" s="361">
        <v>0</v>
      </c>
      <c r="JJ38" s="366">
        <v>0</v>
      </c>
      <c r="JK38" s="360">
        <v>43723</v>
      </c>
      <c r="JL38" s="360">
        <v>0</v>
      </c>
      <c r="JM38" s="360">
        <v>0</v>
      </c>
      <c r="JN38" s="360">
        <v>0</v>
      </c>
      <c r="JO38" s="360">
        <v>0</v>
      </c>
      <c r="JP38" s="364">
        <v>43723</v>
      </c>
      <c r="JQ38" s="362">
        <v>43723</v>
      </c>
      <c r="JR38" s="363">
        <v>0</v>
      </c>
      <c r="JS38" s="360">
        <v>0</v>
      </c>
      <c r="JT38" s="361">
        <v>0</v>
      </c>
      <c r="JU38" s="366">
        <v>0</v>
      </c>
      <c r="JV38" s="360">
        <v>0</v>
      </c>
      <c r="JW38" s="360">
        <v>0</v>
      </c>
      <c r="JX38" s="360">
        <v>0</v>
      </c>
      <c r="JY38" s="360">
        <v>0</v>
      </c>
      <c r="JZ38" s="360">
        <v>0</v>
      </c>
      <c r="KA38" s="364">
        <v>0</v>
      </c>
      <c r="KB38" s="362">
        <v>0</v>
      </c>
      <c r="KC38" s="367">
        <v>0</v>
      </c>
      <c r="KD38" s="368">
        <v>0</v>
      </c>
      <c r="KE38" s="364">
        <v>0</v>
      </c>
      <c r="KF38" s="366">
        <v>0</v>
      </c>
      <c r="KG38" s="360">
        <v>0</v>
      </c>
      <c r="KH38" s="360">
        <v>0</v>
      </c>
      <c r="KI38" s="360">
        <v>0</v>
      </c>
      <c r="KJ38" s="360">
        <v>0</v>
      </c>
      <c r="KK38" s="360">
        <v>0</v>
      </c>
      <c r="KL38" s="364">
        <v>0</v>
      </c>
      <c r="KM38" s="369">
        <v>0</v>
      </c>
      <c r="KN38" s="357">
        <v>0</v>
      </c>
      <c r="KO38" s="358">
        <v>0</v>
      </c>
      <c r="KP38" s="359">
        <v>0</v>
      </c>
      <c r="KQ38" s="436">
        <v>0</v>
      </c>
      <c r="KR38" s="360">
        <v>0</v>
      </c>
      <c r="KS38" s="360">
        <v>0</v>
      </c>
      <c r="KT38" s="360">
        <v>0</v>
      </c>
      <c r="KU38" s="360">
        <v>0</v>
      </c>
      <c r="KV38" s="360">
        <v>0</v>
      </c>
      <c r="KW38" s="364">
        <v>0</v>
      </c>
      <c r="KX38" s="362">
        <v>0</v>
      </c>
      <c r="KY38" s="363">
        <v>0</v>
      </c>
      <c r="KZ38" s="360">
        <v>0</v>
      </c>
      <c r="LA38" s="364">
        <v>0</v>
      </c>
      <c r="LB38" s="436">
        <v>0</v>
      </c>
      <c r="LC38" s="360">
        <v>0</v>
      </c>
      <c r="LD38" s="360">
        <v>0</v>
      </c>
      <c r="LE38" s="360">
        <v>0</v>
      </c>
      <c r="LF38" s="360">
        <v>0</v>
      </c>
      <c r="LG38" s="360">
        <v>0</v>
      </c>
      <c r="LH38" s="364">
        <v>0</v>
      </c>
      <c r="LI38" s="365">
        <v>0</v>
      </c>
      <c r="LJ38" s="363">
        <v>0</v>
      </c>
      <c r="LK38" s="360">
        <v>0</v>
      </c>
      <c r="LL38" s="364">
        <v>0</v>
      </c>
      <c r="LM38" s="436">
        <v>0</v>
      </c>
      <c r="LN38" s="360">
        <v>0</v>
      </c>
      <c r="LO38" s="360">
        <v>0</v>
      </c>
      <c r="LP38" s="360">
        <v>0</v>
      </c>
      <c r="LQ38" s="360">
        <v>0</v>
      </c>
      <c r="LR38" s="360">
        <v>0</v>
      </c>
      <c r="LS38" s="364">
        <v>0</v>
      </c>
      <c r="LT38" s="362">
        <v>0</v>
      </c>
      <c r="LU38" s="363">
        <v>0</v>
      </c>
      <c r="LV38" s="360">
        <v>0</v>
      </c>
      <c r="LW38" s="364">
        <v>0</v>
      </c>
      <c r="LX38" s="436">
        <v>0</v>
      </c>
      <c r="LY38" s="360">
        <v>142811</v>
      </c>
      <c r="LZ38" s="360">
        <v>0</v>
      </c>
      <c r="MA38" s="360">
        <v>231973</v>
      </c>
      <c r="MB38" s="360">
        <v>0</v>
      </c>
      <c r="MC38" s="360">
        <v>0</v>
      </c>
      <c r="MD38" s="364">
        <v>374784</v>
      </c>
      <c r="ME38" s="365">
        <v>374784</v>
      </c>
      <c r="MF38" s="363">
        <v>0</v>
      </c>
      <c r="MG38" s="360">
        <v>0</v>
      </c>
      <c r="MH38" s="364">
        <v>0</v>
      </c>
      <c r="MI38" s="436">
        <v>0</v>
      </c>
      <c r="MJ38" s="360">
        <v>0</v>
      </c>
      <c r="MK38" s="360">
        <v>226383</v>
      </c>
      <c r="ML38" s="360">
        <v>0</v>
      </c>
      <c r="MM38" s="360">
        <v>0</v>
      </c>
      <c r="MN38" s="360">
        <v>0</v>
      </c>
      <c r="MO38" s="364">
        <v>226383</v>
      </c>
      <c r="MP38" s="369">
        <v>226383</v>
      </c>
      <c r="MQ38" s="363">
        <v>0</v>
      </c>
      <c r="MR38" s="360">
        <v>0</v>
      </c>
      <c r="MS38" s="364">
        <v>0</v>
      </c>
      <c r="MT38" s="436">
        <v>0</v>
      </c>
      <c r="MU38" s="360">
        <v>0</v>
      </c>
      <c r="MV38" s="360">
        <v>0</v>
      </c>
      <c r="MW38" s="360">
        <v>0</v>
      </c>
      <c r="MX38" s="360">
        <v>0</v>
      </c>
      <c r="MY38" s="360">
        <v>0</v>
      </c>
      <c r="MZ38" s="364">
        <v>0</v>
      </c>
      <c r="NA38" s="369">
        <v>0</v>
      </c>
      <c r="NB38" s="363">
        <v>0</v>
      </c>
      <c r="NC38" s="360">
        <v>0</v>
      </c>
      <c r="ND38" s="364">
        <v>0</v>
      </c>
      <c r="NE38" s="436">
        <v>0</v>
      </c>
      <c r="NF38" s="360">
        <v>0</v>
      </c>
      <c r="NG38" s="360">
        <v>0</v>
      </c>
      <c r="NH38" s="360">
        <v>0</v>
      </c>
      <c r="NI38" s="360">
        <v>0</v>
      </c>
      <c r="NJ38" s="360">
        <v>0</v>
      </c>
      <c r="NK38" s="364">
        <v>0</v>
      </c>
      <c r="NL38" s="362">
        <v>0</v>
      </c>
      <c r="NM38" s="363">
        <v>0</v>
      </c>
      <c r="NN38" s="360">
        <v>0</v>
      </c>
      <c r="NO38" s="364">
        <v>0</v>
      </c>
      <c r="NP38" s="436">
        <v>0</v>
      </c>
      <c r="NQ38" s="360">
        <v>0</v>
      </c>
      <c r="NR38" s="360">
        <v>0</v>
      </c>
      <c r="NS38" s="360">
        <v>0</v>
      </c>
      <c r="NT38" s="360">
        <v>0</v>
      </c>
      <c r="NU38" s="360">
        <v>0</v>
      </c>
      <c r="NV38" s="364">
        <v>0</v>
      </c>
      <c r="NW38" s="365">
        <v>0</v>
      </c>
      <c r="NX38" s="363">
        <v>0</v>
      </c>
      <c r="NY38" s="360">
        <v>0</v>
      </c>
      <c r="NZ38" s="364">
        <v>0</v>
      </c>
      <c r="OA38" s="436">
        <v>0</v>
      </c>
      <c r="OB38" s="360">
        <v>0</v>
      </c>
      <c r="OC38" s="360">
        <v>226383</v>
      </c>
      <c r="OD38" s="360">
        <v>0</v>
      </c>
      <c r="OE38" s="360">
        <v>0</v>
      </c>
      <c r="OF38" s="360">
        <v>0</v>
      </c>
      <c r="OG38" s="364">
        <v>226383</v>
      </c>
      <c r="OH38" s="365">
        <v>226383</v>
      </c>
      <c r="OI38" s="363">
        <v>44852</v>
      </c>
      <c r="OJ38" s="360">
        <v>62148</v>
      </c>
      <c r="OK38" s="361">
        <v>107000</v>
      </c>
      <c r="OL38" s="366">
        <v>0</v>
      </c>
      <c r="OM38" s="360">
        <v>348677</v>
      </c>
      <c r="ON38" s="360">
        <v>354610</v>
      </c>
      <c r="OO38" s="360">
        <v>353274</v>
      </c>
      <c r="OP38" s="360">
        <v>0</v>
      </c>
      <c r="OQ38" s="360">
        <v>22400</v>
      </c>
      <c r="OR38" s="364">
        <v>1078961</v>
      </c>
      <c r="OS38" s="369">
        <v>1185961</v>
      </c>
    </row>
    <row r="39" spans="2:409" s="137" customFormat="1" ht="21" customHeight="1" x14ac:dyDescent="0.2">
      <c r="B39" s="421" t="s">
        <v>34</v>
      </c>
      <c r="C39" s="341">
        <v>0</v>
      </c>
      <c r="D39" s="342">
        <v>15328</v>
      </c>
      <c r="E39" s="383">
        <v>15328</v>
      </c>
      <c r="F39" s="385">
        <v>0</v>
      </c>
      <c r="G39" s="384">
        <v>63314</v>
      </c>
      <c r="H39" s="384">
        <v>453580</v>
      </c>
      <c r="I39" s="384">
        <v>11520</v>
      </c>
      <c r="J39" s="384">
        <v>57664</v>
      </c>
      <c r="K39" s="384">
        <v>470130</v>
      </c>
      <c r="L39" s="385">
        <v>1056208</v>
      </c>
      <c r="M39" s="345">
        <v>1071536</v>
      </c>
      <c r="N39" s="341">
        <v>0</v>
      </c>
      <c r="O39" s="342">
        <v>0</v>
      </c>
      <c r="P39" s="343">
        <v>0</v>
      </c>
      <c r="Q39" s="341">
        <v>0</v>
      </c>
      <c r="R39" s="342">
        <v>32864</v>
      </c>
      <c r="S39" s="342">
        <v>92492</v>
      </c>
      <c r="T39" s="342">
        <v>0</v>
      </c>
      <c r="U39" s="342">
        <v>27104</v>
      </c>
      <c r="V39" s="342">
        <v>25688</v>
      </c>
      <c r="W39" s="343">
        <v>178148</v>
      </c>
      <c r="X39" s="345">
        <v>178148</v>
      </c>
      <c r="Y39" s="341">
        <v>0</v>
      </c>
      <c r="Z39" s="342">
        <v>0</v>
      </c>
      <c r="AA39" s="343">
        <v>0</v>
      </c>
      <c r="AB39" s="341">
        <v>0</v>
      </c>
      <c r="AC39" s="342">
        <v>0</v>
      </c>
      <c r="AD39" s="342">
        <v>0</v>
      </c>
      <c r="AE39" s="342">
        <v>0</v>
      </c>
      <c r="AF39" s="342">
        <v>0</v>
      </c>
      <c r="AG39" s="342">
        <v>0</v>
      </c>
      <c r="AH39" s="343">
        <v>0</v>
      </c>
      <c r="AI39" s="345">
        <v>0</v>
      </c>
      <c r="AJ39" s="341">
        <v>0</v>
      </c>
      <c r="AK39" s="342">
        <v>0</v>
      </c>
      <c r="AL39" s="343">
        <v>0</v>
      </c>
      <c r="AM39" s="341">
        <v>0</v>
      </c>
      <c r="AN39" s="342">
        <v>0</v>
      </c>
      <c r="AO39" s="342">
        <v>0</v>
      </c>
      <c r="AP39" s="342">
        <v>0</v>
      </c>
      <c r="AQ39" s="342">
        <v>0</v>
      </c>
      <c r="AR39" s="342">
        <v>0</v>
      </c>
      <c r="AS39" s="343">
        <v>0</v>
      </c>
      <c r="AT39" s="345">
        <v>0</v>
      </c>
      <c r="AU39" s="341">
        <v>0</v>
      </c>
      <c r="AV39" s="342">
        <v>0</v>
      </c>
      <c r="AW39" s="343">
        <v>0</v>
      </c>
      <c r="AX39" s="341">
        <v>0</v>
      </c>
      <c r="AY39" s="342">
        <v>32864</v>
      </c>
      <c r="AZ39" s="342">
        <v>57396</v>
      </c>
      <c r="BA39" s="342">
        <v>0</v>
      </c>
      <c r="BB39" s="342">
        <v>27104</v>
      </c>
      <c r="BC39" s="342">
        <v>0</v>
      </c>
      <c r="BD39" s="343">
        <v>117364</v>
      </c>
      <c r="BE39" s="345">
        <v>117364</v>
      </c>
      <c r="BF39" s="341">
        <v>0</v>
      </c>
      <c r="BG39" s="342">
        <v>0</v>
      </c>
      <c r="BH39" s="346">
        <v>0</v>
      </c>
      <c r="BI39" s="347">
        <v>0</v>
      </c>
      <c r="BJ39" s="342">
        <v>0</v>
      </c>
      <c r="BK39" s="342">
        <v>0</v>
      </c>
      <c r="BL39" s="342">
        <v>0</v>
      </c>
      <c r="BM39" s="342">
        <v>0</v>
      </c>
      <c r="BN39" s="342">
        <v>0</v>
      </c>
      <c r="BO39" s="343">
        <v>0</v>
      </c>
      <c r="BP39" s="345">
        <v>0</v>
      </c>
      <c r="BQ39" s="341">
        <v>0</v>
      </c>
      <c r="BR39" s="342">
        <v>0</v>
      </c>
      <c r="BS39" s="343">
        <v>0</v>
      </c>
      <c r="BT39" s="341">
        <v>0</v>
      </c>
      <c r="BU39" s="342">
        <v>0</v>
      </c>
      <c r="BV39" s="342">
        <v>35096</v>
      </c>
      <c r="BW39" s="342">
        <v>0</v>
      </c>
      <c r="BX39" s="342">
        <v>0</v>
      </c>
      <c r="BY39" s="342">
        <v>25688</v>
      </c>
      <c r="BZ39" s="343">
        <v>60784</v>
      </c>
      <c r="CA39" s="345">
        <v>60784</v>
      </c>
      <c r="CB39" s="341">
        <v>0</v>
      </c>
      <c r="CC39" s="342">
        <v>0</v>
      </c>
      <c r="CD39" s="343">
        <v>0</v>
      </c>
      <c r="CE39" s="341">
        <v>0</v>
      </c>
      <c r="CF39" s="342">
        <v>0</v>
      </c>
      <c r="CG39" s="342">
        <v>125368</v>
      </c>
      <c r="CH39" s="342">
        <v>0</v>
      </c>
      <c r="CI39" s="342">
        <v>0</v>
      </c>
      <c r="CJ39" s="342">
        <v>0</v>
      </c>
      <c r="CK39" s="343">
        <v>125368</v>
      </c>
      <c r="CL39" s="345">
        <v>125368</v>
      </c>
      <c r="CM39" s="341">
        <v>0</v>
      </c>
      <c r="CN39" s="342">
        <v>0</v>
      </c>
      <c r="CO39" s="343">
        <v>0</v>
      </c>
      <c r="CP39" s="347">
        <v>0</v>
      </c>
      <c r="CQ39" s="342">
        <v>0</v>
      </c>
      <c r="CR39" s="342">
        <v>125368</v>
      </c>
      <c r="CS39" s="342">
        <v>0</v>
      </c>
      <c r="CT39" s="342">
        <v>0</v>
      </c>
      <c r="CU39" s="342">
        <v>0</v>
      </c>
      <c r="CV39" s="343">
        <v>125368</v>
      </c>
      <c r="CW39" s="345">
        <v>125368</v>
      </c>
      <c r="CX39" s="341">
        <v>0</v>
      </c>
      <c r="CY39" s="342">
        <v>0</v>
      </c>
      <c r="CZ39" s="343">
        <v>0</v>
      </c>
      <c r="DA39" s="341">
        <v>0</v>
      </c>
      <c r="DB39" s="342">
        <v>0</v>
      </c>
      <c r="DC39" s="342">
        <v>0</v>
      </c>
      <c r="DD39" s="342">
        <v>0</v>
      </c>
      <c r="DE39" s="342">
        <v>0</v>
      </c>
      <c r="DF39" s="342">
        <v>0</v>
      </c>
      <c r="DG39" s="343">
        <v>0</v>
      </c>
      <c r="DH39" s="345">
        <v>0</v>
      </c>
      <c r="DI39" s="341">
        <v>0</v>
      </c>
      <c r="DJ39" s="342">
        <v>0</v>
      </c>
      <c r="DK39" s="346">
        <v>0</v>
      </c>
      <c r="DL39" s="347">
        <v>0</v>
      </c>
      <c r="DM39" s="342">
        <v>0</v>
      </c>
      <c r="DN39" s="342">
        <v>0</v>
      </c>
      <c r="DO39" s="342">
        <v>0</v>
      </c>
      <c r="DP39" s="342">
        <v>0</v>
      </c>
      <c r="DQ39" s="342">
        <v>0</v>
      </c>
      <c r="DR39" s="343">
        <v>0</v>
      </c>
      <c r="DS39" s="345">
        <v>0</v>
      </c>
      <c r="DT39" s="341">
        <v>0</v>
      </c>
      <c r="DU39" s="342">
        <v>0</v>
      </c>
      <c r="DV39" s="343">
        <v>0</v>
      </c>
      <c r="DW39" s="341">
        <v>0</v>
      </c>
      <c r="DX39" s="342">
        <v>0</v>
      </c>
      <c r="DY39" s="342">
        <v>0</v>
      </c>
      <c r="DZ39" s="342">
        <v>0</v>
      </c>
      <c r="EA39" s="342">
        <v>0</v>
      </c>
      <c r="EB39" s="342">
        <v>0</v>
      </c>
      <c r="EC39" s="343">
        <v>0</v>
      </c>
      <c r="ED39" s="345">
        <v>0</v>
      </c>
      <c r="EE39" s="341">
        <v>0</v>
      </c>
      <c r="EF39" s="346">
        <v>0</v>
      </c>
      <c r="EG39" s="343">
        <v>0</v>
      </c>
      <c r="EH39" s="341">
        <v>0</v>
      </c>
      <c r="EI39" s="342">
        <v>0</v>
      </c>
      <c r="EJ39" s="342">
        <v>0</v>
      </c>
      <c r="EK39" s="342">
        <v>0</v>
      </c>
      <c r="EL39" s="342">
        <v>0</v>
      </c>
      <c r="EM39" s="342">
        <v>0</v>
      </c>
      <c r="EN39" s="346">
        <v>0</v>
      </c>
      <c r="EO39" s="345">
        <v>0</v>
      </c>
      <c r="EP39" s="341">
        <v>0</v>
      </c>
      <c r="EQ39" s="342">
        <v>0</v>
      </c>
      <c r="ER39" s="346">
        <v>0</v>
      </c>
      <c r="ES39" s="347">
        <v>0</v>
      </c>
      <c r="ET39" s="342">
        <v>0</v>
      </c>
      <c r="EU39" s="342">
        <v>0</v>
      </c>
      <c r="EV39" s="342">
        <v>0</v>
      </c>
      <c r="EW39" s="342">
        <v>0</v>
      </c>
      <c r="EX39" s="342">
        <v>0</v>
      </c>
      <c r="EY39" s="343">
        <v>0</v>
      </c>
      <c r="EZ39" s="345">
        <v>0</v>
      </c>
      <c r="FA39" s="341">
        <v>0</v>
      </c>
      <c r="FB39" s="342">
        <v>0</v>
      </c>
      <c r="FC39" s="346">
        <v>0</v>
      </c>
      <c r="FD39" s="347">
        <v>0</v>
      </c>
      <c r="FE39" s="342">
        <v>0</v>
      </c>
      <c r="FF39" s="342">
        <v>0</v>
      </c>
      <c r="FG39" s="342">
        <v>0</v>
      </c>
      <c r="FH39" s="342">
        <v>0</v>
      </c>
      <c r="FI39" s="342">
        <v>0</v>
      </c>
      <c r="FJ39" s="343">
        <v>0</v>
      </c>
      <c r="FK39" s="345">
        <v>0</v>
      </c>
      <c r="FL39" s="341">
        <v>0</v>
      </c>
      <c r="FM39" s="342">
        <v>15328</v>
      </c>
      <c r="FN39" s="343">
        <v>15328</v>
      </c>
      <c r="FO39" s="341">
        <v>0</v>
      </c>
      <c r="FP39" s="342">
        <v>9200</v>
      </c>
      <c r="FQ39" s="342">
        <v>79248</v>
      </c>
      <c r="FR39" s="342">
        <v>11520</v>
      </c>
      <c r="FS39" s="342">
        <v>30560</v>
      </c>
      <c r="FT39" s="342">
        <v>0</v>
      </c>
      <c r="FU39" s="343">
        <v>130528</v>
      </c>
      <c r="FV39" s="345">
        <v>145856</v>
      </c>
      <c r="FW39" s="348">
        <v>0</v>
      </c>
      <c r="FX39" s="342">
        <v>15328</v>
      </c>
      <c r="FY39" s="346">
        <v>15328</v>
      </c>
      <c r="FZ39" s="347">
        <v>0</v>
      </c>
      <c r="GA39" s="342">
        <v>9200</v>
      </c>
      <c r="GB39" s="342">
        <v>79248</v>
      </c>
      <c r="GC39" s="342">
        <v>11520</v>
      </c>
      <c r="GD39" s="342">
        <v>30560</v>
      </c>
      <c r="GE39" s="342">
        <v>0</v>
      </c>
      <c r="GF39" s="343">
        <v>130528</v>
      </c>
      <c r="GG39" s="349">
        <v>145856</v>
      </c>
      <c r="GH39" s="348">
        <v>0</v>
      </c>
      <c r="GI39" s="342">
        <v>0</v>
      </c>
      <c r="GJ39" s="346">
        <v>0</v>
      </c>
      <c r="GK39" s="347">
        <v>0</v>
      </c>
      <c r="GL39" s="342">
        <v>0</v>
      </c>
      <c r="GM39" s="342">
        <v>0</v>
      </c>
      <c r="GN39" s="342">
        <v>0</v>
      </c>
      <c r="GO39" s="342">
        <v>0</v>
      </c>
      <c r="GP39" s="342">
        <v>0</v>
      </c>
      <c r="GQ39" s="343">
        <v>0</v>
      </c>
      <c r="GR39" s="345">
        <v>0</v>
      </c>
      <c r="GS39" s="341">
        <v>0</v>
      </c>
      <c r="GT39" s="342">
        <v>0</v>
      </c>
      <c r="GU39" s="343">
        <v>0</v>
      </c>
      <c r="GV39" s="341">
        <v>0</v>
      </c>
      <c r="GW39" s="342">
        <v>0</v>
      </c>
      <c r="GX39" s="342">
        <v>0</v>
      </c>
      <c r="GY39" s="342">
        <v>0</v>
      </c>
      <c r="GZ39" s="342">
        <v>0</v>
      </c>
      <c r="HA39" s="342">
        <v>0</v>
      </c>
      <c r="HB39" s="346">
        <v>0</v>
      </c>
      <c r="HC39" s="345">
        <v>0</v>
      </c>
      <c r="HD39" s="341">
        <v>0</v>
      </c>
      <c r="HE39" s="342">
        <v>0</v>
      </c>
      <c r="HF39" s="346">
        <v>0</v>
      </c>
      <c r="HG39" s="347">
        <v>0</v>
      </c>
      <c r="HH39" s="342">
        <v>21250</v>
      </c>
      <c r="HI39" s="342">
        <v>156472</v>
      </c>
      <c r="HJ39" s="342">
        <v>0</v>
      </c>
      <c r="HK39" s="342">
        <v>0</v>
      </c>
      <c r="HL39" s="342">
        <v>444442</v>
      </c>
      <c r="HM39" s="343">
        <v>622164</v>
      </c>
      <c r="HN39" s="344">
        <v>622164</v>
      </c>
      <c r="HO39" s="348">
        <v>0</v>
      </c>
      <c r="HP39" s="342">
        <v>0</v>
      </c>
      <c r="HQ39" s="343">
        <v>0</v>
      </c>
      <c r="HR39" s="341">
        <v>0</v>
      </c>
      <c r="HS39" s="342">
        <v>0</v>
      </c>
      <c r="HT39" s="342">
        <v>0</v>
      </c>
      <c r="HU39" s="342">
        <v>0</v>
      </c>
      <c r="HV39" s="342">
        <v>0</v>
      </c>
      <c r="HW39" s="342">
        <v>0</v>
      </c>
      <c r="HX39" s="346">
        <v>0</v>
      </c>
      <c r="HY39" s="345">
        <v>0</v>
      </c>
      <c r="HZ39" s="350">
        <v>0</v>
      </c>
      <c r="IA39" s="351">
        <v>0</v>
      </c>
      <c r="IB39" s="352">
        <v>0</v>
      </c>
      <c r="IC39" s="353">
        <v>0</v>
      </c>
      <c r="ID39" s="351">
        <v>57712</v>
      </c>
      <c r="IE39" s="354">
        <v>443016</v>
      </c>
      <c r="IF39" s="352">
        <v>396560</v>
      </c>
      <c r="IG39" s="351">
        <v>0</v>
      </c>
      <c r="IH39" s="352">
        <v>0</v>
      </c>
      <c r="II39" s="355">
        <v>897288</v>
      </c>
      <c r="IJ39" s="356">
        <v>897288</v>
      </c>
      <c r="IK39" s="357">
        <v>0</v>
      </c>
      <c r="IL39" s="358">
        <v>0</v>
      </c>
      <c r="IM39" s="359">
        <v>0</v>
      </c>
      <c r="IN39" s="436">
        <v>0</v>
      </c>
      <c r="IO39" s="360">
        <v>0</v>
      </c>
      <c r="IP39" s="360">
        <v>0</v>
      </c>
      <c r="IQ39" s="360">
        <v>0</v>
      </c>
      <c r="IR39" s="360">
        <v>0</v>
      </c>
      <c r="IS39" s="360">
        <v>0</v>
      </c>
      <c r="IT39" s="361">
        <v>0</v>
      </c>
      <c r="IU39" s="362">
        <v>0</v>
      </c>
      <c r="IV39" s="363">
        <v>0</v>
      </c>
      <c r="IW39" s="360">
        <v>0</v>
      </c>
      <c r="IX39" s="364">
        <v>0</v>
      </c>
      <c r="IY39" s="436">
        <v>0</v>
      </c>
      <c r="IZ39" s="360">
        <v>0</v>
      </c>
      <c r="JA39" s="360">
        <v>0</v>
      </c>
      <c r="JB39" s="360">
        <v>0</v>
      </c>
      <c r="JC39" s="360">
        <v>0</v>
      </c>
      <c r="JD39" s="360">
        <v>0</v>
      </c>
      <c r="JE39" s="364">
        <v>0</v>
      </c>
      <c r="JF39" s="365">
        <v>0</v>
      </c>
      <c r="JG39" s="363">
        <v>0</v>
      </c>
      <c r="JH39" s="360">
        <v>0</v>
      </c>
      <c r="JI39" s="361">
        <v>0</v>
      </c>
      <c r="JJ39" s="366">
        <v>0</v>
      </c>
      <c r="JK39" s="360">
        <v>57712</v>
      </c>
      <c r="JL39" s="360">
        <v>89128</v>
      </c>
      <c r="JM39" s="360">
        <v>0</v>
      </c>
      <c r="JN39" s="360">
        <v>0</v>
      </c>
      <c r="JO39" s="360">
        <v>0</v>
      </c>
      <c r="JP39" s="364">
        <v>146840</v>
      </c>
      <c r="JQ39" s="362">
        <v>146840</v>
      </c>
      <c r="JR39" s="363">
        <v>0</v>
      </c>
      <c r="JS39" s="360">
        <v>0</v>
      </c>
      <c r="JT39" s="361">
        <v>0</v>
      </c>
      <c r="JU39" s="366">
        <v>0</v>
      </c>
      <c r="JV39" s="360">
        <v>0</v>
      </c>
      <c r="JW39" s="360">
        <v>0</v>
      </c>
      <c r="JX39" s="360">
        <v>0</v>
      </c>
      <c r="JY39" s="360">
        <v>0</v>
      </c>
      <c r="JZ39" s="360">
        <v>0</v>
      </c>
      <c r="KA39" s="364">
        <v>0</v>
      </c>
      <c r="KB39" s="362">
        <v>0</v>
      </c>
      <c r="KC39" s="367">
        <v>0</v>
      </c>
      <c r="KD39" s="368">
        <v>0</v>
      </c>
      <c r="KE39" s="364">
        <v>0</v>
      </c>
      <c r="KF39" s="366">
        <v>0</v>
      </c>
      <c r="KG39" s="360">
        <v>0</v>
      </c>
      <c r="KH39" s="360">
        <v>163928</v>
      </c>
      <c r="KI39" s="360">
        <v>219712</v>
      </c>
      <c r="KJ39" s="360">
        <v>0</v>
      </c>
      <c r="KK39" s="360">
        <v>0</v>
      </c>
      <c r="KL39" s="364">
        <v>383640</v>
      </c>
      <c r="KM39" s="369">
        <v>383640</v>
      </c>
      <c r="KN39" s="357">
        <v>0</v>
      </c>
      <c r="KO39" s="358">
        <v>0</v>
      </c>
      <c r="KP39" s="359">
        <v>0</v>
      </c>
      <c r="KQ39" s="436">
        <v>0</v>
      </c>
      <c r="KR39" s="360">
        <v>0</v>
      </c>
      <c r="KS39" s="360">
        <v>0</v>
      </c>
      <c r="KT39" s="360">
        <v>0</v>
      </c>
      <c r="KU39" s="360">
        <v>0</v>
      </c>
      <c r="KV39" s="360">
        <v>0</v>
      </c>
      <c r="KW39" s="364">
        <v>0</v>
      </c>
      <c r="KX39" s="362">
        <v>0</v>
      </c>
      <c r="KY39" s="363">
        <v>0</v>
      </c>
      <c r="KZ39" s="360">
        <v>0</v>
      </c>
      <c r="LA39" s="364">
        <v>0</v>
      </c>
      <c r="LB39" s="436">
        <v>0</v>
      </c>
      <c r="LC39" s="360">
        <v>0</v>
      </c>
      <c r="LD39" s="360">
        <v>0</v>
      </c>
      <c r="LE39" s="360">
        <v>0</v>
      </c>
      <c r="LF39" s="360">
        <v>0</v>
      </c>
      <c r="LG39" s="360">
        <v>0</v>
      </c>
      <c r="LH39" s="364">
        <v>0</v>
      </c>
      <c r="LI39" s="365">
        <v>0</v>
      </c>
      <c r="LJ39" s="363">
        <v>0</v>
      </c>
      <c r="LK39" s="360">
        <v>0</v>
      </c>
      <c r="LL39" s="364">
        <v>0</v>
      </c>
      <c r="LM39" s="436">
        <v>0</v>
      </c>
      <c r="LN39" s="360">
        <v>0</v>
      </c>
      <c r="LO39" s="360">
        <v>0</v>
      </c>
      <c r="LP39" s="360">
        <v>0</v>
      </c>
      <c r="LQ39" s="360">
        <v>0</v>
      </c>
      <c r="LR39" s="360">
        <v>0</v>
      </c>
      <c r="LS39" s="364">
        <v>0</v>
      </c>
      <c r="LT39" s="362">
        <v>0</v>
      </c>
      <c r="LU39" s="363">
        <v>0</v>
      </c>
      <c r="LV39" s="360">
        <v>0</v>
      </c>
      <c r="LW39" s="364">
        <v>0</v>
      </c>
      <c r="LX39" s="436">
        <v>0</v>
      </c>
      <c r="LY39" s="360">
        <v>0</v>
      </c>
      <c r="LZ39" s="360">
        <v>189960</v>
      </c>
      <c r="MA39" s="360">
        <v>176848</v>
      </c>
      <c r="MB39" s="360">
        <v>0</v>
      </c>
      <c r="MC39" s="360">
        <v>0</v>
      </c>
      <c r="MD39" s="364">
        <v>366808</v>
      </c>
      <c r="ME39" s="365">
        <v>366808</v>
      </c>
      <c r="MF39" s="363">
        <v>0</v>
      </c>
      <c r="MG39" s="360">
        <v>0</v>
      </c>
      <c r="MH39" s="364">
        <v>0</v>
      </c>
      <c r="MI39" s="436">
        <v>0</v>
      </c>
      <c r="MJ39" s="360">
        <v>0</v>
      </c>
      <c r="MK39" s="360">
        <v>0</v>
      </c>
      <c r="ML39" s="360">
        <v>234632</v>
      </c>
      <c r="MM39" s="360">
        <v>222408</v>
      </c>
      <c r="MN39" s="360">
        <v>0</v>
      </c>
      <c r="MO39" s="364">
        <v>457040</v>
      </c>
      <c r="MP39" s="369">
        <v>457040</v>
      </c>
      <c r="MQ39" s="363">
        <v>0</v>
      </c>
      <c r="MR39" s="360">
        <v>0</v>
      </c>
      <c r="MS39" s="364">
        <v>0</v>
      </c>
      <c r="MT39" s="436">
        <v>0</v>
      </c>
      <c r="MU39" s="360">
        <v>0</v>
      </c>
      <c r="MV39" s="360">
        <v>0</v>
      </c>
      <c r="MW39" s="360">
        <v>0</v>
      </c>
      <c r="MX39" s="360">
        <v>222408</v>
      </c>
      <c r="MY39" s="360">
        <v>0</v>
      </c>
      <c r="MZ39" s="364">
        <v>222408</v>
      </c>
      <c r="NA39" s="369">
        <v>222408</v>
      </c>
      <c r="NB39" s="363">
        <v>0</v>
      </c>
      <c r="NC39" s="360">
        <v>0</v>
      </c>
      <c r="ND39" s="364">
        <v>0</v>
      </c>
      <c r="NE39" s="436">
        <v>0</v>
      </c>
      <c r="NF39" s="360">
        <v>0</v>
      </c>
      <c r="NG39" s="360">
        <v>0</v>
      </c>
      <c r="NH39" s="360">
        <v>234632</v>
      </c>
      <c r="NI39" s="360">
        <v>0</v>
      </c>
      <c r="NJ39" s="360">
        <v>0</v>
      </c>
      <c r="NK39" s="364">
        <v>234632</v>
      </c>
      <c r="NL39" s="362">
        <v>234632</v>
      </c>
      <c r="NM39" s="363">
        <v>0</v>
      </c>
      <c r="NN39" s="360">
        <v>0</v>
      </c>
      <c r="NO39" s="364">
        <v>0</v>
      </c>
      <c r="NP39" s="436">
        <v>0</v>
      </c>
      <c r="NQ39" s="360">
        <v>0</v>
      </c>
      <c r="NR39" s="360">
        <v>0</v>
      </c>
      <c r="NS39" s="360">
        <v>0</v>
      </c>
      <c r="NT39" s="360">
        <v>0</v>
      </c>
      <c r="NU39" s="360">
        <v>0</v>
      </c>
      <c r="NV39" s="364">
        <v>0</v>
      </c>
      <c r="NW39" s="365">
        <v>0</v>
      </c>
      <c r="NX39" s="363">
        <v>0</v>
      </c>
      <c r="NY39" s="360">
        <v>0</v>
      </c>
      <c r="NZ39" s="364">
        <v>0</v>
      </c>
      <c r="OA39" s="436">
        <v>0</v>
      </c>
      <c r="OB39" s="360">
        <v>0</v>
      </c>
      <c r="OC39" s="360">
        <v>0</v>
      </c>
      <c r="OD39" s="360">
        <v>0</v>
      </c>
      <c r="OE39" s="360">
        <v>0</v>
      </c>
      <c r="OF39" s="360">
        <v>0</v>
      </c>
      <c r="OG39" s="364">
        <v>0</v>
      </c>
      <c r="OH39" s="365">
        <v>0</v>
      </c>
      <c r="OI39" s="363">
        <v>0</v>
      </c>
      <c r="OJ39" s="360">
        <v>15328</v>
      </c>
      <c r="OK39" s="361">
        <v>15328</v>
      </c>
      <c r="OL39" s="366">
        <v>0</v>
      </c>
      <c r="OM39" s="360">
        <v>121026</v>
      </c>
      <c r="ON39" s="360">
        <v>896596</v>
      </c>
      <c r="OO39" s="360">
        <v>642712</v>
      </c>
      <c r="OP39" s="360">
        <v>280072</v>
      </c>
      <c r="OQ39" s="360">
        <v>470130</v>
      </c>
      <c r="OR39" s="364">
        <v>2410536</v>
      </c>
      <c r="OS39" s="369">
        <v>2425864</v>
      </c>
    </row>
    <row r="40" spans="2:409" s="137" customFormat="1" ht="21" customHeight="1" x14ac:dyDescent="0.2">
      <c r="B40" s="421" t="s">
        <v>35</v>
      </c>
      <c r="C40" s="341">
        <v>134896</v>
      </c>
      <c r="D40" s="342">
        <v>169368</v>
      </c>
      <c r="E40" s="343">
        <v>304264</v>
      </c>
      <c r="F40" s="344">
        <v>0</v>
      </c>
      <c r="G40" s="342">
        <v>1487379</v>
      </c>
      <c r="H40" s="342">
        <v>644416</v>
      </c>
      <c r="I40" s="342">
        <v>407352</v>
      </c>
      <c r="J40" s="342">
        <v>1206022</v>
      </c>
      <c r="K40" s="342">
        <v>231762</v>
      </c>
      <c r="L40" s="382">
        <v>3976931</v>
      </c>
      <c r="M40" s="345">
        <v>4281195</v>
      </c>
      <c r="N40" s="341">
        <v>35952</v>
      </c>
      <c r="O40" s="342">
        <v>65552</v>
      </c>
      <c r="P40" s="343">
        <v>101504</v>
      </c>
      <c r="Q40" s="341">
        <v>0</v>
      </c>
      <c r="R40" s="342">
        <v>278528</v>
      </c>
      <c r="S40" s="342">
        <v>89801</v>
      </c>
      <c r="T40" s="342">
        <v>79376</v>
      </c>
      <c r="U40" s="342">
        <v>286600</v>
      </c>
      <c r="V40" s="342">
        <v>2072</v>
      </c>
      <c r="W40" s="343">
        <v>736377</v>
      </c>
      <c r="X40" s="345">
        <v>837881</v>
      </c>
      <c r="Y40" s="341">
        <v>0</v>
      </c>
      <c r="Z40" s="342">
        <v>0</v>
      </c>
      <c r="AA40" s="343">
        <v>0</v>
      </c>
      <c r="AB40" s="341">
        <v>0</v>
      </c>
      <c r="AC40" s="342">
        <v>129720</v>
      </c>
      <c r="AD40" s="342">
        <v>44897</v>
      </c>
      <c r="AE40" s="342">
        <v>28224</v>
      </c>
      <c r="AF40" s="342">
        <v>142000</v>
      </c>
      <c r="AG40" s="342">
        <v>0</v>
      </c>
      <c r="AH40" s="343">
        <v>344841</v>
      </c>
      <c r="AI40" s="345">
        <v>344841</v>
      </c>
      <c r="AJ40" s="341">
        <v>0</v>
      </c>
      <c r="AK40" s="342">
        <v>0</v>
      </c>
      <c r="AL40" s="343">
        <v>0</v>
      </c>
      <c r="AM40" s="341">
        <v>0</v>
      </c>
      <c r="AN40" s="342">
        <v>0</v>
      </c>
      <c r="AO40" s="342">
        <v>0</v>
      </c>
      <c r="AP40" s="342">
        <v>0</v>
      </c>
      <c r="AQ40" s="342">
        <v>87416</v>
      </c>
      <c r="AR40" s="342">
        <v>0</v>
      </c>
      <c r="AS40" s="343">
        <v>87416</v>
      </c>
      <c r="AT40" s="345">
        <v>87416</v>
      </c>
      <c r="AU40" s="341">
        <v>0</v>
      </c>
      <c r="AV40" s="342">
        <v>0</v>
      </c>
      <c r="AW40" s="343">
        <v>0</v>
      </c>
      <c r="AX40" s="341">
        <v>0</v>
      </c>
      <c r="AY40" s="342">
        <v>31528</v>
      </c>
      <c r="AZ40" s="342">
        <v>0</v>
      </c>
      <c r="BA40" s="342">
        <v>41552</v>
      </c>
      <c r="BB40" s="342">
        <v>0</v>
      </c>
      <c r="BC40" s="342">
        <v>0</v>
      </c>
      <c r="BD40" s="343">
        <v>73080</v>
      </c>
      <c r="BE40" s="345">
        <v>73080</v>
      </c>
      <c r="BF40" s="341">
        <v>25040</v>
      </c>
      <c r="BG40" s="342">
        <v>60096</v>
      </c>
      <c r="BH40" s="346">
        <v>85136</v>
      </c>
      <c r="BI40" s="347">
        <v>0</v>
      </c>
      <c r="BJ40" s="342">
        <v>29760</v>
      </c>
      <c r="BK40" s="342">
        <v>0</v>
      </c>
      <c r="BL40" s="342">
        <v>0</v>
      </c>
      <c r="BM40" s="342">
        <v>0</v>
      </c>
      <c r="BN40" s="342">
        <v>0</v>
      </c>
      <c r="BO40" s="343">
        <v>29760</v>
      </c>
      <c r="BP40" s="345">
        <v>114896</v>
      </c>
      <c r="BQ40" s="341">
        <v>10912</v>
      </c>
      <c r="BR40" s="342">
        <v>5456</v>
      </c>
      <c r="BS40" s="343">
        <v>16368</v>
      </c>
      <c r="BT40" s="341">
        <v>0</v>
      </c>
      <c r="BU40" s="342">
        <v>87520</v>
      </c>
      <c r="BV40" s="342">
        <v>44904</v>
      </c>
      <c r="BW40" s="342">
        <v>9600</v>
      </c>
      <c r="BX40" s="342">
        <v>57184</v>
      </c>
      <c r="BY40" s="342">
        <v>2072</v>
      </c>
      <c r="BZ40" s="343">
        <v>201280</v>
      </c>
      <c r="CA40" s="345">
        <v>217648</v>
      </c>
      <c r="CB40" s="341">
        <v>41456</v>
      </c>
      <c r="CC40" s="342">
        <v>0</v>
      </c>
      <c r="CD40" s="343">
        <v>41456</v>
      </c>
      <c r="CE40" s="341">
        <v>0</v>
      </c>
      <c r="CF40" s="342">
        <v>393091</v>
      </c>
      <c r="CG40" s="342">
        <v>178615</v>
      </c>
      <c r="CH40" s="342">
        <v>221808</v>
      </c>
      <c r="CI40" s="342">
        <v>120832</v>
      </c>
      <c r="CJ40" s="342">
        <v>0</v>
      </c>
      <c r="CK40" s="343">
        <v>914346</v>
      </c>
      <c r="CL40" s="345">
        <v>955802</v>
      </c>
      <c r="CM40" s="341">
        <v>0</v>
      </c>
      <c r="CN40" s="342">
        <v>0</v>
      </c>
      <c r="CO40" s="343">
        <v>0</v>
      </c>
      <c r="CP40" s="347">
        <v>0</v>
      </c>
      <c r="CQ40" s="342">
        <v>187968</v>
      </c>
      <c r="CR40" s="342">
        <v>178615</v>
      </c>
      <c r="CS40" s="342">
        <v>195096</v>
      </c>
      <c r="CT40" s="342">
        <v>0</v>
      </c>
      <c r="CU40" s="342">
        <v>0</v>
      </c>
      <c r="CV40" s="343">
        <v>561679</v>
      </c>
      <c r="CW40" s="345">
        <v>561679</v>
      </c>
      <c r="CX40" s="341">
        <v>41456</v>
      </c>
      <c r="CY40" s="342">
        <v>0</v>
      </c>
      <c r="CZ40" s="343">
        <v>41456</v>
      </c>
      <c r="DA40" s="341">
        <v>0</v>
      </c>
      <c r="DB40" s="342">
        <v>205123</v>
      </c>
      <c r="DC40" s="342">
        <v>0</v>
      </c>
      <c r="DD40" s="342">
        <v>26712</v>
      </c>
      <c r="DE40" s="342">
        <v>120832</v>
      </c>
      <c r="DF40" s="342">
        <v>0</v>
      </c>
      <c r="DG40" s="343">
        <v>352667</v>
      </c>
      <c r="DH40" s="345">
        <v>394123</v>
      </c>
      <c r="DI40" s="341">
        <v>0</v>
      </c>
      <c r="DJ40" s="342">
        <v>0</v>
      </c>
      <c r="DK40" s="346">
        <v>0</v>
      </c>
      <c r="DL40" s="347">
        <v>0</v>
      </c>
      <c r="DM40" s="342">
        <v>50648</v>
      </c>
      <c r="DN40" s="342">
        <v>0</v>
      </c>
      <c r="DO40" s="342">
        <v>0</v>
      </c>
      <c r="DP40" s="342">
        <v>0</v>
      </c>
      <c r="DQ40" s="342">
        <v>0</v>
      </c>
      <c r="DR40" s="343">
        <v>50648</v>
      </c>
      <c r="DS40" s="345">
        <v>50648</v>
      </c>
      <c r="DT40" s="341">
        <v>0</v>
      </c>
      <c r="DU40" s="342">
        <v>0</v>
      </c>
      <c r="DV40" s="343">
        <v>0</v>
      </c>
      <c r="DW40" s="341">
        <v>0</v>
      </c>
      <c r="DX40" s="342">
        <v>50648</v>
      </c>
      <c r="DY40" s="342">
        <v>0</v>
      </c>
      <c r="DZ40" s="342">
        <v>0</v>
      </c>
      <c r="EA40" s="342">
        <v>0</v>
      </c>
      <c r="EB40" s="342">
        <v>0</v>
      </c>
      <c r="EC40" s="343">
        <v>50648</v>
      </c>
      <c r="ED40" s="345">
        <v>50648</v>
      </c>
      <c r="EE40" s="341">
        <v>0</v>
      </c>
      <c r="EF40" s="346">
        <v>0</v>
      </c>
      <c r="EG40" s="343">
        <v>0</v>
      </c>
      <c r="EH40" s="341">
        <v>0</v>
      </c>
      <c r="EI40" s="342">
        <v>0</v>
      </c>
      <c r="EJ40" s="342">
        <v>0</v>
      </c>
      <c r="EK40" s="342">
        <v>0</v>
      </c>
      <c r="EL40" s="342">
        <v>0</v>
      </c>
      <c r="EM40" s="342">
        <v>0</v>
      </c>
      <c r="EN40" s="346">
        <v>0</v>
      </c>
      <c r="EO40" s="345">
        <v>0</v>
      </c>
      <c r="EP40" s="341">
        <v>0</v>
      </c>
      <c r="EQ40" s="342">
        <v>0</v>
      </c>
      <c r="ER40" s="346">
        <v>0</v>
      </c>
      <c r="ES40" s="347">
        <v>0</v>
      </c>
      <c r="ET40" s="342">
        <v>0</v>
      </c>
      <c r="EU40" s="342">
        <v>0</v>
      </c>
      <c r="EV40" s="342">
        <v>0</v>
      </c>
      <c r="EW40" s="342">
        <v>0</v>
      </c>
      <c r="EX40" s="342">
        <v>0</v>
      </c>
      <c r="EY40" s="343">
        <v>0</v>
      </c>
      <c r="EZ40" s="345">
        <v>0</v>
      </c>
      <c r="FA40" s="341">
        <v>0</v>
      </c>
      <c r="FB40" s="342">
        <v>0</v>
      </c>
      <c r="FC40" s="346">
        <v>0</v>
      </c>
      <c r="FD40" s="347">
        <v>0</v>
      </c>
      <c r="FE40" s="342">
        <v>0</v>
      </c>
      <c r="FF40" s="342">
        <v>0</v>
      </c>
      <c r="FG40" s="342">
        <v>0</v>
      </c>
      <c r="FH40" s="342">
        <v>0</v>
      </c>
      <c r="FI40" s="342">
        <v>0</v>
      </c>
      <c r="FJ40" s="343">
        <v>0</v>
      </c>
      <c r="FK40" s="345">
        <v>0</v>
      </c>
      <c r="FL40" s="341">
        <v>3200</v>
      </c>
      <c r="FM40" s="342">
        <v>16160</v>
      </c>
      <c r="FN40" s="343">
        <v>19360</v>
      </c>
      <c r="FO40" s="341">
        <v>0</v>
      </c>
      <c r="FP40" s="342">
        <v>13600</v>
      </c>
      <c r="FQ40" s="342">
        <v>31984</v>
      </c>
      <c r="FR40" s="342">
        <v>106168</v>
      </c>
      <c r="FS40" s="342">
        <v>42480</v>
      </c>
      <c r="FT40" s="342">
        <v>0</v>
      </c>
      <c r="FU40" s="343">
        <v>194232</v>
      </c>
      <c r="FV40" s="345">
        <v>213592</v>
      </c>
      <c r="FW40" s="348">
        <v>3200</v>
      </c>
      <c r="FX40" s="342">
        <v>16160</v>
      </c>
      <c r="FY40" s="346">
        <v>19360</v>
      </c>
      <c r="FZ40" s="347">
        <v>0</v>
      </c>
      <c r="GA40" s="342">
        <v>13600</v>
      </c>
      <c r="GB40" s="342">
        <v>31984</v>
      </c>
      <c r="GC40" s="342">
        <v>106168</v>
      </c>
      <c r="GD40" s="342">
        <v>42480</v>
      </c>
      <c r="GE40" s="342">
        <v>0</v>
      </c>
      <c r="GF40" s="343">
        <v>194232</v>
      </c>
      <c r="GG40" s="349">
        <v>213592</v>
      </c>
      <c r="GH40" s="348">
        <v>0</v>
      </c>
      <c r="GI40" s="342">
        <v>0</v>
      </c>
      <c r="GJ40" s="346">
        <v>0</v>
      </c>
      <c r="GK40" s="347">
        <v>0</v>
      </c>
      <c r="GL40" s="342">
        <v>0</v>
      </c>
      <c r="GM40" s="342">
        <v>0</v>
      </c>
      <c r="GN40" s="342">
        <v>0</v>
      </c>
      <c r="GO40" s="342">
        <v>0</v>
      </c>
      <c r="GP40" s="342">
        <v>0</v>
      </c>
      <c r="GQ40" s="343">
        <v>0</v>
      </c>
      <c r="GR40" s="345">
        <v>0</v>
      </c>
      <c r="GS40" s="341">
        <v>0</v>
      </c>
      <c r="GT40" s="342">
        <v>0</v>
      </c>
      <c r="GU40" s="343">
        <v>0</v>
      </c>
      <c r="GV40" s="341">
        <v>0</v>
      </c>
      <c r="GW40" s="342">
        <v>0</v>
      </c>
      <c r="GX40" s="342">
        <v>0</v>
      </c>
      <c r="GY40" s="342">
        <v>0</v>
      </c>
      <c r="GZ40" s="342">
        <v>0</v>
      </c>
      <c r="HA40" s="342">
        <v>0</v>
      </c>
      <c r="HB40" s="346">
        <v>0</v>
      </c>
      <c r="HC40" s="345">
        <v>0</v>
      </c>
      <c r="HD40" s="341">
        <v>54288</v>
      </c>
      <c r="HE40" s="342">
        <v>87656</v>
      </c>
      <c r="HF40" s="346">
        <v>141944</v>
      </c>
      <c r="HG40" s="347">
        <v>0</v>
      </c>
      <c r="HH40" s="342">
        <v>751512</v>
      </c>
      <c r="HI40" s="342">
        <v>344016</v>
      </c>
      <c r="HJ40" s="342">
        <v>0</v>
      </c>
      <c r="HK40" s="342">
        <v>756110</v>
      </c>
      <c r="HL40" s="342">
        <v>229690</v>
      </c>
      <c r="HM40" s="343">
        <v>2081328</v>
      </c>
      <c r="HN40" s="344">
        <v>2223272</v>
      </c>
      <c r="HO40" s="348">
        <v>0</v>
      </c>
      <c r="HP40" s="342">
        <v>0</v>
      </c>
      <c r="HQ40" s="343">
        <v>0</v>
      </c>
      <c r="HR40" s="341">
        <v>0</v>
      </c>
      <c r="HS40" s="342">
        <v>0</v>
      </c>
      <c r="HT40" s="342">
        <v>0</v>
      </c>
      <c r="HU40" s="342">
        <v>0</v>
      </c>
      <c r="HV40" s="342">
        <v>0</v>
      </c>
      <c r="HW40" s="342">
        <v>0</v>
      </c>
      <c r="HX40" s="346">
        <v>0</v>
      </c>
      <c r="HY40" s="345">
        <v>0</v>
      </c>
      <c r="HZ40" s="373">
        <v>0</v>
      </c>
      <c r="IA40" s="371">
        <v>0</v>
      </c>
      <c r="IB40" s="373">
        <v>0</v>
      </c>
      <c r="IC40" s="353">
        <v>0</v>
      </c>
      <c r="ID40" s="351">
        <v>0</v>
      </c>
      <c r="IE40" s="354">
        <v>547488</v>
      </c>
      <c r="IF40" s="352">
        <v>118200</v>
      </c>
      <c r="IG40" s="351">
        <v>0</v>
      </c>
      <c r="IH40" s="352">
        <v>0</v>
      </c>
      <c r="II40" s="355">
        <v>665688</v>
      </c>
      <c r="IJ40" s="373">
        <v>665688</v>
      </c>
      <c r="IK40" s="357">
        <v>0</v>
      </c>
      <c r="IL40" s="358">
        <v>0</v>
      </c>
      <c r="IM40" s="359">
        <v>0</v>
      </c>
      <c r="IN40" s="436">
        <v>0</v>
      </c>
      <c r="IO40" s="360">
        <v>0</v>
      </c>
      <c r="IP40" s="360">
        <v>0</v>
      </c>
      <c r="IQ40" s="360">
        <v>118200</v>
      </c>
      <c r="IR40" s="360">
        <v>0</v>
      </c>
      <c r="IS40" s="360">
        <v>0</v>
      </c>
      <c r="IT40" s="361">
        <v>118200</v>
      </c>
      <c r="IU40" s="362">
        <v>118200</v>
      </c>
      <c r="IV40" s="363">
        <v>0</v>
      </c>
      <c r="IW40" s="360">
        <v>0</v>
      </c>
      <c r="IX40" s="364">
        <v>0</v>
      </c>
      <c r="IY40" s="436">
        <v>0</v>
      </c>
      <c r="IZ40" s="360">
        <v>0</v>
      </c>
      <c r="JA40" s="360">
        <v>0</v>
      </c>
      <c r="JB40" s="360">
        <v>0</v>
      </c>
      <c r="JC40" s="360">
        <v>0</v>
      </c>
      <c r="JD40" s="360">
        <v>0</v>
      </c>
      <c r="JE40" s="364">
        <v>0</v>
      </c>
      <c r="JF40" s="365">
        <v>0</v>
      </c>
      <c r="JG40" s="363">
        <v>0</v>
      </c>
      <c r="JH40" s="360">
        <v>0</v>
      </c>
      <c r="JI40" s="361">
        <v>0</v>
      </c>
      <c r="JJ40" s="366">
        <v>0</v>
      </c>
      <c r="JK40" s="360">
        <v>0</v>
      </c>
      <c r="JL40" s="360">
        <v>156048</v>
      </c>
      <c r="JM40" s="360">
        <v>0</v>
      </c>
      <c r="JN40" s="360">
        <v>0</v>
      </c>
      <c r="JO40" s="360">
        <v>0</v>
      </c>
      <c r="JP40" s="364">
        <v>156048</v>
      </c>
      <c r="JQ40" s="362">
        <v>156048</v>
      </c>
      <c r="JR40" s="363">
        <v>0</v>
      </c>
      <c r="JS40" s="360">
        <v>0</v>
      </c>
      <c r="JT40" s="361">
        <v>0</v>
      </c>
      <c r="JU40" s="366">
        <v>0</v>
      </c>
      <c r="JV40" s="360">
        <v>0</v>
      </c>
      <c r="JW40" s="360">
        <v>0</v>
      </c>
      <c r="JX40" s="360">
        <v>0</v>
      </c>
      <c r="JY40" s="360">
        <v>0</v>
      </c>
      <c r="JZ40" s="360">
        <v>0</v>
      </c>
      <c r="KA40" s="364">
        <v>0</v>
      </c>
      <c r="KB40" s="362">
        <v>0</v>
      </c>
      <c r="KC40" s="367">
        <v>0</v>
      </c>
      <c r="KD40" s="368">
        <v>0</v>
      </c>
      <c r="KE40" s="364">
        <v>0</v>
      </c>
      <c r="KF40" s="366">
        <v>0</v>
      </c>
      <c r="KG40" s="360">
        <v>0</v>
      </c>
      <c r="KH40" s="360">
        <v>169720</v>
      </c>
      <c r="KI40" s="360">
        <v>0</v>
      </c>
      <c r="KJ40" s="360">
        <v>0</v>
      </c>
      <c r="KK40" s="360">
        <v>0</v>
      </c>
      <c r="KL40" s="364">
        <v>169720</v>
      </c>
      <c r="KM40" s="369">
        <v>169720</v>
      </c>
      <c r="KN40" s="357">
        <v>0</v>
      </c>
      <c r="KO40" s="358">
        <v>0</v>
      </c>
      <c r="KP40" s="359">
        <v>0</v>
      </c>
      <c r="KQ40" s="436">
        <v>0</v>
      </c>
      <c r="KR40" s="360">
        <v>0</v>
      </c>
      <c r="KS40" s="360">
        <v>221720</v>
      </c>
      <c r="KT40" s="360">
        <v>0</v>
      </c>
      <c r="KU40" s="360">
        <v>0</v>
      </c>
      <c r="KV40" s="360">
        <v>0</v>
      </c>
      <c r="KW40" s="364">
        <v>221720</v>
      </c>
      <c r="KX40" s="362">
        <v>221720</v>
      </c>
      <c r="KY40" s="363">
        <v>0</v>
      </c>
      <c r="KZ40" s="360">
        <v>0</v>
      </c>
      <c r="LA40" s="364">
        <v>0</v>
      </c>
      <c r="LB40" s="436">
        <v>0</v>
      </c>
      <c r="LC40" s="360">
        <v>0</v>
      </c>
      <c r="LD40" s="360">
        <v>0</v>
      </c>
      <c r="LE40" s="360">
        <v>0</v>
      </c>
      <c r="LF40" s="360">
        <v>0</v>
      </c>
      <c r="LG40" s="360">
        <v>0</v>
      </c>
      <c r="LH40" s="364">
        <v>0</v>
      </c>
      <c r="LI40" s="365">
        <v>0</v>
      </c>
      <c r="LJ40" s="363">
        <v>0</v>
      </c>
      <c r="LK40" s="360">
        <v>0</v>
      </c>
      <c r="LL40" s="364">
        <v>0</v>
      </c>
      <c r="LM40" s="436">
        <v>0</v>
      </c>
      <c r="LN40" s="360">
        <v>0</v>
      </c>
      <c r="LO40" s="360">
        <v>0</v>
      </c>
      <c r="LP40" s="360">
        <v>0</v>
      </c>
      <c r="LQ40" s="360">
        <v>0</v>
      </c>
      <c r="LR40" s="360">
        <v>0</v>
      </c>
      <c r="LS40" s="364">
        <v>0</v>
      </c>
      <c r="LT40" s="362">
        <v>0</v>
      </c>
      <c r="LU40" s="363">
        <v>0</v>
      </c>
      <c r="LV40" s="360">
        <v>0</v>
      </c>
      <c r="LW40" s="364">
        <v>0</v>
      </c>
      <c r="LX40" s="436">
        <v>0</v>
      </c>
      <c r="LY40" s="360">
        <v>0</v>
      </c>
      <c r="LZ40" s="360">
        <v>0</v>
      </c>
      <c r="MA40" s="360">
        <v>0</v>
      </c>
      <c r="MB40" s="360">
        <v>0</v>
      </c>
      <c r="MC40" s="360">
        <v>0</v>
      </c>
      <c r="MD40" s="364">
        <v>0</v>
      </c>
      <c r="ME40" s="365">
        <v>0</v>
      </c>
      <c r="MF40" s="363">
        <v>0</v>
      </c>
      <c r="MG40" s="360">
        <v>0</v>
      </c>
      <c r="MH40" s="364">
        <v>0</v>
      </c>
      <c r="MI40" s="436">
        <v>0</v>
      </c>
      <c r="MJ40" s="360">
        <v>354944</v>
      </c>
      <c r="MK40" s="360">
        <v>237912</v>
      </c>
      <c r="ML40" s="360">
        <v>582716</v>
      </c>
      <c r="MM40" s="360">
        <v>248016</v>
      </c>
      <c r="MN40" s="360">
        <v>505440</v>
      </c>
      <c r="MO40" s="364">
        <v>1929028</v>
      </c>
      <c r="MP40" s="369">
        <v>1929028</v>
      </c>
      <c r="MQ40" s="363">
        <v>0</v>
      </c>
      <c r="MR40" s="360">
        <v>0</v>
      </c>
      <c r="MS40" s="364">
        <v>0</v>
      </c>
      <c r="MT40" s="436">
        <v>0</v>
      </c>
      <c r="MU40" s="360">
        <v>0</v>
      </c>
      <c r="MV40" s="360">
        <v>0</v>
      </c>
      <c r="MW40" s="360">
        <v>0</v>
      </c>
      <c r="MX40" s="360">
        <v>248016</v>
      </c>
      <c r="MY40" s="360">
        <v>505440</v>
      </c>
      <c r="MZ40" s="364">
        <v>753456</v>
      </c>
      <c r="NA40" s="369">
        <v>753456</v>
      </c>
      <c r="NB40" s="363">
        <v>0</v>
      </c>
      <c r="NC40" s="360">
        <v>0</v>
      </c>
      <c r="ND40" s="364">
        <v>0</v>
      </c>
      <c r="NE40" s="436">
        <v>0</v>
      </c>
      <c r="NF40" s="360">
        <v>354944</v>
      </c>
      <c r="NG40" s="360">
        <v>237912</v>
      </c>
      <c r="NH40" s="360">
        <v>582716</v>
      </c>
      <c r="NI40" s="360">
        <v>0</v>
      </c>
      <c r="NJ40" s="360">
        <v>0</v>
      </c>
      <c r="NK40" s="364">
        <v>1175572</v>
      </c>
      <c r="NL40" s="362">
        <v>1175572</v>
      </c>
      <c r="NM40" s="363">
        <v>0</v>
      </c>
      <c r="NN40" s="360">
        <v>0</v>
      </c>
      <c r="NO40" s="364">
        <v>0</v>
      </c>
      <c r="NP40" s="436">
        <v>0</v>
      </c>
      <c r="NQ40" s="360">
        <v>0</v>
      </c>
      <c r="NR40" s="360">
        <v>0</v>
      </c>
      <c r="NS40" s="360">
        <v>0</v>
      </c>
      <c r="NT40" s="360">
        <v>0</v>
      </c>
      <c r="NU40" s="360">
        <v>0</v>
      </c>
      <c r="NV40" s="364">
        <v>0</v>
      </c>
      <c r="NW40" s="365">
        <v>0</v>
      </c>
      <c r="NX40" s="363">
        <v>0</v>
      </c>
      <c r="NY40" s="360">
        <v>0</v>
      </c>
      <c r="NZ40" s="364">
        <v>0</v>
      </c>
      <c r="OA40" s="436">
        <v>0</v>
      </c>
      <c r="OB40" s="360">
        <v>0</v>
      </c>
      <c r="OC40" s="360">
        <v>0</v>
      </c>
      <c r="OD40" s="360">
        <v>0</v>
      </c>
      <c r="OE40" s="360">
        <v>0</v>
      </c>
      <c r="OF40" s="360">
        <v>0</v>
      </c>
      <c r="OG40" s="364">
        <v>0</v>
      </c>
      <c r="OH40" s="365">
        <v>0</v>
      </c>
      <c r="OI40" s="363">
        <v>134896</v>
      </c>
      <c r="OJ40" s="360">
        <v>169368</v>
      </c>
      <c r="OK40" s="361">
        <v>304264</v>
      </c>
      <c r="OL40" s="366">
        <v>0</v>
      </c>
      <c r="OM40" s="360">
        <v>1842323</v>
      </c>
      <c r="ON40" s="360">
        <v>1429816</v>
      </c>
      <c r="OO40" s="360">
        <v>1108268</v>
      </c>
      <c r="OP40" s="360">
        <v>1454038</v>
      </c>
      <c r="OQ40" s="360">
        <v>737202</v>
      </c>
      <c r="OR40" s="364">
        <v>6571647</v>
      </c>
      <c r="OS40" s="369">
        <v>6875911</v>
      </c>
    </row>
    <row r="41" spans="2:409" s="137" customFormat="1" ht="21" customHeight="1" x14ac:dyDescent="0.2">
      <c r="B41" s="421" t="s">
        <v>36</v>
      </c>
      <c r="C41" s="341">
        <v>23318</v>
      </c>
      <c r="D41" s="342">
        <v>91374</v>
      </c>
      <c r="E41" s="343">
        <v>114692</v>
      </c>
      <c r="F41" s="344">
        <v>0</v>
      </c>
      <c r="G41" s="342">
        <v>550743</v>
      </c>
      <c r="H41" s="342">
        <v>354150</v>
      </c>
      <c r="I41" s="342">
        <v>211932</v>
      </c>
      <c r="J41" s="342">
        <v>579292</v>
      </c>
      <c r="K41" s="342">
        <v>411102</v>
      </c>
      <c r="L41" s="382">
        <v>2107219</v>
      </c>
      <c r="M41" s="345">
        <v>2221911</v>
      </c>
      <c r="N41" s="341">
        <v>0</v>
      </c>
      <c r="O41" s="342">
        <v>44478</v>
      </c>
      <c r="P41" s="343">
        <v>44478</v>
      </c>
      <c r="Q41" s="341">
        <v>0</v>
      </c>
      <c r="R41" s="342">
        <v>122170</v>
      </c>
      <c r="S41" s="342">
        <v>41220</v>
      </c>
      <c r="T41" s="342">
        <v>174812</v>
      </c>
      <c r="U41" s="342">
        <v>151733</v>
      </c>
      <c r="V41" s="342">
        <v>333702</v>
      </c>
      <c r="W41" s="343">
        <v>823637</v>
      </c>
      <c r="X41" s="345">
        <v>868115</v>
      </c>
      <c r="Y41" s="341">
        <v>0</v>
      </c>
      <c r="Z41" s="342">
        <v>0</v>
      </c>
      <c r="AA41" s="343">
        <v>0</v>
      </c>
      <c r="AB41" s="341">
        <v>0</v>
      </c>
      <c r="AC41" s="342">
        <v>47556</v>
      </c>
      <c r="AD41" s="342">
        <v>0</v>
      </c>
      <c r="AE41" s="342">
        <v>41651</v>
      </c>
      <c r="AF41" s="342">
        <v>0</v>
      </c>
      <c r="AG41" s="342">
        <v>328498</v>
      </c>
      <c r="AH41" s="343">
        <v>417705</v>
      </c>
      <c r="AI41" s="345">
        <v>417705</v>
      </c>
      <c r="AJ41" s="341">
        <v>0</v>
      </c>
      <c r="AK41" s="342">
        <v>0</v>
      </c>
      <c r="AL41" s="343">
        <v>0</v>
      </c>
      <c r="AM41" s="341">
        <v>0</v>
      </c>
      <c r="AN41" s="342">
        <v>0</v>
      </c>
      <c r="AO41" s="342">
        <v>0</v>
      </c>
      <c r="AP41" s="342">
        <v>0</v>
      </c>
      <c r="AQ41" s="342">
        <v>46716</v>
      </c>
      <c r="AR41" s="342">
        <v>0</v>
      </c>
      <c r="AS41" s="343">
        <v>46716</v>
      </c>
      <c r="AT41" s="345">
        <v>46716</v>
      </c>
      <c r="AU41" s="341">
        <v>0</v>
      </c>
      <c r="AV41" s="342">
        <v>0</v>
      </c>
      <c r="AW41" s="343">
        <v>0</v>
      </c>
      <c r="AX41" s="341">
        <v>0</v>
      </c>
      <c r="AY41" s="342">
        <v>30126</v>
      </c>
      <c r="AZ41" s="342">
        <v>0</v>
      </c>
      <c r="BA41" s="342">
        <v>104423</v>
      </c>
      <c r="BB41" s="342">
        <v>62142</v>
      </c>
      <c r="BC41" s="342">
        <v>-16700</v>
      </c>
      <c r="BD41" s="343">
        <v>179991</v>
      </c>
      <c r="BE41" s="345">
        <v>179991</v>
      </c>
      <c r="BF41" s="341">
        <v>0</v>
      </c>
      <c r="BG41" s="342">
        <v>44478</v>
      </c>
      <c r="BH41" s="346">
        <v>44478</v>
      </c>
      <c r="BI41" s="347">
        <v>0</v>
      </c>
      <c r="BJ41" s="342">
        <v>0</v>
      </c>
      <c r="BK41" s="342">
        <v>26164</v>
      </c>
      <c r="BL41" s="342">
        <v>15698</v>
      </c>
      <c r="BM41" s="342">
        <v>20931</v>
      </c>
      <c r="BN41" s="342">
        <v>0</v>
      </c>
      <c r="BO41" s="343">
        <v>62793</v>
      </c>
      <c r="BP41" s="345">
        <v>107271</v>
      </c>
      <c r="BQ41" s="341">
        <v>0</v>
      </c>
      <c r="BR41" s="342">
        <v>0</v>
      </c>
      <c r="BS41" s="343">
        <v>0</v>
      </c>
      <c r="BT41" s="341">
        <v>0</v>
      </c>
      <c r="BU41" s="342">
        <v>44488</v>
      </c>
      <c r="BV41" s="342">
        <v>15056</v>
      </c>
      <c r="BW41" s="342">
        <v>13040</v>
      </c>
      <c r="BX41" s="342">
        <v>21944</v>
      </c>
      <c r="BY41" s="342">
        <v>21904</v>
      </c>
      <c r="BZ41" s="343">
        <v>116432</v>
      </c>
      <c r="CA41" s="345">
        <v>116432</v>
      </c>
      <c r="CB41" s="341">
        <v>19318</v>
      </c>
      <c r="CC41" s="342">
        <v>37296</v>
      </c>
      <c r="CD41" s="343">
        <v>56614</v>
      </c>
      <c r="CE41" s="341">
        <v>0</v>
      </c>
      <c r="CF41" s="342">
        <v>75757</v>
      </c>
      <c r="CG41" s="342">
        <v>69667</v>
      </c>
      <c r="CH41" s="342">
        <v>0</v>
      </c>
      <c r="CI41" s="342">
        <v>82762</v>
      </c>
      <c r="CJ41" s="342">
        <v>0</v>
      </c>
      <c r="CK41" s="343">
        <v>228186</v>
      </c>
      <c r="CL41" s="345">
        <v>284800</v>
      </c>
      <c r="CM41" s="341">
        <v>0</v>
      </c>
      <c r="CN41" s="342">
        <v>0</v>
      </c>
      <c r="CO41" s="343">
        <v>0</v>
      </c>
      <c r="CP41" s="347">
        <v>0</v>
      </c>
      <c r="CQ41" s="342">
        <v>75757</v>
      </c>
      <c r="CR41" s="342">
        <v>69667</v>
      </c>
      <c r="CS41" s="342">
        <v>0</v>
      </c>
      <c r="CT41" s="342">
        <v>0</v>
      </c>
      <c r="CU41" s="342">
        <v>0</v>
      </c>
      <c r="CV41" s="343">
        <v>145424</v>
      </c>
      <c r="CW41" s="345">
        <v>145424</v>
      </c>
      <c r="CX41" s="341">
        <v>19318</v>
      </c>
      <c r="CY41" s="342">
        <v>37296</v>
      </c>
      <c r="CZ41" s="343">
        <v>56614</v>
      </c>
      <c r="DA41" s="341">
        <v>0</v>
      </c>
      <c r="DB41" s="342">
        <v>0</v>
      </c>
      <c r="DC41" s="342">
        <v>0</v>
      </c>
      <c r="DD41" s="342">
        <v>0</v>
      </c>
      <c r="DE41" s="342">
        <v>82762</v>
      </c>
      <c r="DF41" s="342">
        <v>0</v>
      </c>
      <c r="DG41" s="343">
        <v>82762</v>
      </c>
      <c r="DH41" s="345">
        <v>139376</v>
      </c>
      <c r="DI41" s="341">
        <v>0</v>
      </c>
      <c r="DJ41" s="342">
        <v>0</v>
      </c>
      <c r="DK41" s="346">
        <v>0</v>
      </c>
      <c r="DL41" s="347">
        <v>0</v>
      </c>
      <c r="DM41" s="342">
        <v>0</v>
      </c>
      <c r="DN41" s="342">
        <v>22973</v>
      </c>
      <c r="DO41" s="342">
        <v>0</v>
      </c>
      <c r="DP41" s="342">
        <v>241981</v>
      </c>
      <c r="DQ41" s="342">
        <v>0</v>
      </c>
      <c r="DR41" s="343">
        <v>264954</v>
      </c>
      <c r="DS41" s="345">
        <v>264954</v>
      </c>
      <c r="DT41" s="341">
        <v>0</v>
      </c>
      <c r="DU41" s="342">
        <v>0</v>
      </c>
      <c r="DV41" s="343">
        <v>0</v>
      </c>
      <c r="DW41" s="341">
        <v>0</v>
      </c>
      <c r="DX41" s="342">
        <v>0</v>
      </c>
      <c r="DY41" s="342">
        <v>22973</v>
      </c>
      <c r="DZ41" s="342">
        <v>0</v>
      </c>
      <c r="EA41" s="342">
        <v>241981</v>
      </c>
      <c r="EB41" s="342">
        <v>0</v>
      </c>
      <c r="EC41" s="343">
        <v>264954</v>
      </c>
      <c r="ED41" s="345">
        <v>264954</v>
      </c>
      <c r="EE41" s="341">
        <v>0</v>
      </c>
      <c r="EF41" s="346">
        <v>0</v>
      </c>
      <c r="EG41" s="343">
        <v>0</v>
      </c>
      <c r="EH41" s="341">
        <v>0</v>
      </c>
      <c r="EI41" s="342">
        <v>0</v>
      </c>
      <c r="EJ41" s="342">
        <v>0</v>
      </c>
      <c r="EK41" s="342">
        <v>0</v>
      </c>
      <c r="EL41" s="342">
        <v>0</v>
      </c>
      <c r="EM41" s="342">
        <v>0</v>
      </c>
      <c r="EN41" s="346">
        <v>0</v>
      </c>
      <c r="EO41" s="345">
        <v>0</v>
      </c>
      <c r="EP41" s="341">
        <v>0</v>
      </c>
      <c r="EQ41" s="342">
        <v>0</v>
      </c>
      <c r="ER41" s="346">
        <v>0</v>
      </c>
      <c r="ES41" s="347">
        <v>0</v>
      </c>
      <c r="ET41" s="342">
        <v>0</v>
      </c>
      <c r="EU41" s="342">
        <v>0</v>
      </c>
      <c r="EV41" s="342">
        <v>0</v>
      </c>
      <c r="EW41" s="342">
        <v>0</v>
      </c>
      <c r="EX41" s="342">
        <v>0</v>
      </c>
      <c r="EY41" s="343">
        <v>0</v>
      </c>
      <c r="EZ41" s="345">
        <v>0</v>
      </c>
      <c r="FA41" s="341">
        <v>0</v>
      </c>
      <c r="FB41" s="342">
        <v>0</v>
      </c>
      <c r="FC41" s="346">
        <v>0</v>
      </c>
      <c r="FD41" s="347">
        <v>0</v>
      </c>
      <c r="FE41" s="342">
        <v>0</v>
      </c>
      <c r="FF41" s="342">
        <v>0</v>
      </c>
      <c r="FG41" s="342">
        <v>0</v>
      </c>
      <c r="FH41" s="342">
        <v>0</v>
      </c>
      <c r="FI41" s="342">
        <v>0</v>
      </c>
      <c r="FJ41" s="343">
        <v>0</v>
      </c>
      <c r="FK41" s="345">
        <v>0</v>
      </c>
      <c r="FL41" s="341">
        <v>4000</v>
      </c>
      <c r="FM41" s="342">
        <v>9600</v>
      </c>
      <c r="FN41" s="343">
        <v>13600</v>
      </c>
      <c r="FO41" s="341">
        <v>0</v>
      </c>
      <c r="FP41" s="342">
        <v>54480</v>
      </c>
      <c r="FQ41" s="342">
        <v>56160</v>
      </c>
      <c r="FR41" s="342">
        <v>37120</v>
      </c>
      <c r="FS41" s="342">
        <v>102816</v>
      </c>
      <c r="FT41" s="342">
        <v>77400</v>
      </c>
      <c r="FU41" s="343">
        <v>327976</v>
      </c>
      <c r="FV41" s="345">
        <v>341576</v>
      </c>
      <c r="FW41" s="348">
        <v>4000</v>
      </c>
      <c r="FX41" s="342">
        <v>9600</v>
      </c>
      <c r="FY41" s="346">
        <v>13600</v>
      </c>
      <c r="FZ41" s="347">
        <v>0</v>
      </c>
      <c r="GA41" s="342">
        <v>54480</v>
      </c>
      <c r="GB41" s="342">
        <v>44640</v>
      </c>
      <c r="GC41" s="342">
        <v>37120</v>
      </c>
      <c r="GD41" s="342">
        <v>102816</v>
      </c>
      <c r="GE41" s="342">
        <v>7000</v>
      </c>
      <c r="GF41" s="343">
        <v>246056</v>
      </c>
      <c r="GG41" s="349">
        <v>259656</v>
      </c>
      <c r="GH41" s="348">
        <v>0</v>
      </c>
      <c r="GI41" s="342">
        <v>0</v>
      </c>
      <c r="GJ41" s="346">
        <v>0</v>
      </c>
      <c r="GK41" s="347">
        <v>0</v>
      </c>
      <c r="GL41" s="342">
        <v>0</v>
      </c>
      <c r="GM41" s="342">
        <v>11520</v>
      </c>
      <c r="GN41" s="342">
        <v>0</v>
      </c>
      <c r="GO41" s="342">
        <v>0</v>
      </c>
      <c r="GP41" s="342">
        <v>70400</v>
      </c>
      <c r="GQ41" s="343">
        <v>81920</v>
      </c>
      <c r="GR41" s="345">
        <v>81920</v>
      </c>
      <c r="GS41" s="341">
        <v>0</v>
      </c>
      <c r="GT41" s="342">
        <v>0</v>
      </c>
      <c r="GU41" s="343">
        <v>0</v>
      </c>
      <c r="GV41" s="341">
        <v>0</v>
      </c>
      <c r="GW41" s="342">
        <v>0</v>
      </c>
      <c r="GX41" s="342">
        <v>0</v>
      </c>
      <c r="GY41" s="342">
        <v>0</v>
      </c>
      <c r="GZ41" s="342">
        <v>0</v>
      </c>
      <c r="HA41" s="342">
        <v>0</v>
      </c>
      <c r="HB41" s="346">
        <v>0</v>
      </c>
      <c r="HC41" s="345">
        <v>0</v>
      </c>
      <c r="HD41" s="341">
        <v>0</v>
      </c>
      <c r="HE41" s="342">
        <v>0</v>
      </c>
      <c r="HF41" s="346">
        <v>0</v>
      </c>
      <c r="HG41" s="347">
        <v>0</v>
      </c>
      <c r="HH41" s="342">
        <v>298336</v>
      </c>
      <c r="HI41" s="342">
        <v>164130</v>
      </c>
      <c r="HJ41" s="342">
        <v>0</v>
      </c>
      <c r="HK41" s="342">
        <v>0</v>
      </c>
      <c r="HL41" s="342">
        <v>0</v>
      </c>
      <c r="HM41" s="343">
        <v>462466</v>
      </c>
      <c r="HN41" s="344">
        <v>462466</v>
      </c>
      <c r="HO41" s="348">
        <v>0</v>
      </c>
      <c r="HP41" s="342">
        <v>0</v>
      </c>
      <c r="HQ41" s="343">
        <v>0</v>
      </c>
      <c r="HR41" s="341">
        <v>0</v>
      </c>
      <c r="HS41" s="342">
        <v>0</v>
      </c>
      <c r="HT41" s="342">
        <v>0</v>
      </c>
      <c r="HU41" s="342">
        <v>0</v>
      </c>
      <c r="HV41" s="342">
        <v>0</v>
      </c>
      <c r="HW41" s="342">
        <v>0</v>
      </c>
      <c r="HX41" s="346">
        <v>0</v>
      </c>
      <c r="HY41" s="345">
        <v>0</v>
      </c>
      <c r="HZ41" s="350">
        <v>0</v>
      </c>
      <c r="IA41" s="351">
        <v>0</v>
      </c>
      <c r="IB41" s="352">
        <v>0</v>
      </c>
      <c r="IC41" s="353">
        <v>0</v>
      </c>
      <c r="ID41" s="351">
        <v>71108</v>
      </c>
      <c r="IE41" s="354">
        <v>130830</v>
      </c>
      <c r="IF41" s="352">
        <v>0</v>
      </c>
      <c r="IG41" s="351">
        <v>316015</v>
      </c>
      <c r="IH41" s="352">
        <v>0</v>
      </c>
      <c r="II41" s="355">
        <v>517953</v>
      </c>
      <c r="IJ41" s="356">
        <v>517953</v>
      </c>
      <c r="IK41" s="357">
        <v>0</v>
      </c>
      <c r="IL41" s="358">
        <v>0</v>
      </c>
      <c r="IM41" s="359">
        <v>0</v>
      </c>
      <c r="IN41" s="436">
        <v>0</v>
      </c>
      <c r="IO41" s="360">
        <v>0</v>
      </c>
      <c r="IP41" s="360">
        <v>0</v>
      </c>
      <c r="IQ41" s="360">
        <v>0</v>
      </c>
      <c r="IR41" s="360">
        <v>0</v>
      </c>
      <c r="IS41" s="360">
        <v>0</v>
      </c>
      <c r="IT41" s="361">
        <v>0</v>
      </c>
      <c r="IU41" s="362">
        <v>0</v>
      </c>
      <c r="IV41" s="363">
        <v>0</v>
      </c>
      <c r="IW41" s="360">
        <v>0</v>
      </c>
      <c r="IX41" s="364">
        <v>0</v>
      </c>
      <c r="IY41" s="436">
        <v>0</v>
      </c>
      <c r="IZ41" s="360">
        <v>0</v>
      </c>
      <c r="JA41" s="360">
        <v>0</v>
      </c>
      <c r="JB41" s="360">
        <v>0</v>
      </c>
      <c r="JC41" s="360">
        <v>0</v>
      </c>
      <c r="JD41" s="360">
        <v>0</v>
      </c>
      <c r="JE41" s="364">
        <v>0</v>
      </c>
      <c r="JF41" s="365">
        <v>0</v>
      </c>
      <c r="JG41" s="363">
        <v>0</v>
      </c>
      <c r="JH41" s="360">
        <v>0</v>
      </c>
      <c r="JI41" s="361">
        <v>0</v>
      </c>
      <c r="JJ41" s="366">
        <v>0</v>
      </c>
      <c r="JK41" s="360">
        <v>71108</v>
      </c>
      <c r="JL41" s="360">
        <v>25112</v>
      </c>
      <c r="JM41" s="360">
        <v>0</v>
      </c>
      <c r="JN41" s="360">
        <v>73091</v>
      </c>
      <c r="JO41" s="360">
        <v>0</v>
      </c>
      <c r="JP41" s="364">
        <v>169311</v>
      </c>
      <c r="JQ41" s="362">
        <v>169311</v>
      </c>
      <c r="JR41" s="363">
        <v>0</v>
      </c>
      <c r="JS41" s="360">
        <v>0</v>
      </c>
      <c r="JT41" s="361">
        <v>0</v>
      </c>
      <c r="JU41" s="366">
        <v>0</v>
      </c>
      <c r="JV41" s="360">
        <v>0</v>
      </c>
      <c r="JW41" s="360">
        <v>0</v>
      </c>
      <c r="JX41" s="360">
        <v>0</v>
      </c>
      <c r="JY41" s="360">
        <v>0</v>
      </c>
      <c r="JZ41" s="360">
        <v>0</v>
      </c>
      <c r="KA41" s="364">
        <v>0</v>
      </c>
      <c r="KB41" s="362">
        <v>0</v>
      </c>
      <c r="KC41" s="367">
        <v>0</v>
      </c>
      <c r="KD41" s="368">
        <v>0</v>
      </c>
      <c r="KE41" s="364">
        <v>0</v>
      </c>
      <c r="KF41" s="366">
        <v>0</v>
      </c>
      <c r="KG41" s="360">
        <v>0</v>
      </c>
      <c r="KH41" s="360">
        <v>105718</v>
      </c>
      <c r="KI41" s="360">
        <v>0</v>
      </c>
      <c r="KJ41" s="360">
        <v>0</v>
      </c>
      <c r="KK41" s="360">
        <v>0</v>
      </c>
      <c r="KL41" s="364">
        <v>105718</v>
      </c>
      <c r="KM41" s="369">
        <v>105718</v>
      </c>
      <c r="KN41" s="357">
        <v>0</v>
      </c>
      <c r="KO41" s="358">
        <v>0</v>
      </c>
      <c r="KP41" s="359">
        <v>0</v>
      </c>
      <c r="KQ41" s="436">
        <v>0</v>
      </c>
      <c r="KR41" s="360">
        <v>0</v>
      </c>
      <c r="KS41" s="360">
        <v>0</v>
      </c>
      <c r="KT41" s="360">
        <v>0</v>
      </c>
      <c r="KU41" s="360">
        <v>242924</v>
      </c>
      <c r="KV41" s="360">
        <v>0</v>
      </c>
      <c r="KW41" s="364">
        <v>242924</v>
      </c>
      <c r="KX41" s="362">
        <v>242924</v>
      </c>
      <c r="KY41" s="363">
        <v>0</v>
      </c>
      <c r="KZ41" s="360">
        <v>0</v>
      </c>
      <c r="LA41" s="364">
        <v>0</v>
      </c>
      <c r="LB41" s="436">
        <v>0</v>
      </c>
      <c r="LC41" s="360">
        <v>0</v>
      </c>
      <c r="LD41" s="360">
        <v>0</v>
      </c>
      <c r="LE41" s="360">
        <v>0</v>
      </c>
      <c r="LF41" s="360">
        <v>0</v>
      </c>
      <c r="LG41" s="360">
        <v>0</v>
      </c>
      <c r="LH41" s="364">
        <v>0</v>
      </c>
      <c r="LI41" s="365">
        <v>0</v>
      </c>
      <c r="LJ41" s="363">
        <v>0</v>
      </c>
      <c r="LK41" s="360">
        <v>0</v>
      </c>
      <c r="LL41" s="364">
        <v>0</v>
      </c>
      <c r="LM41" s="436">
        <v>0</v>
      </c>
      <c r="LN41" s="360">
        <v>0</v>
      </c>
      <c r="LO41" s="360">
        <v>0</v>
      </c>
      <c r="LP41" s="360">
        <v>0</v>
      </c>
      <c r="LQ41" s="360">
        <v>0</v>
      </c>
      <c r="LR41" s="360">
        <v>0</v>
      </c>
      <c r="LS41" s="364">
        <v>0</v>
      </c>
      <c r="LT41" s="362">
        <v>0</v>
      </c>
      <c r="LU41" s="363">
        <v>0</v>
      </c>
      <c r="LV41" s="360">
        <v>0</v>
      </c>
      <c r="LW41" s="364">
        <v>0</v>
      </c>
      <c r="LX41" s="436">
        <v>0</v>
      </c>
      <c r="LY41" s="360">
        <v>0</v>
      </c>
      <c r="LZ41" s="360">
        <v>0</v>
      </c>
      <c r="MA41" s="360">
        <v>0</v>
      </c>
      <c r="MB41" s="360">
        <v>0</v>
      </c>
      <c r="MC41" s="360">
        <v>0</v>
      </c>
      <c r="MD41" s="364">
        <v>0</v>
      </c>
      <c r="ME41" s="365">
        <v>0</v>
      </c>
      <c r="MF41" s="363">
        <v>0</v>
      </c>
      <c r="MG41" s="360">
        <v>0</v>
      </c>
      <c r="MH41" s="364">
        <v>0</v>
      </c>
      <c r="MI41" s="436">
        <v>0</v>
      </c>
      <c r="MJ41" s="360">
        <v>0</v>
      </c>
      <c r="MK41" s="360">
        <v>0</v>
      </c>
      <c r="ML41" s="360">
        <v>0</v>
      </c>
      <c r="MM41" s="360">
        <v>507908</v>
      </c>
      <c r="MN41" s="360">
        <v>941723</v>
      </c>
      <c r="MO41" s="364">
        <v>1449631</v>
      </c>
      <c r="MP41" s="369">
        <v>1449631</v>
      </c>
      <c r="MQ41" s="363">
        <v>0</v>
      </c>
      <c r="MR41" s="360">
        <v>0</v>
      </c>
      <c r="MS41" s="364">
        <v>0</v>
      </c>
      <c r="MT41" s="436">
        <v>0</v>
      </c>
      <c r="MU41" s="360">
        <v>0</v>
      </c>
      <c r="MV41" s="360">
        <v>0</v>
      </c>
      <c r="MW41" s="360">
        <v>0</v>
      </c>
      <c r="MX41" s="360">
        <v>336019</v>
      </c>
      <c r="MY41" s="360">
        <v>180891</v>
      </c>
      <c r="MZ41" s="364">
        <v>516910</v>
      </c>
      <c r="NA41" s="369">
        <v>516910</v>
      </c>
      <c r="NB41" s="363">
        <v>0</v>
      </c>
      <c r="NC41" s="360">
        <v>0</v>
      </c>
      <c r="ND41" s="364">
        <v>0</v>
      </c>
      <c r="NE41" s="436">
        <v>0</v>
      </c>
      <c r="NF41" s="360">
        <v>0</v>
      </c>
      <c r="NG41" s="360">
        <v>0</v>
      </c>
      <c r="NH41" s="360">
        <v>0</v>
      </c>
      <c r="NI41" s="360">
        <v>171889</v>
      </c>
      <c r="NJ41" s="360">
        <v>760832</v>
      </c>
      <c r="NK41" s="364">
        <v>932721</v>
      </c>
      <c r="NL41" s="362">
        <v>932721</v>
      </c>
      <c r="NM41" s="363">
        <v>0</v>
      </c>
      <c r="NN41" s="360">
        <v>0</v>
      </c>
      <c r="NO41" s="364">
        <v>0</v>
      </c>
      <c r="NP41" s="436">
        <v>0</v>
      </c>
      <c r="NQ41" s="360">
        <v>0</v>
      </c>
      <c r="NR41" s="360">
        <v>0</v>
      </c>
      <c r="NS41" s="360">
        <v>0</v>
      </c>
      <c r="NT41" s="360">
        <v>0</v>
      </c>
      <c r="NU41" s="360">
        <v>0</v>
      </c>
      <c r="NV41" s="364">
        <v>0</v>
      </c>
      <c r="NW41" s="365">
        <v>0</v>
      </c>
      <c r="NX41" s="363">
        <v>0</v>
      </c>
      <c r="NY41" s="360">
        <v>0</v>
      </c>
      <c r="NZ41" s="364">
        <v>0</v>
      </c>
      <c r="OA41" s="436">
        <v>0</v>
      </c>
      <c r="OB41" s="360">
        <v>0</v>
      </c>
      <c r="OC41" s="360">
        <v>0</v>
      </c>
      <c r="OD41" s="360">
        <v>0</v>
      </c>
      <c r="OE41" s="360">
        <v>0</v>
      </c>
      <c r="OF41" s="360">
        <v>0</v>
      </c>
      <c r="OG41" s="364">
        <v>0</v>
      </c>
      <c r="OH41" s="365">
        <v>0</v>
      </c>
      <c r="OI41" s="363">
        <v>23318</v>
      </c>
      <c r="OJ41" s="360">
        <v>91374</v>
      </c>
      <c r="OK41" s="361">
        <v>114692</v>
      </c>
      <c r="OL41" s="366">
        <v>0</v>
      </c>
      <c r="OM41" s="360">
        <v>621851</v>
      </c>
      <c r="ON41" s="360">
        <v>484980</v>
      </c>
      <c r="OO41" s="360">
        <v>211932</v>
      </c>
      <c r="OP41" s="360">
        <v>1403215</v>
      </c>
      <c r="OQ41" s="360">
        <v>1352825</v>
      </c>
      <c r="OR41" s="364">
        <v>4074803</v>
      </c>
      <c r="OS41" s="369">
        <v>4189495</v>
      </c>
    </row>
    <row r="42" spans="2:409" s="137" customFormat="1" ht="21" customHeight="1" thickBot="1" x14ac:dyDescent="0.25">
      <c r="B42" s="422" t="s">
        <v>37</v>
      </c>
      <c r="C42" s="386">
        <v>0</v>
      </c>
      <c r="D42" s="387">
        <v>0</v>
      </c>
      <c r="E42" s="388">
        <v>0</v>
      </c>
      <c r="F42" s="389">
        <v>0</v>
      </c>
      <c r="G42" s="387">
        <v>21717</v>
      </c>
      <c r="H42" s="387">
        <v>76244</v>
      </c>
      <c r="I42" s="387">
        <v>136742</v>
      </c>
      <c r="J42" s="387">
        <v>0</v>
      </c>
      <c r="K42" s="387">
        <v>0</v>
      </c>
      <c r="L42" s="389">
        <v>234703</v>
      </c>
      <c r="M42" s="390">
        <v>234703</v>
      </c>
      <c r="N42" s="386">
        <v>0</v>
      </c>
      <c r="O42" s="387">
        <v>0</v>
      </c>
      <c r="P42" s="388">
        <v>0</v>
      </c>
      <c r="Q42" s="386">
        <v>0</v>
      </c>
      <c r="R42" s="387">
        <v>0</v>
      </c>
      <c r="S42" s="387">
        <v>0</v>
      </c>
      <c r="T42" s="387">
        <v>0</v>
      </c>
      <c r="U42" s="387">
        <v>0</v>
      </c>
      <c r="V42" s="387">
        <v>0</v>
      </c>
      <c r="W42" s="388">
        <v>0</v>
      </c>
      <c r="X42" s="390">
        <v>0</v>
      </c>
      <c r="Y42" s="386">
        <v>0</v>
      </c>
      <c r="Z42" s="387">
        <v>0</v>
      </c>
      <c r="AA42" s="388">
        <v>0</v>
      </c>
      <c r="AB42" s="386">
        <v>0</v>
      </c>
      <c r="AC42" s="387">
        <v>0</v>
      </c>
      <c r="AD42" s="387">
        <v>0</v>
      </c>
      <c r="AE42" s="387">
        <v>0</v>
      </c>
      <c r="AF42" s="387">
        <v>0</v>
      </c>
      <c r="AG42" s="387">
        <v>0</v>
      </c>
      <c r="AH42" s="388">
        <v>0</v>
      </c>
      <c r="AI42" s="390">
        <v>0</v>
      </c>
      <c r="AJ42" s="386">
        <v>0</v>
      </c>
      <c r="AK42" s="387">
        <v>0</v>
      </c>
      <c r="AL42" s="388">
        <v>0</v>
      </c>
      <c r="AM42" s="386">
        <v>0</v>
      </c>
      <c r="AN42" s="387">
        <v>0</v>
      </c>
      <c r="AO42" s="387">
        <v>0</v>
      </c>
      <c r="AP42" s="387">
        <v>0</v>
      </c>
      <c r="AQ42" s="387">
        <v>0</v>
      </c>
      <c r="AR42" s="387">
        <v>0</v>
      </c>
      <c r="AS42" s="388">
        <v>0</v>
      </c>
      <c r="AT42" s="390">
        <v>0</v>
      </c>
      <c r="AU42" s="386">
        <v>0</v>
      </c>
      <c r="AV42" s="387">
        <v>0</v>
      </c>
      <c r="AW42" s="388">
        <v>0</v>
      </c>
      <c r="AX42" s="386">
        <v>0</v>
      </c>
      <c r="AY42" s="387">
        <v>0</v>
      </c>
      <c r="AZ42" s="387">
        <v>0</v>
      </c>
      <c r="BA42" s="387">
        <v>0</v>
      </c>
      <c r="BB42" s="387">
        <v>0</v>
      </c>
      <c r="BC42" s="387">
        <v>0</v>
      </c>
      <c r="BD42" s="388">
        <v>0</v>
      </c>
      <c r="BE42" s="390">
        <v>0</v>
      </c>
      <c r="BF42" s="386">
        <v>0</v>
      </c>
      <c r="BG42" s="387">
        <v>0</v>
      </c>
      <c r="BH42" s="391">
        <v>0</v>
      </c>
      <c r="BI42" s="392">
        <v>0</v>
      </c>
      <c r="BJ42" s="387">
        <v>0</v>
      </c>
      <c r="BK42" s="387">
        <v>0</v>
      </c>
      <c r="BL42" s="387">
        <v>0</v>
      </c>
      <c r="BM42" s="387">
        <v>0</v>
      </c>
      <c r="BN42" s="387">
        <v>0</v>
      </c>
      <c r="BO42" s="388">
        <v>0</v>
      </c>
      <c r="BP42" s="390">
        <v>0</v>
      </c>
      <c r="BQ42" s="386">
        <v>0</v>
      </c>
      <c r="BR42" s="387">
        <v>0</v>
      </c>
      <c r="BS42" s="388">
        <v>0</v>
      </c>
      <c r="BT42" s="386">
        <v>0</v>
      </c>
      <c r="BU42" s="387">
        <v>0</v>
      </c>
      <c r="BV42" s="387">
        <v>0</v>
      </c>
      <c r="BW42" s="387">
        <v>0</v>
      </c>
      <c r="BX42" s="387">
        <v>0</v>
      </c>
      <c r="BY42" s="387">
        <v>0</v>
      </c>
      <c r="BZ42" s="388">
        <v>0</v>
      </c>
      <c r="CA42" s="390">
        <v>0</v>
      </c>
      <c r="CB42" s="386">
        <v>0</v>
      </c>
      <c r="CC42" s="387">
        <v>0</v>
      </c>
      <c r="CD42" s="388">
        <v>0</v>
      </c>
      <c r="CE42" s="386">
        <v>0</v>
      </c>
      <c r="CF42" s="387">
        <v>20517</v>
      </c>
      <c r="CG42" s="387">
        <v>57236</v>
      </c>
      <c r="CH42" s="387">
        <v>97662</v>
      </c>
      <c r="CI42" s="387">
        <v>0</v>
      </c>
      <c r="CJ42" s="387">
        <v>0</v>
      </c>
      <c r="CK42" s="388">
        <v>175415</v>
      </c>
      <c r="CL42" s="390">
        <v>175415</v>
      </c>
      <c r="CM42" s="386">
        <v>0</v>
      </c>
      <c r="CN42" s="387">
        <v>0</v>
      </c>
      <c r="CO42" s="388">
        <v>0</v>
      </c>
      <c r="CP42" s="392">
        <v>0</v>
      </c>
      <c r="CQ42" s="387">
        <v>0</v>
      </c>
      <c r="CR42" s="387">
        <v>57236</v>
      </c>
      <c r="CS42" s="387">
        <v>0</v>
      </c>
      <c r="CT42" s="387">
        <v>0</v>
      </c>
      <c r="CU42" s="387">
        <v>0</v>
      </c>
      <c r="CV42" s="388">
        <v>57236</v>
      </c>
      <c r="CW42" s="390">
        <v>57236</v>
      </c>
      <c r="CX42" s="386">
        <v>0</v>
      </c>
      <c r="CY42" s="387">
        <v>0</v>
      </c>
      <c r="CZ42" s="388">
        <v>0</v>
      </c>
      <c r="DA42" s="386">
        <v>0</v>
      </c>
      <c r="DB42" s="387">
        <v>20517</v>
      </c>
      <c r="DC42" s="387">
        <v>0</v>
      </c>
      <c r="DD42" s="387">
        <v>97662</v>
      </c>
      <c r="DE42" s="387">
        <v>0</v>
      </c>
      <c r="DF42" s="387">
        <v>0</v>
      </c>
      <c r="DG42" s="388">
        <v>118179</v>
      </c>
      <c r="DH42" s="390">
        <v>118179</v>
      </c>
      <c r="DI42" s="386">
        <v>0</v>
      </c>
      <c r="DJ42" s="387">
        <v>0</v>
      </c>
      <c r="DK42" s="391">
        <v>0</v>
      </c>
      <c r="DL42" s="392">
        <v>0</v>
      </c>
      <c r="DM42" s="387">
        <v>0</v>
      </c>
      <c r="DN42" s="387">
        <v>0</v>
      </c>
      <c r="DO42" s="387">
        <v>0</v>
      </c>
      <c r="DP42" s="387">
        <v>0</v>
      </c>
      <c r="DQ42" s="387">
        <v>0</v>
      </c>
      <c r="DR42" s="388">
        <v>0</v>
      </c>
      <c r="DS42" s="390">
        <v>0</v>
      </c>
      <c r="DT42" s="386">
        <v>0</v>
      </c>
      <c r="DU42" s="387">
        <v>0</v>
      </c>
      <c r="DV42" s="388">
        <v>0</v>
      </c>
      <c r="DW42" s="386">
        <v>0</v>
      </c>
      <c r="DX42" s="387">
        <v>0</v>
      </c>
      <c r="DY42" s="387">
        <v>0</v>
      </c>
      <c r="DZ42" s="387">
        <v>0</v>
      </c>
      <c r="EA42" s="387">
        <v>0</v>
      </c>
      <c r="EB42" s="387">
        <v>0</v>
      </c>
      <c r="EC42" s="388">
        <v>0</v>
      </c>
      <c r="ED42" s="390">
        <v>0</v>
      </c>
      <c r="EE42" s="386">
        <v>0</v>
      </c>
      <c r="EF42" s="391">
        <v>0</v>
      </c>
      <c r="EG42" s="388">
        <v>0</v>
      </c>
      <c r="EH42" s="386">
        <v>0</v>
      </c>
      <c r="EI42" s="387">
        <v>0</v>
      </c>
      <c r="EJ42" s="387">
        <v>0</v>
      </c>
      <c r="EK42" s="387">
        <v>0</v>
      </c>
      <c r="EL42" s="387">
        <v>0</v>
      </c>
      <c r="EM42" s="387">
        <v>0</v>
      </c>
      <c r="EN42" s="391">
        <v>0</v>
      </c>
      <c r="EO42" s="390">
        <v>0</v>
      </c>
      <c r="EP42" s="386">
        <v>0</v>
      </c>
      <c r="EQ42" s="387">
        <v>0</v>
      </c>
      <c r="ER42" s="391">
        <v>0</v>
      </c>
      <c r="ES42" s="392">
        <v>0</v>
      </c>
      <c r="ET42" s="387">
        <v>0</v>
      </c>
      <c r="EU42" s="387">
        <v>0</v>
      </c>
      <c r="EV42" s="387">
        <v>0</v>
      </c>
      <c r="EW42" s="387">
        <v>0</v>
      </c>
      <c r="EX42" s="387">
        <v>0</v>
      </c>
      <c r="EY42" s="388">
        <v>0</v>
      </c>
      <c r="EZ42" s="390">
        <v>0</v>
      </c>
      <c r="FA42" s="386">
        <v>0</v>
      </c>
      <c r="FB42" s="387">
        <v>0</v>
      </c>
      <c r="FC42" s="391">
        <v>0</v>
      </c>
      <c r="FD42" s="392">
        <v>0</v>
      </c>
      <c r="FE42" s="387">
        <v>0</v>
      </c>
      <c r="FF42" s="387">
        <v>0</v>
      </c>
      <c r="FG42" s="387">
        <v>0</v>
      </c>
      <c r="FH42" s="387">
        <v>0</v>
      </c>
      <c r="FI42" s="387">
        <v>0</v>
      </c>
      <c r="FJ42" s="388">
        <v>0</v>
      </c>
      <c r="FK42" s="390">
        <v>0</v>
      </c>
      <c r="FL42" s="386">
        <v>0</v>
      </c>
      <c r="FM42" s="387">
        <v>0</v>
      </c>
      <c r="FN42" s="388">
        <v>0</v>
      </c>
      <c r="FO42" s="386">
        <v>0</v>
      </c>
      <c r="FP42" s="387">
        <v>1200</v>
      </c>
      <c r="FQ42" s="387">
        <v>19008</v>
      </c>
      <c r="FR42" s="387">
        <v>39080</v>
      </c>
      <c r="FS42" s="387">
        <v>0</v>
      </c>
      <c r="FT42" s="387">
        <v>0</v>
      </c>
      <c r="FU42" s="388">
        <v>59288</v>
      </c>
      <c r="FV42" s="390">
        <v>59288</v>
      </c>
      <c r="FW42" s="393">
        <v>0</v>
      </c>
      <c r="FX42" s="387">
        <v>0</v>
      </c>
      <c r="FY42" s="391">
        <v>0</v>
      </c>
      <c r="FZ42" s="392">
        <v>0</v>
      </c>
      <c r="GA42" s="387">
        <v>1200</v>
      </c>
      <c r="GB42" s="387">
        <v>19008</v>
      </c>
      <c r="GC42" s="387">
        <v>39080</v>
      </c>
      <c r="GD42" s="387">
        <v>0</v>
      </c>
      <c r="GE42" s="387">
        <v>0</v>
      </c>
      <c r="GF42" s="388">
        <v>59288</v>
      </c>
      <c r="GG42" s="394">
        <v>59288</v>
      </c>
      <c r="GH42" s="393">
        <v>0</v>
      </c>
      <c r="GI42" s="387">
        <v>0</v>
      </c>
      <c r="GJ42" s="391">
        <v>0</v>
      </c>
      <c r="GK42" s="392">
        <v>0</v>
      </c>
      <c r="GL42" s="387">
        <v>0</v>
      </c>
      <c r="GM42" s="387">
        <v>0</v>
      </c>
      <c r="GN42" s="387">
        <v>0</v>
      </c>
      <c r="GO42" s="387">
        <v>0</v>
      </c>
      <c r="GP42" s="387">
        <v>0</v>
      </c>
      <c r="GQ42" s="388">
        <v>0</v>
      </c>
      <c r="GR42" s="390">
        <v>0</v>
      </c>
      <c r="GS42" s="386">
        <v>0</v>
      </c>
      <c r="GT42" s="387">
        <v>0</v>
      </c>
      <c r="GU42" s="388">
        <v>0</v>
      </c>
      <c r="GV42" s="386">
        <v>0</v>
      </c>
      <c r="GW42" s="387">
        <v>0</v>
      </c>
      <c r="GX42" s="387">
        <v>0</v>
      </c>
      <c r="GY42" s="387">
        <v>0</v>
      </c>
      <c r="GZ42" s="387">
        <v>0</v>
      </c>
      <c r="HA42" s="387">
        <v>0</v>
      </c>
      <c r="HB42" s="391">
        <v>0</v>
      </c>
      <c r="HC42" s="390">
        <v>0</v>
      </c>
      <c r="HD42" s="386">
        <v>0</v>
      </c>
      <c r="HE42" s="387">
        <v>0</v>
      </c>
      <c r="HF42" s="391">
        <v>0</v>
      </c>
      <c r="HG42" s="392">
        <v>0</v>
      </c>
      <c r="HH42" s="387">
        <v>0</v>
      </c>
      <c r="HI42" s="387">
        <v>0</v>
      </c>
      <c r="HJ42" s="387">
        <v>0</v>
      </c>
      <c r="HK42" s="387">
        <v>0</v>
      </c>
      <c r="HL42" s="387">
        <v>0</v>
      </c>
      <c r="HM42" s="388">
        <v>0</v>
      </c>
      <c r="HN42" s="389">
        <v>0</v>
      </c>
      <c r="HO42" s="393">
        <v>0</v>
      </c>
      <c r="HP42" s="387">
        <v>0</v>
      </c>
      <c r="HQ42" s="388">
        <v>0</v>
      </c>
      <c r="HR42" s="386">
        <v>0</v>
      </c>
      <c r="HS42" s="387">
        <v>0</v>
      </c>
      <c r="HT42" s="387">
        <v>0</v>
      </c>
      <c r="HU42" s="387">
        <v>0</v>
      </c>
      <c r="HV42" s="387">
        <v>0</v>
      </c>
      <c r="HW42" s="387">
        <v>0</v>
      </c>
      <c r="HX42" s="391">
        <v>0</v>
      </c>
      <c r="HY42" s="390">
        <v>0</v>
      </c>
      <c r="HZ42" s="395">
        <v>0</v>
      </c>
      <c r="IA42" s="396">
        <v>0</v>
      </c>
      <c r="IB42" s="397">
        <v>0</v>
      </c>
      <c r="IC42" s="398">
        <v>0</v>
      </c>
      <c r="ID42" s="399">
        <v>0</v>
      </c>
      <c r="IE42" s="400">
        <v>0</v>
      </c>
      <c r="IF42" s="401">
        <v>0</v>
      </c>
      <c r="IG42" s="399">
        <v>0</v>
      </c>
      <c r="IH42" s="401">
        <v>0</v>
      </c>
      <c r="II42" s="402">
        <v>0</v>
      </c>
      <c r="IJ42" s="403">
        <v>0</v>
      </c>
      <c r="IK42" s="404">
        <v>0</v>
      </c>
      <c r="IL42" s="405">
        <v>0</v>
      </c>
      <c r="IM42" s="406">
        <v>0</v>
      </c>
      <c r="IN42" s="437">
        <v>0</v>
      </c>
      <c r="IO42" s="407">
        <v>0</v>
      </c>
      <c r="IP42" s="407">
        <v>0</v>
      </c>
      <c r="IQ42" s="407">
        <v>0</v>
      </c>
      <c r="IR42" s="407">
        <v>0</v>
      </c>
      <c r="IS42" s="407">
        <v>0</v>
      </c>
      <c r="IT42" s="408">
        <v>0</v>
      </c>
      <c r="IU42" s="409">
        <v>0</v>
      </c>
      <c r="IV42" s="410">
        <v>0</v>
      </c>
      <c r="IW42" s="407">
        <v>0</v>
      </c>
      <c r="IX42" s="411">
        <v>0</v>
      </c>
      <c r="IY42" s="437">
        <v>0</v>
      </c>
      <c r="IZ42" s="407">
        <v>0</v>
      </c>
      <c r="JA42" s="407">
        <v>0</v>
      </c>
      <c r="JB42" s="407">
        <v>0</v>
      </c>
      <c r="JC42" s="407">
        <v>0</v>
      </c>
      <c r="JD42" s="407">
        <v>0</v>
      </c>
      <c r="JE42" s="411">
        <v>0</v>
      </c>
      <c r="JF42" s="412">
        <v>0</v>
      </c>
      <c r="JG42" s="410">
        <v>0</v>
      </c>
      <c r="JH42" s="407">
        <v>0</v>
      </c>
      <c r="JI42" s="408">
        <v>0</v>
      </c>
      <c r="JJ42" s="413">
        <v>0</v>
      </c>
      <c r="JK42" s="407">
        <v>0</v>
      </c>
      <c r="JL42" s="407">
        <v>0</v>
      </c>
      <c r="JM42" s="407">
        <v>0</v>
      </c>
      <c r="JN42" s="407">
        <v>0</v>
      </c>
      <c r="JO42" s="407">
        <v>0</v>
      </c>
      <c r="JP42" s="411">
        <v>0</v>
      </c>
      <c r="JQ42" s="409">
        <v>0</v>
      </c>
      <c r="JR42" s="410">
        <v>0</v>
      </c>
      <c r="JS42" s="407">
        <v>0</v>
      </c>
      <c r="JT42" s="408">
        <v>0</v>
      </c>
      <c r="JU42" s="413">
        <v>0</v>
      </c>
      <c r="JV42" s="407">
        <v>0</v>
      </c>
      <c r="JW42" s="407">
        <v>0</v>
      </c>
      <c r="JX42" s="407">
        <v>0</v>
      </c>
      <c r="JY42" s="407">
        <v>0</v>
      </c>
      <c r="JZ42" s="407">
        <v>0</v>
      </c>
      <c r="KA42" s="411">
        <v>0</v>
      </c>
      <c r="KB42" s="409">
        <v>0</v>
      </c>
      <c r="KC42" s="414">
        <v>0</v>
      </c>
      <c r="KD42" s="415">
        <v>0</v>
      </c>
      <c r="KE42" s="411">
        <v>0</v>
      </c>
      <c r="KF42" s="413">
        <v>0</v>
      </c>
      <c r="KG42" s="407">
        <v>0</v>
      </c>
      <c r="KH42" s="407">
        <v>0</v>
      </c>
      <c r="KI42" s="407">
        <v>0</v>
      </c>
      <c r="KJ42" s="407">
        <v>0</v>
      </c>
      <c r="KK42" s="407">
        <v>0</v>
      </c>
      <c r="KL42" s="411">
        <v>0</v>
      </c>
      <c r="KM42" s="416">
        <v>0</v>
      </c>
      <c r="KN42" s="404">
        <v>0</v>
      </c>
      <c r="KO42" s="405">
        <v>0</v>
      </c>
      <c r="KP42" s="406">
        <v>0</v>
      </c>
      <c r="KQ42" s="437">
        <v>0</v>
      </c>
      <c r="KR42" s="407">
        <v>0</v>
      </c>
      <c r="KS42" s="407">
        <v>0</v>
      </c>
      <c r="KT42" s="407">
        <v>0</v>
      </c>
      <c r="KU42" s="407">
        <v>0</v>
      </c>
      <c r="KV42" s="407">
        <v>0</v>
      </c>
      <c r="KW42" s="411">
        <v>0</v>
      </c>
      <c r="KX42" s="409">
        <v>0</v>
      </c>
      <c r="KY42" s="410">
        <v>0</v>
      </c>
      <c r="KZ42" s="407">
        <v>0</v>
      </c>
      <c r="LA42" s="411">
        <v>0</v>
      </c>
      <c r="LB42" s="437">
        <v>0</v>
      </c>
      <c r="LC42" s="407">
        <v>0</v>
      </c>
      <c r="LD42" s="407">
        <v>0</v>
      </c>
      <c r="LE42" s="407">
        <v>0</v>
      </c>
      <c r="LF42" s="407">
        <v>0</v>
      </c>
      <c r="LG42" s="407">
        <v>0</v>
      </c>
      <c r="LH42" s="411">
        <v>0</v>
      </c>
      <c r="LI42" s="412">
        <v>0</v>
      </c>
      <c r="LJ42" s="410">
        <v>0</v>
      </c>
      <c r="LK42" s="407">
        <v>0</v>
      </c>
      <c r="LL42" s="411">
        <v>0</v>
      </c>
      <c r="LM42" s="437">
        <v>0</v>
      </c>
      <c r="LN42" s="407">
        <v>0</v>
      </c>
      <c r="LO42" s="407">
        <v>0</v>
      </c>
      <c r="LP42" s="407">
        <v>0</v>
      </c>
      <c r="LQ42" s="407">
        <v>0</v>
      </c>
      <c r="LR42" s="407">
        <v>0</v>
      </c>
      <c r="LS42" s="411">
        <v>0</v>
      </c>
      <c r="LT42" s="409">
        <v>0</v>
      </c>
      <c r="LU42" s="410">
        <v>0</v>
      </c>
      <c r="LV42" s="407">
        <v>0</v>
      </c>
      <c r="LW42" s="411">
        <v>0</v>
      </c>
      <c r="LX42" s="437">
        <v>0</v>
      </c>
      <c r="LY42" s="407">
        <v>0</v>
      </c>
      <c r="LZ42" s="407">
        <v>0</v>
      </c>
      <c r="MA42" s="407">
        <v>0</v>
      </c>
      <c r="MB42" s="407">
        <v>0</v>
      </c>
      <c r="MC42" s="407">
        <v>0</v>
      </c>
      <c r="MD42" s="411">
        <v>0</v>
      </c>
      <c r="ME42" s="412">
        <v>0</v>
      </c>
      <c r="MF42" s="410">
        <v>0</v>
      </c>
      <c r="MG42" s="407">
        <v>0</v>
      </c>
      <c r="MH42" s="411">
        <v>0</v>
      </c>
      <c r="MI42" s="437">
        <v>0</v>
      </c>
      <c r="MJ42" s="407">
        <v>0</v>
      </c>
      <c r="MK42" s="407">
        <v>0</v>
      </c>
      <c r="ML42" s="407">
        <v>214712</v>
      </c>
      <c r="MM42" s="407">
        <v>0</v>
      </c>
      <c r="MN42" s="407">
        <v>0</v>
      </c>
      <c r="MO42" s="411">
        <v>214712</v>
      </c>
      <c r="MP42" s="416">
        <v>214712</v>
      </c>
      <c r="MQ42" s="410">
        <v>0</v>
      </c>
      <c r="MR42" s="407">
        <v>0</v>
      </c>
      <c r="MS42" s="411">
        <v>0</v>
      </c>
      <c r="MT42" s="437">
        <v>0</v>
      </c>
      <c r="MU42" s="407">
        <v>0</v>
      </c>
      <c r="MV42" s="407">
        <v>0</v>
      </c>
      <c r="MW42" s="407">
        <v>214712</v>
      </c>
      <c r="MX42" s="407">
        <v>0</v>
      </c>
      <c r="MY42" s="407">
        <v>0</v>
      </c>
      <c r="MZ42" s="411">
        <v>214712</v>
      </c>
      <c r="NA42" s="416">
        <v>214712</v>
      </c>
      <c r="NB42" s="410">
        <v>0</v>
      </c>
      <c r="NC42" s="407">
        <v>0</v>
      </c>
      <c r="ND42" s="411">
        <v>0</v>
      </c>
      <c r="NE42" s="437">
        <v>0</v>
      </c>
      <c r="NF42" s="407">
        <v>0</v>
      </c>
      <c r="NG42" s="407">
        <v>0</v>
      </c>
      <c r="NH42" s="407">
        <v>0</v>
      </c>
      <c r="NI42" s="407">
        <v>0</v>
      </c>
      <c r="NJ42" s="407">
        <v>0</v>
      </c>
      <c r="NK42" s="411">
        <v>0</v>
      </c>
      <c r="NL42" s="409">
        <v>0</v>
      </c>
      <c r="NM42" s="410">
        <v>0</v>
      </c>
      <c r="NN42" s="407">
        <v>0</v>
      </c>
      <c r="NO42" s="411">
        <v>0</v>
      </c>
      <c r="NP42" s="437">
        <v>0</v>
      </c>
      <c r="NQ42" s="407">
        <v>0</v>
      </c>
      <c r="NR42" s="407">
        <v>0</v>
      </c>
      <c r="NS42" s="407">
        <v>0</v>
      </c>
      <c r="NT42" s="407">
        <v>0</v>
      </c>
      <c r="NU42" s="407">
        <v>0</v>
      </c>
      <c r="NV42" s="411">
        <v>0</v>
      </c>
      <c r="NW42" s="412">
        <v>0</v>
      </c>
      <c r="NX42" s="410">
        <v>0</v>
      </c>
      <c r="NY42" s="407">
        <v>0</v>
      </c>
      <c r="NZ42" s="411">
        <v>0</v>
      </c>
      <c r="OA42" s="437">
        <v>0</v>
      </c>
      <c r="OB42" s="407">
        <v>0</v>
      </c>
      <c r="OC42" s="407">
        <v>0</v>
      </c>
      <c r="OD42" s="407">
        <v>0</v>
      </c>
      <c r="OE42" s="407">
        <v>0</v>
      </c>
      <c r="OF42" s="407">
        <v>0</v>
      </c>
      <c r="OG42" s="411">
        <v>0</v>
      </c>
      <c r="OH42" s="412">
        <v>0</v>
      </c>
      <c r="OI42" s="410">
        <v>0</v>
      </c>
      <c r="OJ42" s="407">
        <v>0</v>
      </c>
      <c r="OK42" s="408">
        <v>0</v>
      </c>
      <c r="OL42" s="413">
        <v>0</v>
      </c>
      <c r="OM42" s="407">
        <v>21717</v>
      </c>
      <c r="ON42" s="407">
        <v>76244</v>
      </c>
      <c r="OO42" s="407">
        <v>351454</v>
      </c>
      <c r="OP42" s="407">
        <v>0</v>
      </c>
      <c r="OQ42" s="407">
        <v>0</v>
      </c>
      <c r="OR42" s="411">
        <v>449415</v>
      </c>
      <c r="OS42" s="416">
        <v>449415</v>
      </c>
    </row>
    <row r="43" spans="2:409" x14ac:dyDescent="0.2">
      <c r="B43" s="138"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138" customWidth="1"/>
    <col min="2" max="2" width="9.77734375" style="138" customWidth="1"/>
    <col min="3" max="3" width="8.21875" style="138" customWidth="1"/>
    <col min="4" max="5" width="10" style="138" customWidth="1"/>
    <col min="6" max="6" width="7.77734375" style="138" customWidth="1"/>
    <col min="7" max="8" width="10" style="138" customWidth="1"/>
    <col min="9" max="9" width="9.88671875" style="138" customWidth="1"/>
    <col min="10" max="10" width="9.77734375" style="138" customWidth="1"/>
    <col min="11" max="11" width="9.88671875" style="138" customWidth="1"/>
    <col min="12" max="12" width="10.88671875" style="138" customWidth="1"/>
    <col min="13" max="13" width="11.109375" style="138" customWidth="1"/>
    <col min="14" max="16" width="8.21875" style="138" customWidth="1"/>
    <col min="17" max="17" width="7.21875" style="138" customWidth="1"/>
    <col min="18" max="18" width="8.21875" style="138" customWidth="1"/>
    <col min="19" max="19" width="10.109375" style="138" customWidth="1"/>
    <col min="20" max="20" width="9.109375" style="138" customWidth="1"/>
    <col min="21" max="21" width="9.77734375" style="138" customWidth="1"/>
    <col min="22" max="22" width="10.33203125" style="138" customWidth="1"/>
    <col min="23" max="23" width="10.44140625" style="138" customWidth="1"/>
    <col min="24" max="24" width="11" style="138" customWidth="1"/>
    <col min="25" max="27" width="8.21875" style="138" customWidth="1"/>
    <col min="28" max="28" width="7" style="138" customWidth="1"/>
    <col min="29" max="33" width="8.21875" style="138" customWidth="1"/>
    <col min="34" max="34" width="10.6640625" style="138" customWidth="1"/>
    <col min="35" max="35" width="10" style="138" customWidth="1"/>
    <col min="36" max="38" width="8.21875" style="138" customWidth="1"/>
    <col min="39" max="39" width="7" style="138" customWidth="1"/>
    <col min="40" max="49" width="8.21875" style="138" customWidth="1"/>
    <col min="50" max="50" width="7.21875" style="138" customWidth="1"/>
    <col min="51" max="55" width="8.21875" style="138" customWidth="1"/>
    <col min="56" max="57" width="9.33203125" style="138" customWidth="1"/>
    <col min="58" max="60" width="8.21875" style="138" customWidth="1"/>
    <col min="61" max="61" width="6.88671875" style="138" customWidth="1"/>
    <col min="62" max="71" width="8.21875" style="138" customWidth="1"/>
    <col min="72" max="72" width="7.21875" style="138" customWidth="1"/>
    <col min="73" max="79" width="8.21875" style="138" customWidth="1"/>
    <col min="80" max="82" width="8.21875" style="263" customWidth="1"/>
    <col min="83" max="83" width="7.6640625" style="263" customWidth="1"/>
    <col min="84" max="84" width="9.88671875" style="263" customWidth="1"/>
    <col min="85" max="85" width="10" style="263" customWidth="1"/>
    <col min="86" max="86" width="9.77734375" style="263" customWidth="1"/>
    <col min="87" max="87" width="9.21875" style="263" customWidth="1"/>
    <col min="88" max="88" width="8.77734375" style="263" customWidth="1"/>
    <col min="89" max="89" width="9.88671875" style="263" customWidth="1"/>
    <col min="90" max="90" width="9.77734375" style="263" customWidth="1"/>
    <col min="91" max="93" width="8.21875" style="138" customWidth="1"/>
    <col min="94" max="94" width="7.33203125" style="138" customWidth="1"/>
    <col min="95" max="95" width="9.88671875" style="138" bestFit="1" customWidth="1"/>
    <col min="96" max="96" width="10" style="138" customWidth="1"/>
    <col min="97" max="97" width="9.6640625" style="138" customWidth="1"/>
    <col min="98" max="99" width="8.21875" style="138" customWidth="1"/>
    <col min="100" max="101" width="9.88671875" style="138" customWidth="1"/>
    <col min="102" max="104" width="8.21875" style="138" customWidth="1"/>
    <col min="105" max="105" width="7.44140625" style="138" customWidth="1"/>
    <col min="106" max="110" width="8.21875" style="138" customWidth="1"/>
    <col min="111" max="111" width="10" style="138" customWidth="1"/>
    <col min="112" max="112" width="9.88671875" style="138" customWidth="1"/>
    <col min="113" max="115" width="8.21875" style="263" customWidth="1"/>
    <col min="116" max="116" width="7.21875" style="263" customWidth="1"/>
    <col min="117" max="121" width="8.21875" style="263" customWidth="1"/>
    <col min="122" max="122" width="10.109375" style="263" customWidth="1"/>
    <col min="123" max="123" width="9.77734375" style="263" customWidth="1"/>
    <col min="124" max="126" width="8.21875" style="138" customWidth="1"/>
    <col min="127" max="127" width="7.33203125" style="138" customWidth="1"/>
    <col min="128" max="132" width="8.21875" style="138" customWidth="1"/>
    <col min="133" max="133" width="10.33203125" style="138" customWidth="1"/>
    <col min="134" max="134" width="10.109375" style="138" customWidth="1"/>
    <col min="135" max="137" width="8.21875" style="138" customWidth="1"/>
    <col min="138" max="138" width="7.109375" style="138" customWidth="1"/>
    <col min="139" max="148" width="8.21875" style="138" customWidth="1"/>
    <col min="149" max="149" width="7.21875" style="138" customWidth="1"/>
    <col min="150" max="159" width="8.21875" style="138" customWidth="1"/>
    <col min="160" max="160" width="7.21875" style="138" customWidth="1"/>
    <col min="161" max="167" width="8.21875" style="138" customWidth="1"/>
    <col min="168" max="170" width="8.21875" style="263" customWidth="1"/>
    <col min="171" max="171" width="6.6640625" style="263" customWidth="1"/>
    <col min="172" max="176" width="8.21875" style="263" customWidth="1"/>
    <col min="177" max="177" width="10.109375" style="263" customWidth="1"/>
    <col min="178" max="178" width="9.88671875" style="263" customWidth="1"/>
    <col min="179" max="181" width="8.21875" style="138" customWidth="1"/>
    <col min="182" max="182" width="7.33203125" style="138" customWidth="1"/>
    <col min="183" max="187" width="8.21875" style="138" customWidth="1"/>
    <col min="188" max="188" width="10" style="138" customWidth="1"/>
    <col min="189" max="189" width="10.6640625" style="138" customWidth="1"/>
    <col min="190" max="192" width="8.21875" style="138" customWidth="1"/>
    <col min="193" max="193" width="7.21875" style="138" customWidth="1"/>
    <col min="194" max="203" width="8.21875" style="138" customWidth="1"/>
    <col min="204" max="204" width="7.109375" style="138" customWidth="1"/>
    <col min="205" max="214" width="8.21875" style="138" customWidth="1"/>
    <col min="215" max="215" width="7.109375" style="138" customWidth="1"/>
    <col min="216" max="220" width="8.21875" style="138" customWidth="1"/>
    <col min="221" max="222" width="9.77734375" style="138" customWidth="1"/>
    <col min="223" max="225" width="8.21875" style="138" customWidth="1"/>
    <col min="226" max="226" width="7.21875" style="138" customWidth="1"/>
    <col min="227" max="231" width="8.21875" style="138" customWidth="1"/>
    <col min="232" max="233" width="10" style="138" customWidth="1"/>
    <col min="234" max="235" width="7.44140625" style="263" customWidth="1"/>
    <col min="236" max="236" width="9.33203125" style="263" customWidth="1"/>
    <col min="237" max="237" width="7.44140625" style="263" customWidth="1"/>
    <col min="238" max="244" width="10.109375" style="263" customWidth="1"/>
    <col min="245" max="247" width="10.109375" style="138" customWidth="1"/>
    <col min="248" max="248" width="7.109375" style="138" customWidth="1"/>
    <col min="249" max="258" width="10.109375" style="138" customWidth="1"/>
    <col min="259" max="259" width="7.33203125" style="138" customWidth="1"/>
    <col min="260" max="269" width="10.109375" style="138" customWidth="1"/>
    <col min="270" max="270" width="7.21875" style="138" customWidth="1"/>
    <col min="271" max="280" width="10.109375" style="138" customWidth="1"/>
    <col min="281" max="281" width="7.6640625" style="138" customWidth="1"/>
    <col min="282" max="291" width="10.109375" style="138" customWidth="1"/>
    <col min="292" max="292" width="6.33203125" style="138" customWidth="1"/>
    <col min="293" max="302" width="10.109375" style="138" customWidth="1"/>
    <col min="303" max="303" width="7.44140625" style="138" customWidth="1"/>
    <col min="304" max="310" width="10.109375" style="138" customWidth="1"/>
    <col min="311" max="313" width="10.109375" style="263" customWidth="1"/>
    <col min="314" max="314" width="7.109375" style="263" customWidth="1"/>
    <col min="315" max="324" width="10.109375" style="263" customWidth="1"/>
    <col min="325" max="325" width="7.44140625" style="263" customWidth="1"/>
    <col min="326" max="335" width="10.109375" style="263" customWidth="1"/>
    <col min="336" max="336" width="6.88671875" style="263" customWidth="1"/>
    <col min="337" max="343" width="10.109375" style="263" customWidth="1"/>
    <col min="344" max="346" width="10.109375" style="138" customWidth="1"/>
    <col min="347" max="347" width="7.21875" style="138" customWidth="1"/>
    <col min="348" max="357" width="10.109375" style="138" customWidth="1"/>
    <col min="358" max="358" width="7.21875" style="138" customWidth="1"/>
    <col min="359" max="368" width="10.109375" style="138" customWidth="1"/>
    <col min="369" max="369" width="7" style="138" customWidth="1"/>
    <col min="370" max="379" width="10.109375" style="138" customWidth="1"/>
    <col min="380" max="380" width="6.88671875" style="138" customWidth="1"/>
    <col min="381" max="385" width="10.109375" style="138" customWidth="1"/>
    <col min="386" max="387" width="10.33203125" style="138" customWidth="1"/>
    <col min="388" max="390" width="10.109375" style="138" customWidth="1"/>
    <col min="391" max="391" width="6.88671875" style="138" customWidth="1"/>
    <col min="392" max="396" width="10.109375" style="138" customWidth="1"/>
    <col min="397" max="398" width="10.33203125" style="138" customWidth="1"/>
    <col min="399" max="401" width="9.21875" style="138" customWidth="1"/>
    <col min="402" max="402" width="7" style="138" customWidth="1"/>
    <col min="403" max="404" width="9.21875" style="138" customWidth="1"/>
    <col min="405" max="405" width="10.44140625" style="138" customWidth="1"/>
    <col min="406" max="406" width="12.109375" style="138" customWidth="1"/>
    <col min="407" max="407" width="10.109375" style="138" customWidth="1"/>
    <col min="408" max="409" width="10.33203125" style="138" customWidth="1"/>
    <col min="410" max="16384" width="8.21875" style="138"/>
  </cols>
  <sheetData>
    <row r="1" spans="2:409" ht="24" customHeight="1" x14ac:dyDescent="0.2">
      <c r="B1" s="10" t="s">
        <v>133</v>
      </c>
      <c r="E1" s="127">
        <f>第１表!F2</f>
        <v>6</v>
      </c>
      <c r="F1" s="41">
        <f>第１表!G2</f>
        <v>4</v>
      </c>
      <c r="G1" s="605">
        <f>IF(F1&lt;3,F1-2+12,F1-2)</f>
        <v>2</v>
      </c>
      <c r="H1" s="605"/>
      <c r="IB1" s="102"/>
      <c r="IC1" s="47"/>
      <c r="ID1" s="580"/>
      <c r="IE1" s="580"/>
    </row>
    <row r="2" spans="2:409" ht="24" customHeight="1" x14ac:dyDescent="0.2">
      <c r="B2" s="10" t="s">
        <v>144</v>
      </c>
      <c r="E2" s="44"/>
      <c r="F2" s="45"/>
      <c r="G2" s="264"/>
      <c r="H2" s="264"/>
      <c r="IB2" s="46"/>
      <c r="IC2" s="47"/>
      <c r="ID2" s="264"/>
      <c r="IE2" s="264"/>
    </row>
    <row r="3" spans="2:409" ht="24" customHeight="1" thickBot="1" x14ac:dyDescent="0.25">
      <c r="B3" s="10" t="s">
        <v>153</v>
      </c>
    </row>
    <row r="4" spans="2:409" ht="21" customHeight="1" thickBot="1" x14ac:dyDescent="0.25">
      <c r="B4" s="587" t="s">
        <v>42</v>
      </c>
      <c r="C4" s="590" t="s">
        <v>63</v>
      </c>
      <c r="D4" s="590"/>
      <c r="E4" s="590"/>
      <c r="F4" s="590"/>
      <c r="G4" s="590"/>
      <c r="H4" s="590"/>
      <c r="I4" s="590"/>
      <c r="J4" s="590"/>
      <c r="K4" s="590"/>
      <c r="L4" s="590"/>
      <c r="M4" s="590"/>
      <c r="N4" s="553"/>
      <c r="O4" s="553"/>
      <c r="P4" s="553"/>
      <c r="Q4" s="553"/>
      <c r="R4" s="553"/>
      <c r="S4" s="553"/>
      <c r="T4" s="553"/>
      <c r="U4" s="553"/>
      <c r="V4" s="553"/>
      <c r="W4" s="553"/>
      <c r="X4" s="553"/>
      <c r="Y4" s="553"/>
      <c r="Z4" s="553"/>
      <c r="AA4" s="553"/>
      <c r="AB4" s="553"/>
      <c r="AC4" s="553"/>
      <c r="AD4" s="553"/>
      <c r="AE4" s="553"/>
      <c r="AF4" s="553"/>
      <c r="AG4" s="553"/>
      <c r="AH4" s="553"/>
      <c r="AI4" s="553"/>
      <c r="AJ4" s="553"/>
      <c r="AK4" s="553"/>
      <c r="AL4" s="553"/>
      <c r="AM4" s="553"/>
      <c r="AN4" s="553"/>
      <c r="AO4" s="553"/>
      <c r="AP4" s="553"/>
      <c r="AQ4" s="553"/>
      <c r="AR4" s="553"/>
      <c r="AS4" s="553"/>
      <c r="AT4" s="553"/>
      <c r="AU4" s="553"/>
      <c r="AV4" s="553"/>
      <c r="AW4" s="553"/>
      <c r="AX4" s="553"/>
      <c r="AY4" s="553"/>
      <c r="AZ4" s="553"/>
      <c r="BA4" s="553"/>
      <c r="BB4" s="553"/>
      <c r="BC4" s="553"/>
      <c r="BD4" s="553"/>
      <c r="BE4" s="553"/>
      <c r="BF4" s="553"/>
      <c r="BG4" s="553"/>
      <c r="BH4" s="553"/>
      <c r="BI4" s="553"/>
      <c r="BJ4" s="553"/>
      <c r="BK4" s="553"/>
      <c r="BL4" s="553"/>
      <c r="BM4" s="553"/>
      <c r="BN4" s="553"/>
      <c r="BO4" s="553"/>
      <c r="BP4" s="553"/>
      <c r="BQ4" s="553"/>
      <c r="BR4" s="553"/>
      <c r="BS4" s="553"/>
      <c r="BT4" s="553"/>
      <c r="BU4" s="553"/>
      <c r="BV4" s="553"/>
      <c r="BW4" s="553"/>
      <c r="BX4" s="553"/>
      <c r="BY4" s="553"/>
      <c r="BZ4" s="553"/>
      <c r="CA4" s="553"/>
      <c r="CB4" s="553"/>
      <c r="CC4" s="553"/>
      <c r="CD4" s="553"/>
      <c r="CE4" s="553"/>
      <c r="CF4" s="553"/>
      <c r="CG4" s="553"/>
      <c r="CH4" s="553"/>
      <c r="CI4" s="553"/>
      <c r="CJ4" s="553"/>
      <c r="CK4" s="553"/>
      <c r="CL4" s="553"/>
      <c r="CM4" s="553"/>
      <c r="CN4" s="553"/>
      <c r="CO4" s="553"/>
      <c r="CP4" s="553"/>
      <c r="CQ4" s="553"/>
      <c r="CR4" s="553"/>
      <c r="CS4" s="553"/>
      <c r="CT4" s="553"/>
      <c r="CU4" s="553"/>
      <c r="CV4" s="553"/>
      <c r="CW4" s="553"/>
      <c r="CX4" s="553"/>
      <c r="CY4" s="553"/>
      <c r="CZ4" s="553"/>
      <c r="DA4" s="553"/>
      <c r="DB4" s="553"/>
      <c r="DC4" s="553"/>
      <c r="DD4" s="553"/>
      <c r="DE4" s="553"/>
      <c r="DF4" s="553"/>
      <c r="DG4" s="553"/>
      <c r="DH4" s="553"/>
      <c r="DI4" s="553"/>
      <c r="DJ4" s="553"/>
      <c r="DK4" s="553"/>
      <c r="DL4" s="553"/>
      <c r="DM4" s="553"/>
      <c r="DN4" s="553"/>
      <c r="DO4" s="553"/>
      <c r="DP4" s="553"/>
      <c r="DQ4" s="553"/>
      <c r="DR4" s="553"/>
      <c r="DS4" s="553"/>
      <c r="DT4" s="553"/>
      <c r="DU4" s="553"/>
      <c r="DV4" s="553"/>
      <c r="DW4" s="553"/>
      <c r="DX4" s="553"/>
      <c r="DY4" s="553"/>
      <c r="DZ4" s="553"/>
      <c r="EA4" s="553"/>
      <c r="EB4" s="553"/>
      <c r="EC4" s="553"/>
      <c r="ED4" s="553"/>
      <c r="EE4" s="553"/>
      <c r="EF4" s="553"/>
      <c r="EG4" s="553"/>
      <c r="EH4" s="553"/>
      <c r="EI4" s="553"/>
      <c r="EJ4" s="553"/>
      <c r="EK4" s="553"/>
      <c r="EL4" s="553"/>
      <c r="EM4" s="553"/>
      <c r="EN4" s="553"/>
      <c r="EO4" s="553"/>
      <c r="EP4" s="553"/>
      <c r="EQ4" s="553"/>
      <c r="ER4" s="553"/>
      <c r="ES4" s="553"/>
      <c r="ET4" s="553"/>
      <c r="EU4" s="553"/>
      <c r="EV4" s="553"/>
      <c r="EW4" s="553"/>
      <c r="EX4" s="553"/>
      <c r="EY4" s="553"/>
      <c r="EZ4" s="553"/>
      <c r="FA4" s="553"/>
      <c r="FB4" s="553"/>
      <c r="FC4" s="553"/>
      <c r="FD4" s="553"/>
      <c r="FE4" s="553"/>
      <c r="FF4" s="553"/>
      <c r="FG4" s="553"/>
      <c r="FH4" s="553"/>
      <c r="FI4" s="553"/>
      <c r="FJ4" s="553"/>
      <c r="FK4" s="553"/>
      <c r="FL4" s="553"/>
      <c r="FM4" s="553"/>
      <c r="FN4" s="553"/>
      <c r="FO4" s="553"/>
      <c r="FP4" s="553"/>
      <c r="FQ4" s="553"/>
      <c r="FR4" s="553"/>
      <c r="FS4" s="553"/>
      <c r="FT4" s="553"/>
      <c r="FU4" s="553"/>
      <c r="FV4" s="553"/>
      <c r="FW4" s="553"/>
      <c r="FX4" s="553"/>
      <c r="FY4" s="553"/>
      <c r="FZ4" s="553"/>
      <c r="GA4" s="553"/>
      <c r="GB4" s="553"/>
      <c r="GC4" s="553"/>
      <c r="GD4" s="553"/>
      <c r="GE4" s="553"/>
      <c r="GF4" s="553"/>
      <c r="GG4" s="553"/>
      <c r="GH4" s="553"/>
      <c r="GI4" s="553"/>
      <c r="GJ4" s="553"/>
      <c r="GK4" s="553"/>
      <c r="GL4" s="553"/>
      <c r="GM4" s="553"/>
      <c r="GN4" s="553"/>
      <c r="GO4" s="553"/>
      <c r="GP4" s="553"/>
      <c r="GQ4" s="553"/>
      <c r="GR4" s="553"/>
      <c r="GS4" s="553"/>
      <c r="GT4" s="553"/>
      <c r="GU4" s="553"/>
      <c r="GV4" s="553"/>
      <c r="GW4" s="553"/>
      <c r="GX4" s="553"/>
      <c r="GY4" s="553"/>
      <c r="GZ4" s="553"/>
      <c r="HA4" s="553"/>
      <c r="HB4" s="553"/>
      <c r="HC4" s="553"/>
      <c r="HD4" s="553"/>
      <c r="HE4" s="553"/>
      <c r="HF4" s="553"/>
      <c r="HG4" s="553"/>
      <c r="HH4" s="553"/>
      <c r="HI4" s="553"/>
      <c r="HJ4" s="553"/>
      <c r="HK4" s="553"/>
      <c r="HL4" s="553"/>
      <c r="HM4" s="553"/>
      <c r="HN4" s="553"/>
      <c r="HO4" s="553"/>
      <c r="HP4" s="553"/>
      <c r="HQ4" s="553"/>
      <c r="HR4" s="553"/>
      <c r="HS4" s="553"/>
      <c r="HT4" s="553"/>
      <c r="HU4" s="553"/>
      <c r="HV4" s="553"/>
      <c r="HW4" s="553"/>
      <c r="HX4" s="553"/>
      <c r="HY4" s="554"/>
      <c r="HZ4" s="447" t="s">
        <v>85</v>
      </c>
      <c r="IA4" s="448"/>
      <c r="IB4" s="448"/>
      <c r="IC4" s="448"/>
      <c r="ID4" s="448"/>
      <c r="IE4" s="448"/>
      <c r="IF4" s="448"/>
      <c r="IG4" s="448"/>
      <c r="IH4" s="448"/>
      <c r="II4" s="448"/>
      <c r="IJ4" s="448"/>
      <c r="IK4" s="448"/>
      <c r="IL4" s="448"/>
      <c r="IM4" s="448"/>
      <c r="IN4" s="448"/>
      <c r="IO4" s="448"/>
      <c r="IP4" s="448"/>
      <c r="IQ4" s="448"/>
      <c r="IR4" s="448"/>
      <c r="IS4" s="448"/>
      <c r="IT4" s="448"/>
      <c r="IU4" s="448"/>
      <c r="IV4" s="448"/>
      <c r="IW4" s="448"/>
      <c r="IX4" s="448"/>
      <c r="IY4" s="448"/>
      <c r="IZ4" s="448"/>
      <c r="JA4" s="448"/>
      <c r="JB4" s="448"/>
      <c r="JC4" s="448"/>
      <c r="JD4" s="448"/>
      <c r="JE4" s="448"/>
      <c r="JF4" s="448"/>
      <c r="JG4" s="448"/>
      <c r="JH4" s="448"/>
      <c r="JI4" s="448"/>
      <c r="JJ4" s="448"/>
      <c r="JK4" s="448"/>
      <c r="JL4" s="448"/>
      <c r="JM4" s="448"/>
      <c r="JN4" s="448"/>
      <c r="JO4" s="448"/>
      <c r="JP4" s="448"/>
      <c r="JQ4" s="448"/>
      <c r="JR4" s="448"/>
      <c r="JS4" s="448"/>
      <c r="JT4" s="448"/>
      <c r="JU4" s="448"/>
      <c r="JV4" s="448"/>
      <c r="JW4" s="448"/>
      <c r="JX4" s="448"/>
      <c r="JY4" s="448"/>
      <c r="JZ4" s="448"/>
      <c r="KA4" s="448"/>
      <c r="KB4" s="448"/>
      <c r="KC4" s="448"/>
      <c r="KD4" s="448"/>
      <c r="KE4" s="448"/>
      <c r="KF4" s="448"/>
      <c r="KG4" s="448"/>
      <c r="KH4" s="448"/>
      <c r="KI4" s="448"/>
      <c r="KJ4" s="448"/>
      <c r="KK4" s="448"/>
      <c r="KL4" s="448"/>
      <c r="KM4" s="448"/>
      <c r="KN4" s="448"/>
      <c r="KO4" s="448"/>
      <c r="KP4" s="448"/>
      <c r="KQ4" s="448"/>
      <c r="KR4" s="448"/>
      <c r="KS4" s="448"/>
      <c r="KT4" s="448"/>
      <c r="KU4" s="448"/>
      <c r="KV4" s="448"/>
      <c r="KW4" s="448"/>
      <c r="KX4" s="448"/>
      <c r="KY4" s="448"/>
      <c r="KZ4" s="448"/>
      <c r="LA4" s="448"/>
      <c r="LB4" s="448"/>
      <c r="LC4" s="448"/>
      <c r="LD4" s="448"/>
      <c r="LE4" s="448"/>
      <c r="LF4" s="448"/>
      <c r="LG4" s="448"/>
      <c r="LH4" s="448"/>
      <c r="LI4" s="448"/>
      <c r="LJ4" s="448"/>
      <c r="LK4" s="448"/>
      <c r="LL4" s="448"/>
      <c r="LM4" s="448"/>
      <c r="LN4" s="448"/>
      <c r="LO4" s="448"/>
      <c r="LP4" s="448"/>
      <c r="LQ4" s="448"/>
      <c r="LR4" s="448"/>
      <c r="LS4" s="448"/>
      <c r="LT4" s="448"/>
      <c r="LU4" s="448"/>
      <c r="LV4" s="448"/>
      <c r="LW4" s="448"/>
      <c r="LX4" s="448"/>
      <c r="LY4" s="448"/>
      <c r="LZ4" s="448"/>
      <c r="MA4" s="448"/>
      <c r="MB4" s="448"/>
      <c r="MC4" s="448"/>
      <c r="MD4" s="448"/>
      <c r="ME4" s="449"/>
      <c r="MF4" s="447" t="s">
        <v>86</v>
      </c>
      <c r="MG4" s="448"/>
      <c r="MH4" s="448"/>
      <c r="MI4" s="448"/>
      <c r="MJ4" s="448"/>
      <c r="MK4" s="448"/>
      <c r="ML4" s="448"/>
      <c r="MM4" s="448"/>
      <c r="MN4" s="448"/>
      <c r="MO4" s="448"/>
      <c r="MP4" s="448"/>
      <c r="MQ4" s="448"/>
      <c r="MR4" s="448"/>
      <c r="MS4" s="448"/>
      <c r="MT4" s="448"/>
      <c r="MU4" s="448"/>
      <c r="MV4" s="448"/>
      <c r="MW4" s="448"/>
      <c r="MX4" s="448"/>
      <c r="MY4" s="448"/>
      <c r="MZ4" s="448"/>
      <c r="NA4" s="448"/>
      <c r="NB4" s="448"/>
      <c r="NC4" s="448"/>
      <c r="ND4" s="448"/>
      <c r="NE4" s="448"/>
      <c r="NF4" s="448"/>
      <c r="NG4" s="448"/>
      <c r="NH4" s="448"/>
      <c r="NI4" s="448"/>
      <c r="NJ4" s="448"/>
      <c r="NK4" s="448"/>
      <c r="NL4" s="448"/>
      <c r="NM4" s="448"/>
      <c r="NN4" s="448"/>
      <c r="NO4" s="448"/>
      <c r="NP4" s="448"/>
      <c r="NQ4" s="448"/>
      <c r="NR4" s="448"/>
      <c r="NS4" s="448"/>
      <c r="NT4" s="448"/>
      <c r="NU4" s="448"/>
      <c r="NV4" s="448"/>
      <c r="NW4" s="448"/>
      <c r="NX4" s="448"/>
      <c r="NY4" s="448"/>
      <c r="NZ4" s="448"/>
      <c r="OA4" s="448"/>
      <c r="OB4" s="448"/>
      <c r="OC4" s="448"/>
      <c r="OD4" s="448"/>
      <c r="OE4" s="448"/>
      <c r="OF4" s="448"/>
      <c r="OG4" s="448"/>
      <c r="OH4" s="449"/>
      <c r="OI4" s="450" t="s">
        <v>60</v>
      </c>
      <c r="OJ4" s="451"/>
      <c r="OK4" s="451"/>
      <c r="OL4" s="451"/>
      <c r="OM4" s="451"/>
      <c r="ON4" s="451"/>
      <c r="OO4" s="451"/>
      <c r="OP4" s="451"/>
      <c r="OQ4" s="451"/>
      <c r="OR4" s="451"/>
      <c r="OS4" s="452"/>
    </row>
    <row r="5" spans="2:409" ht="21" customHeight="1" thickBot="1" x14ac:dyDescent="0.25">
      <c r="B5" s="588"/>
      <c r="C5" s="591"/>
      <c r="D5" s="591"/>
      <c r="E5" s="591"/>
      <c r="F5" s="591"/>
      <c r="G5" s="591"/>
      <c r="H5" s="591"/>
      <c r="I5" s="591"/>
      <c r="J5" s="591"/>
      <c r="K5" s="591"/>
      <c r="L5" s="591"/>
      <c r="M5" s="591"/>
      <c r="N5" s="593" t="s">
        <v>64</v>
      </c>
      <c r="O5" s="594"/>
      <c r="P5" s="594"/>
      <c r="Q5" s="594"/>
      <c r="R5" s="594"/>
      <c r="S5" s="594"/>
      <c r="T5" s="594"/>
      <c r="U5" s="594"/>
      <c r="V5" s="594"/>
      <c r="W5" s="594"/>
      <c r="X5" s="594"/>
      <c r="Y5" s="594"/>
      <c r="Z5" s="594"/>
      <c r="AA5" s="594"/>
      <c r="AB5" s="594"/>
      <c r="AC5" s="594"/>
      <c r="AD5" s="594"/>
      <c r="AE5" s="594"/>
      <c r="AF5" s="594"/>
      <c r="AG5" s="594"/>
      <c r="AH5" s="594"/>
      <c r="AI5" s="594"/>
      <c r="AJ5" s="594"/>
      <c r="AK5" s="594"/>
      <c r="AL5" s="594"/>
      <c r="AM5" s="594"/>
      <c r="AN5" s="594"/>
      <c r="AO5" s="594"/>
      <c r="AP5" s="594"/>
      <c r="AQ5" s="594"/>
      <c r="AR5" s="594"/>
      <c r="AS5" s="594"/>
      <c r="AT5" s="594"/>
      <c r="AU5" s="594"/>
      <c r="AV5" s="594"/>
      <c r="AW5" s="594"/>
      <c r="AX5" s="594"/>
      <c r="AY5" s="594"/>
      <c r="AZ5" s="594"/>
      <c r="BA5" s="594"/>
      <c r="BB5" s="594"/>
      <c r="BC5" s="594"/>
      <c r="BD5" s="594"/>
      <c r="BE5" s="594"/>
      <c r="BF5" s="594"/>
      <c r="BG5" s="594"/>
      <c r="BH5" s="594"/>
      <c r="BI5" s="594"/>
      <c r="BJ5" s="594"/>
      <c r="BK5" s="594"/>
      <c r="BL5" s="594"/>
      <c r="BM5" s="594"/>
      <c r="BN5" s="594"/>
      <c r="BO5" s="594"/>
      <c r="BP5" s="594"/>
      <c r="BQ5" s="594"/>
      <c r="BR5" s="594"/>
      <c r="BS5" s="594"/>
      <c r="BT5" s="594"/>
      <c r="BU5" s="594"/>
      <c r="BV5" s="594"/>
      <c r="BW5" s="594"/>
      <c r="BX5" s="594"/>
      <c r="BY5" s="594"/>
      <c r="BZ5" s="594"/>
      <c r="CA5" s="595"/>
      <c r="CB5" s="593" t="s">
        <v>65</v>
      </c>
      <c r="CC5" s="594"/>
      <c r="CD5" s="594"/>
      <c r="CE5" s="594"/>
      <c r="CF5" s="594"/>
      <c r="CG5" s="594"/>
      <c r="CH5" s="594"/>
      <c r="CI5" s="594"/>
      <c r="CJ5" s="594"/>
      <c r="CK5" s="594"/>
      <c r="CL5" s="594"/>
      <c r="CM5" s="594"/>
      <c r="CN5" s="594"/>
      <c r="CO5" s="594"/>
      <c r="CP5" s="594"/>
      <c r="CQ5" s="594"/>
      <c r="CR5" s="594"/>
      <c r="CS5" s="594"/>
      <c r="CT5" s="594"/>
      <c r="CU5" s="594"/>
      <c r="CV5" s="594"/>
      <c r="CW5" s="594"/>
      <c r="CX5" s="594"/>
      <c r="CY5" s="594"/>
      <c r="CZ5" s="594"/>
      <c r="DA5" s="594"/>
      <c r="DB5" s="594"/>
      <c r="DC5" s="594"/>
      <c r="DD5" s="594"/>
      <c r="DE5" s="594"/>
      <c r="DF5" s="594"/>
      <c r="DG5" s="594"/>
      <c r="DH5" s="595"/>
      <c r="DI5" s="447" t="s">
        <v>66</v>
      </c>
      <c r="DJ5" s="448"/>
      <c r="DK5" s="448"/>
      <c r="DL5" s="448"/>
      <c r="DM5" s="448"/>
      <c r="DN5" s="448"/>
      <c r="DO5" s="448"/>
      <c r="DP5" s="448"/>
      <c r="DQ5" s="448"/>
      <c r="DR5" s="448"/>
      <c r="DS5" s="448"/>
      <c r="DT5" s="448"/>
      <c r="DU5" s="448"/>
      <c r="DV5" s="448"/>
      <c r="DW5" s="448"/>
      <c r="DX5" s="448"/>
      <c r="DY5" s="448"/>
      <c r="DZ5" s="448"/>
      <c r="EA5" s="448"/>
      <c r="EB5" s="448"/>
      <c r="EC5" s="448"/>
      <c r="ED5" s="448"/>
      <c r="EE5" s="448"/>
      <c r="EF5" s="448"/>
      <c r="EG5" s="448"/>
      <c r="EH5" s="448"/>
      <c r="EI5" s="448"/>
      <c r="EJ5" s="448"/>
      <c r="EK5" s="448"/>
      <c r="EL5" s="448"/>
      <c r="EM5" s="448"/>
      <c r="EN5" s="448"/>
      <c r="EO5" s="448"/>
      <c r="EP5" s="448"/>
      <c r="EQ5" s="448"/>
      <c r="ER5" s="448"/>
      <c r="ES5" s="448"/>
      <c r="ET5" s="448"/>
      <c r="EU5" s="448"/>
      <c r="EV5" s="448"/>
      <c r="EW5" s="448"/>
      <c r="EX5" s="448"/>
      <c r="EY5" s="448"/>
      <c r="EZ5" s="448"/>
      <c r="FA5" s="448"/>
      <c r="FB5" s="448"/>
      <c r="FC5" s="448"/>
      <c r="FD5" s="448"/>
      <c r="FE5" s="448"/>
      <c r="FF5" s="448"/>
      <c r="FG5" s="448"/>
      <c r="FH5" s="448"/>
      <c r="FI5" s="448"/>
      <c r="FJ5" s="448"/>
      <c r="FK5" s="449"/>
      <c r="FL5" s="593" t="s">
        <v>67</v>
      </c>
      <c r="FM5" s="594"/>
      <c r="FN5" s="594"/>
      <c r="FO5" s="594"/>
      <c r="FP5" s="594"/>
      <c r="FQ5" s="594"/>
      <c r="FR5" s="594"/>
      <c r="FS5" s="594"/>
      <c r="FT5" s="594"/>
      <c r="FU5" s="594"/>
      <c r="FV5" s="594"/>
      <c r="FW5" s="594"/>
      <c r="FX5" s="594"/>
      <c r="FY5" s="594"/>
      <c r="FZ5" s="594"/>
      <c r="GA5" s="594"/>
      <c r="GB5" s="594"/>
      <c r="GC5" s="594"/>
      <c r="GD5" s="594"/>
      <c r="GE5" s="594"/>
      <c r="GF5" s="594"/>
      <c r="GG5" s="594"/>
      <c r="GH5" s="594"/>
      <c r="GI5" s="594"/>
      <c r="GJ5" s="594"/>
      <c r="GK5" s="594"/>
      <c r="GL5" s="594"/>
      <c r="GM5" s="594"/>
      <c r="GN5" s="594"/>
      <c r="GO5" s="594"/>
      <c r="GP5" s="594"/>
      <c r="GQ5" s="594"/>
      <c r="GR5" s="594"/>
      <c r="GS5" s="594"/>
      <c r="GT5" s="594"/>
      <c r="GU5" s="594"/>
      <c r="GV5" s="594"/>
      <c r="GW5" s="594"/>
      <c r="GX5" s="594"/>
      <c r="GY5" s="594"/>
      <c r="GZ5" s="594"/>
      <c r="HA5" s="594"/>
      <c r="HB5" s="594"/>
      <c r="HC5" s="595"/>
      <c r="HD5" s="596" t="s">
        <v>68</v>
      </c>
      <c r="HE5" s="597"/>
      <c r="HF5" s="597"/>
      <c r="HG5" s="597"/>
      <c r="HH5" s="597"/>
      <c r="HI5" s="597"/>
      <c r="HJ5" s="597"/>
      <c r="HK5" s="597"/>
      <c r="HL5" s="597"/>
      <c r="HM5" s="597"/>
      <c r="HN5" s="598"/>
      <c r="HO5" s="596" t="s">
        <v>69</v>
      </c>
      <c r="HP5" s="597"/>
      <c r="HQ5" s="597"/>
      <c r="HR5" s="597"/>
      <c r="HS5" s="597"/>
      <c r="HT5" s="597"/>
      <c r="HU5" s="597"/>
      <c r="HV5" s="597"/>
      <c r="HW5" s="597"/>
      <c r="HX5" s="597"/>
      <c r="HY5" s="598"/>
      <c r="HZ5" s="571"/>
      <c r="IA5" s="572"/>
      <c r="IB5" s="572"/>
      <c r="IC5" s="572"/>
      <c r="ID5" s="572"/>
      <c r="IE5" s="572"/>
      <c r="IF5" s="572"/>
      <c r="IG5" s="572"/>
      <c r="IH5" s="572"/>
      <c r="II5" s="572"/>
      <c r="IJ5" s="573"/>
      <c r="IK5" s="450" t="s">
        <v>94</v>
      </c>
      <c r="IL5" s="451"/>
      <c r="IM5" s="451"/>
      <c r="IN5" s="451"/>
      <c r="IO5" s="451"/>
      <c r="IP5" s="451"/>
      <c r="IQ5" s="451"/>
      <c r="IR5" s="451"/>
      <c r="IS5" s="451"/>
      <c r="IT5" s="451"/>
      <c r="IU5" s="452"/>
      <c r="IV5" s="450" t="s">
        <v>88</v>
      </c>
      <c r="IW5" s="451"/>
      <c r="IX5" s="451"/>
      <c r="IY5" s="451"/>
      <c r="IZ5" s="451"/>
      <c r="JA5" s="451"/>
      <c r="JB5" s="451"/>
      <c r="JC5" s="451"/>
      <c r="JD5" s="451"/>
      <c r="JE5" s="451"/>
      <c r="JF5" s="452"/>
      <c r="JG5" s="450" t="s">
        <v>141</v>
      </c>
      <c r="JH5" s="451"/>
      <c r="JI5" s="451"/>
      <c r="JJ5" s="451"/>
      <c r="JK5" s="451"/>
      <c r="JL5" s="451"/>
      <c r="JM5" s="451"/>
      <c r="JN5" s="451"/>
      <c r="JO5" s="451"/>
      <c r="JP5" s="451"/>
      <c r="JQ5" s="452"/>
      <c r="JR5" s="450" t="s">
        <v>90</v>
      </c>
      <c r="JS5" s="451"/>
      <c r="JT5" s="451"/>
      <c r="JU5" s="451"/>
      <c r="JV5" s="451"/>
      <c r="JW5" s="451"/>
      <c r="JX5" s="451"/>
      <c r="JY5" s="451"/>
      <c r="JZ5" s="451"/>
      <c r="KA5" s="451"/>
      <c r="KB5" s="452"/>
      <c r="KC5" s="450" t="s">
        <v>89</v>
      </c>
      <c r="KD5" s="451"/>
      <c r="KE5" s="451"/>
      <c r="KF5" s="451"/>
      <c r="KG5" s="451"/>
      <c r="KH5" s="451"/>
      <c r="KI5" s="451"/>
      <c r="KJ5" s="451"/>
      <c r="KK5" s="451"/>
      <c r="KL5" s="451"/>
      <c r="KM5" s="452"/>
      <c r="KN5" s="450" t="s">
        <v>91</v>
      </c>
      <c r="KO5" s="451"/>
      <c r="KP5" s="451"/>
      <c r="KQ5" s="451"/>
      <c r="KR5" s="451"/>
      <c r="KS5" s="451"/>
      <c r="KT5" s="451"/>
      <c r="KU5" s="451"/>
      <c r="KV5" s="451"/>
      <c r="KW5" s="451"/>
      <c r="KX5" s="452"/>
      <c r="KY5" s="450" t="s">
        <v>92</v>
      </c>
      <c r="KZ5" s="451"/>
      <c r="LA5" s="451"/>
      <c r="LB5" s="451"/>
      <c r="LC5" s="451"/>
      <c r="LD5" s="451"/>
      <c r="LE5" s="451"/>
      <c r="LF5" s="451"/>
      <c r="LG5" s="451"/>
      <c r="LH5" s="451"/>
      <c r="LI5" s="452"/>
      <c r="LJ5" s="577" t="s">
        <v>93</v>
      </c>
      <c r="LK5" s="578"/>
      <c r="LL5" s="578"/>
      <c r="LM5" s="578"/>
      <c r="LN5" s="578"/>
      <c r="LO5" s="578"/>
      <c r="LP5" s="578"/>
      <c r="LQ5" s="578"/>
      <c r="LR5" s="578"/>
      <c r="LS5" s="578"/>
      <c r="LT5" s="579"/>
      <c r="LU5" s="577" t="s">
        <v>142</v>
      </c>
      <c r="LV5" s="578"/>
      <c r="LW5" s="578"/>
      <c r="LX5" s="578"/>
      <c r="LY5" s="578"/>
      <c r="LZ5" s="578"/>
      <c r="MA5" s="578"/>
      <c r="MB5" s="578"/>
      <c r="MC5" s="578"/>
      <c r="MD5" s="578"/>
      <c r="ME5" s="579"/>
      <c r="MF5" s="571"/>
      <c r="MG5" s="572"/>
      <c r="MH5" s="572"/>
      <c r="MI5" s="572"/>
      <c r="MJ5" s="572"/>
      <c r="MK5" s="572"/>
      <c r="ML5" s="572"/>
      <c r="MM5" s="572"/>
      <c r="MN5" s="572"/>
      <c r="MO5" s="572"/>
      <c r="MP5" s="573"/>
      <c r="MQ5" s="450" t="s">
        <v>57</v>
      </c>
      <c r="MR5" s="451"/>
      <c r="MS5" s="451"/>
      <c r="MT5" s="451"/>
      <c r="MU5" s="451"/>
      <c r="MV5" s="451"/>
      <c r="MW5" s="451"/>
      <c r="MX5" s="451"/>
      <c r="MY5" s="451"/>
      <c r="MZ5" s="451"/>
      <c r="NA5" s="452"/>
      <c r="NB5" s="450" t="s">
        <v>58</v>
      </c>
      <c r="NC5" s="451"/>
      <c r="ND5" s="451"/>
      <c r="NE5" s="451"/>
      <c r="NF5" s="451"/>
      <c r="NG5" s="451"/>
      <c r="NH5" s="451"/>
      <c r="NI5" s="451"/>
      <c r="NJ5" s="451"/>
      <c r="NK5" s="451"/>
      <c r="NL5" s="452"/>
      <c r="NM5" s="450" t="s">
        <v>59</v>
      </c>
      <c r="NN5" s="451"/>
      <c r="NO5" s="451"/>
      <c r="NP5" s="451"/>
      <c r="NQ5" s="451"/>
      <c r="NR5" s="451"/>
      <c r="NS5" s="451"/>
      <c r="NT5" s="451"/>
      <c r="NU5" s="451"/>
      <c r="NV5" s="451"/>
      <c r="NW5" s="452"/>
      <c r="NX5" s="450" t="s">
        <v>148</v>
      </c>
      <c r="NY5" s="451"/>
      <c r="NZ5" s="451"/>
      <c r="OA5" s="451"/>
      <c r="OB5" s="451"/>
      <c r="OC5" s="451"/>
      <c r="OD5" s="451"/>
      <c r="OE5" s="451"/>
      <c r="OF5" s="451"/>
      <c r="OG5" s="451"/>
      <c r="OH5" s="452"/>
      <c r="OI5" s="462"/>
      <c r="OJ5" s="569"/>
      <c r="OK5" s="569"/>
      <c r="OL5" s="569"/>
      <c r="OM5" s="569"/>
      <c r="ON5" s="569"/>
      <c r="OO5" s="569"/>
      <c r="OP5" s="569"/>
      <c r="OQ5" s="569"/>
      <c r="OR5" s="569"/>
      <c r="OS5" s="570"/>
    </row>
    <row r="6" spans="2:409" ht="21" customHeight="1" thickBot="1" x14ac:dyDescent="0.25">
      <c r="B6" s="588"/>
      <c r="C6" s="592"/>
      <c r="D6" s="592"/>
      <c r="E6" s="592"/>
      <c r="F6" s="592"/>
      <c r="G6" s="592"/>
      <c r="H6" s="592"/>
      <c r="I6" s="592"/>
      <c r="J6" s="592"/>
      <c r="K6" s="592"/>
      <c r="L6" s="592"/>
      <c r="M6" s="592"/>
      <c r="N6" s="456"/>
      <c r="O6" s="457"/>
      <c r="P6" s="457"/>
      <c r="Q6" s="457"/>
      <c r="R6" s="457"/>
      <c r="S6" s="457"/>
      <c r="T6" s="457"/>
      <c r="U6" s="457"/>
      <c r="V6" s="457"/>
      <c r="W6" s="457"/>
      <c r="X6" s="458"/>
      <c r="Y6" s="459" t="s">
        <v>70</v>
      </c>
      <c r="Z6" s="460"/>
      <c r="AA6" s="460"/>
      <c r="AB6" s="460"/>
      <c r="AC6" s="460"/>
      <c r="AD6" s="460"/>
      <c r="AE6" s="460"/>
      <c r="AF6" s="460"/>
      <c r="AG6" s="460"/>
      <c r="AH6" s="460"/>
      <c r="AI6" s="461"/>
      <c r="AJ6" s="606" t="s">
        <v>71</v>
      </c>
      <c r="AK6" s="607"/>
      <c r="AL6" s="607"/>
      <c r="AM6" s="607"/>
      <c r="AN6" s="607"/>
      <c r="AO6" s="607"/>
      <c r="AP6" s="607"/>
      <c r="AQ6" s="607"/>
      <c r="AR6" s="607"/>
      <c r="AS6" s="607"/>
      <c r="AT6" s="608"/>
      <c r="AU6" s="606" t="s">
        <v>72</v>
      </c>
      <c r="AV6" s="607"/>
      <c r="AW6" s="607"/>
      <c r="AX6" s="607"/>
      <c r="AY6" s="607"/>
      <c r="AZ6" s="607"/>
      <c r="BA6" s="607"/>
      <c r="BB6" s="607"/>
      <c r="BC6" s="607"/>
      <c r="BD6" s="607"/>
      <c r="BE6" s="608"/>
      <c r="BF6" s="606" t="s">
        <v>73</v>
      </c>
      <c r="BG6" s="607"/>
      <c r="BH6" s="607"/>
      <c r="BI6" s="607"/>
      <c r="BJ6" s="607"/>
      <c r="BK6" s="607"/>
      <c r="BL6" s="607"/>
      <c r="BM6" s="607"/>
      <c r="BN6" s="607"/>
      <c r="BO6" s="607"/>
      <c r="BP6" s="608"/>
      <c r="BQ6" s="606" t="s">
        <v>74</v>
      </c>
      <c r="BR6" s="607"/>
      <c r="BS6" s="607"/>
      <c r="BT6" s="607"/>
      <c r="BU6" s="607"/>
      <c r="BV6" s="607"/>
      <c r="BW6" s="607"/>
      <c r="BX6" s="607"/>
      <c r="BY6" s="607"/>
      <c r="BZ6" s="607"/>
      <c r="CA6" s="608"/>
      <c r="CB6" s="574"/>
      <c r="CC6" s="575"/>
      <c r="CD6" s="575"/>
      <c r="CE6" s="575"/>
      <c r="CF6" s="575"/>
      <c r="CG6" s="575"/>
      <c r="CH6" s="575"/>
      <c r="CI6" s="575"/>
      <c r="CJ6" s="575"/>
      <c r="CK6" s="575"/>
      <c r="CL6" s="576"/>
      <c r="CM6" s="606" t="s">
        <v>75</v>
      </c>
      <c r="CN6" s="607"/>
      <c r="CO6" s="607"/>
      <c r="CP6" s="607"/>
      <c r="CQ6" s="607"/>
      <c r="CR6" s="607"/>
      <c r="CS6" s="607"/>
      <c r="CT6" s="607"/>
      <c r="CU6" s="607"/>
      <c r="CV6" s="607"/>
      <c r="CW6" s="608"/>
      <c r="CX6" s="606" t="s">
        <v>76</v>
      </c>
      <c r="CY6" s="607"/>
      <c r="CZ6" s="607"/>
      <c r="DA6" s="607"/>
      <c r="DB6" s="607"/>
      <c r="DC6" s="607"/>
      <c r="DD6" s="607"/>
      <c r="DE6" s="607"/>
      <c r="DF6" s="607"/>
      <c r="DG6" s="607"/>
      <c r="DH6" s="608"/>
      <c r="DI6" s="574"/>
      <c r="DJ6" s="575"/>
      <c r="DK6" s="575"/>
      <c r="DL6" s="575"/>
      <c r="DM6" s="575"/>
      <c r="DN6" s="575"/>
      <c r="DO6" s="575"/>
      <c r="DP6" s="575"/>
      <c r="DQ6" s="575"/>
      <c r="DR6" s="575"/>
      <c r="DS6" s="575"/>
      <c r="DT6" s="606" t="s">
        <v>77</v>
      </c>
      <c r="DU6" s="607"/>
      <c r="DV6" s="607"/>
      <c r="DW6" s="607"/>
      <c r="DX6" s="607"/>
      <c r="DY6" s="607"/>
      <c r="DZ6" s="607"/>
      <c r="EA6" s="607"/>
      <c r="EB6" s="607"/>
      <c r="EC6" s="607"/>
      <c r="ED6" s="608"/>
      <c r="EE6" s="606" t="s">
        <v>78</v>
      </c>
      <c r="EF6" s="607"/>
      <c r="EG6" s="607"/>
      <c r="EH6" s="607"/>
      <c r="EI6" s="607"/>
      <c r="EJ6" s="607"/>
      <c r="EK6" s="607"/>
      <c r="EL6" s="607"/>
      <c r="EM6" s="607"/>
      <c r="EN6" s="607"/>
      <c r="EO6" s="608"/>
      <c r="EP6" s="606" t="s">
        <v>79</v>
      </c>
      <c r="EQ6" s="607"/>
      <c r="ER6" s="607"/>
      <c r="ES6" s="607"/>
      <c r="ET6" s="607"/>
      <c r="EU6" s="607"/>
      <c r="EV6" s="607"/>
      <c r="EW6" s="607"/>
      <c r="EX6" s="607"/>
      <c r="EY6" s="607"/>
      <c r="EZ6" s="608"/>
      <c r="FA6" s="606" t="s">
        <v>149</v>
      </c>
      <c r="FB6" s="607"/>
      <c r="FC6" s="607"/>
      <c r="FD6" s="607"/>
      <c r="FE6" s="607"/>
      <c r="FF6" s="607"/>
      <c r="FG6" s="607"/>
      <c r="FH6" s="607"/>
      <c r="FI6" s="607"/>
      <c r="FJ6" s="607"/>
      <c r="FK6" s="608"/>
      <c r="FL6" s="574"/>
      <c r="FM6" s="575"/>
      <c r="FN6" s="575"/>
      <c r="FO6" s="575"/>
      <c r="FP6" s="575"/>
      <c r="FQ6" s="575"/>
      <c r="FR6" s="575"/>
      <c r="FS6" s="575"/>
      <c r="FT6" s="575"/>
      <c r="FU6" s="575"/>
      <c r="FV6" s="575"/>
      <c r="FW6" s="606" t="s">
        <v>80</v>
      </c>
      <c r="FX6" s="607"/>
      <c r="FY6" s="607"/>
      <c r="FZ6" s="607"/>
      <c r="GA6" s="607"/>
      <c r="GB6" s="607"/>
      <c r="GC6" s="607"/>
      <c r="GD6" s="607"/>
      <c r="GE6" s="607"/>
      <c r="GF6" s="607"/>
      <c r="GG6" s="608"/>
      <c r="GH6" s="459" t="s">
        <v>81</v>
      </c>
      <c r="GI6" s="460"/>
      <c r="GJ6" s="460"/>
      <c r="GK6" s="460"/>
      <c r="GL6" s="460"/>
      <c r="GM6" s="460"/>
      <c r="GN6" s="460"/>
      <c r="GO6" s="460"/>
      <c r="GP6" s="460"/>
      <c r="GQ6" s="460"/>
      <c r="GR6" s="461"/>
      <c r="GS6" s="459" t="s">
        <v>82</v>
      </c>
      <c r="GT6" s="460"/>
      <c r="GU6" s="460"/>
      <c r="GV6" s="460"/>
      <c r="GW6" s="460"/>
      <c r="GX6" s="460"/>
      <c r="GY6" s="460"/>
      <c r="GZ6" s="460"/>
      <c r="HA6" s="460"/>
      <c r="HB6" s="460"/>
      <c r="HC6" s="461"/>
      <c r="HD6" s="599"/>
      <c r="HE6" s="600"/>
      <c r="HF6" s="600"/>
      <c r="HG6" s="600"/>
      <c r="HH6" s="600"/>
      <c r="HI6" s="600"/>
      <c r="HJ6" s="600"/>
      <c r="HK6" s="600"/>
      <c r="HL6" s="600"/>
      <c r="HM6" s="600"/>
      <c r="HN6" s="601"/>
      <c r="HO6" s="599"/>
      <c r="HP6" s="600"/>
      <c r="HQ6" s="600"/>
      <c r="HR6" s="600"/>
      <c r="HS6" s="600"/>
      <c r="HT6" s="600"/>
      <c r="HU6" s="600"/>
      <c r="HV6" s="600"/>
      <c r="HW6" s="600"/>
      <c r="HX6" s="600"/>
      <c r="HY6" s="601"/>
      <c r="HZ6" s="574"/>
      <c r="IA6" s="575"/>
      <c r="IB6" s="575"/>
      <c r="IC6" s="575"/>
      <c r="ID6" s="575"/>
      <c r="IE6" s="575"/>
      <c r="IF6" s="575"/>
      <c r="IG6" s="575"/>
      <c r="IH6" s="575"/>
      <c r="II6" s="575"/>
      <c r="IJ6" s="576"/>
      <c r="IK6" s="456"/>
      <c r="IL6" s="457"/>
      <c r="IM6" s="457"/>
      <c r="IN6" s="457"/>
      <c r="IO6" s="457"/>
      <c r="IP6" s="457"/>
      <c r="IQ6" s="457"/>
      <c r="IR6" s="457"/>
      <c r="IS6" s="457"/>
      <c r="IT6" s="457"/>
      <c r="IU6" s="458"/>
      <c r="IV6" s="456"/>
      <c r="IW6" s="457"/>
      <c r="IX6" s="457"/>
      <c r="IY6" s="457"/>
      <c r="IZ6" s="457"/>
      <c r="JA6" s="457"/>
      <c r="JB6" s="457"/>
      <c r="JC6" s="457"/>
      <c r="JD6" s="457"/>
      <c r="JE6" s="457"/>
      <c r="JF6" s="458"/>
      <c r="JG6" s="456"/>
      <c r="JH6" s="457"/>
      <c r="JI6" s="457"/>
      <c r="JJ6" s="457"/>
      <c r="JK6" s="457"/>
      <c r="JL6" s="457"/>
      <c r="JM6" s="457"/>
      <c r="JN6" s="457"/>
      <c r="JO6" s="457"/>
      <c r="JP6" s="457"/>
      <c r="JQ6" s="458"/>
      <c r="JR6" s="456"/>
      <c r="JS6" s="457"/>
      <c r="JT6" s="457"/>
      <c r="JU6" s="457"/>
      <c r="JV6" s="457"/>
      <c r="JW6" s="457"/>
      <c r="JX6" s="457"/>
      <c r="JY6" s="457"/>
      <c r="JZ6" s="457"/>
      <c r="KA6" s="457"/>
      <c r="KB6" s="458"/>
      <c r="KC6" s="456"/>
      <c r="KD6" s="457"/>
      <c r="KE6" s="457"/>
      <c r="KF6" s="457"/>
      <c r="KG6" s="457"/>
      <c r="KH6" s="457"/>
      <c r="KI6" s="457"/>
      <c r="KJ6" s="457"/>
      <c r="KK6" s="457"/>
      <c r="KL6" s="457"/>
      <c r="KM6" s="458"/>
      <c r="KN6" s="456"/>
      <c r="KO6" s="457"/>
      <c r="KP6" s="457"/>
      <c r="KQ6" s="457"/>
      <c r="KR6" s="457"/>
      <c r="KS6" s="457"/>
      <c r="KT6" s="457"/>
      <c r="KU6" s="457"/>
      <c r="KV6" s="457"/>
      <c r="KW6" s="457"/>
      <c r="KX6" s="458"/>
      <c r="KY6" s="456"/>
      <c r="KZ6" s="457"/>
      <c r="LA6" s="457"/>
      <c r="LB6" s="457"/>
      <c r="LC6" s="457"/>
      <c r="LD6" s="457"/>
      <c r="LE6" s="457"/>
      <c r="LF6" s="457"/>
      <c r="LG6" s="457"/>
      <c r="LH6" s="457"/>
      <c r="LI6" s="458"/>
      <c r="LJ6" s="574"/>
      <c r="LK6" s="575"/>
      <c r="LL6" s="575"/>
      <c r="LM6" s="575"/>
      <c r="LN6" s="575"/>
      <c r="LO6" s="575"/>
      <c r="LP6" s="575"/>
      <c r="LQ6" s="575"/>
      <c r="LR6" s="575"/>
      <c r="LS6" s="575"/>
      <c r="LT6" s="576"/>
      <c r="LU6" s="574"/>
      <c r="LV6" s="575"/>
      <c r="LW6" s="575"/>
      <c r="LX6" s="575"/>
      <c r="LY6" s="575"/>
      <c r="LZ6" s="575"/>
      <c r="MA6" s="575"/>
      <c r="MB6" s="575"/>
      <c r="MC6" s="575"/>
      <c r="MD6" s="575"/>
      <c r="ME6" s="576"/>
      <c r="MF6" s="574"/>
      <c r="MG6" s="575"/>
      <c r="MH6" s="575"/>
      <c r="MI6" s="575"/>
      <c r="MJ6" s="575"/>
      <c r="MK6" s="575"/>
      <c r="ML6" s="575"/>
      <c r="MM6" s="575"/>
      <c r="MN6" s="575"/>
      <c r="MO6" s="575"/>
      <c r="MP6" s="576"/>
      <c r="MQ6" s="456"/>
      <c r="MR6" s="457"/>
      <c r="MS6" s="457"/>
      <c r="MT6" s="457"/>
      <c r="MU6" s="457"/>
      <c r="MV6" s="457"/>
      <c r="MW6" s="457"/>
      <c r="MX6" s="457"/>
      <c r="MY6" s="457"/>
      <c r="MZ6" s="457"/>
      <c r="NA6" s="458"/>
      <c r="NB6" s="456"/>
      <c r="NC6" s="457"/>
      <c r="ND6" s="457"/>
      <c r="NE6" s="457"/>
      <c r="NF6" s="457"/>
      <c r="NG6" s="457"/>
      <c r="NH6" s="457"/>
      <c r="NI6" s="457"/>
      <c r="NJ6" s="457"/>
      <c r="NK6" s="457"/>
      <c r="NL6" s="458"/>
      <c r="NM6" s="456"/>
      <c r="NN6" s="457"/>
      <c r="NO6" s="457"/>
      <c r="NP6" s="457"/>
      <c r="NQ6" s="457"/>
      <c r="NR6" s="457"/>
      <c r="NS6" s="457"/>
      <c r="NT6" s="457"/>
      <c r="NU6" s="457"/>
      <c r="NV6" s="457"/>
      <c r="NW6" s="458"/>
      <c r="NX6" s="456"/>
      <c r="NY6" s="457"/>
      <c r="NZ6" s="457"/>
      <c r="OA6" s="457"/>
      <c r="OB6" s="457"/>
      <c r="OC6" s="457"/>
      <c r="OD6" s="457"/>
      <c r="OE6" s="457"/>
      <c r="OF6" s="457"/>
      <c r="OG6" s="457"/>
      <c r="OH6" s="458"/>
      <c r="OI6" s="456"/>
      <c r="OJ6" s="457"/>
      <c r="OK6" s="457"/>
      <c r="OL6" s="457"/>
      <c r="OM6" s="457"/>
      <c r="ON6" s="457"/>
      <c r="OO6" s="457"/>
      <c r="OP6" s="457"/>
      <c r="OQ6" s="457"/>
      <c r="OR6" s="457"/>
      <c r="OS6" s="458"/>
    </row>
    <row r="7" spans="2:409" ht="21" customHeight="1" x14ac:dyDescent="0.2">
      <c r="B7" s="588"/>
      <c r="C7" s="539" t="s">
        <v>61</v>
      </c>
      <c r="D7" s="539"/>
      <c r="E7" s="539"/>
      <c r="F7" s="538" t="s">
        <v>62</v>
      </c>
      <c r="G7" s="539"/>
      <c r="H7" s="539"/>
      <c r="I7" s="539"/>
      <c r="J7" s="539"/>
      <c r="K7" s="539"/>
      <c r="L7" s="539"/>
      <c r="M7" s="538" t="s">
        <v>52</v>
      </c>
      <c r="N7" s="603" t="s">
        <v>61</v>
      </c>
      <c r="O7" s="539"/>
      <c r="P7" s="539"/>
      <c r="Q7" s="538" t="s">
        <v>62</v>
      </c>
      <c r="R7" s="539"/>
      <c r="S7" s="539"/>
      <c r="T7" s="539"/>
      <c r="U7" s="539"/>
      <c r="V7" s="539"/>
      <c r="W7" s="540"/>
      <c r="X7" s="566" t="s">
        <v>52</v>
      </c>
      <c r="Y7" s="456" t="s">
        <v>61</v>
      </c>
      <c r="Z7" s="457"/>
      <c r="AA7" s="548"/>
      <c r="AB7" s="547" t="s">
        <v>62</v>
      </c>
      <c r="AC7" s="457"/>
      <c r="AD7" s="457"/>
      <c r="AE7" s="457"/>
      <c r="AF7" s="457"/>
      <c r="AG7" s="457"/>
      <c r="AH7" s="548"/>
      <c r="AI7" s="458" t="s">
        <v>52</v>
      </c>
      <c r="AJ7" s="551" t="s">
        <v>61</v>
      </c>
      <c r="AK7" s="545"/>
      <c r="AL7" s="546"/>
      <c r="AM7" s="567" t="s">
        <v>62</v>
      </c>
      <c r="AN7" s="545"/>
      <c r="AO7" s="545"/>
      <c r="AP7" s="545"/>
      <c r="AQ7" s="545"/>
      <c r="AR7" s="545"/>
      <c r="AS7" s="568"/>
      <c r="AT7" s="458" t="s">
        <v>52</v>
      </c>
      <c r="AU7" s="551" t="s">
        <v>61</v>
      </c>
      <c r="AV7" s="545"/>
      <c r="AW7" s="546"/>
      <c r="AX7" s="567" t="s">
        <v>62</v>
      </c>
      <c r="AY7" s="545"/>
      <c r="AZ7" s="545"/>
      <c r="BA7" s="545"/>
      <c r="BB7" s="545"/>
      <c r="BC7" s="545"/>
      <c r="BD7" s="568"/>
      <c r="BE7" s="458" t="s">
        <v>52</v>
      </c>
      <c r="BF7" s="551" t="s">
        <v>61</v>
      </c>
      <c r="BG7" s="545"/>
      <c r="BH7" s="546"/>
      <c r="BI7" s="567" t="s">
        <v>62</v>
      </c>
      <c r="BJ7" s="545"/>
      <c r="BK7" s="545"/>
      <c r="BL7" s="545"/>
      <c r="BM7" s="545"/>
      <c r="BN7" s="545"/>
      <c r="BO7" s="568"/>
      <c r="BP7" s="458" t="s">
        <v>52</v>
      </c>
      <c r="BQ7" s="551" t="s">
        <v>61</v>
      </c>
      <c r="BR7" s="545"/>
      <c r="BS7" s="546"/>
      <c r="BT7" s="567" t="s">
        <v>62</v>
      </c>
      <c r="BU7" s="545"/>
      <c r="BV7" s="545"/>
      <c r="BW7" s="545"/>
      <c r="BX7" s="545"/>
      <c r="BY7" s="545"/>
      <c r="BZ7" s="568"/>
      <c r="CA7" s="458" t="s">
        <v>52</v>
      </c>
      <c r="CB7" s="535" t="s">
        <v>61</v>
      </c>
      <c r="CC7" s="536"/>
      <c r="CD7" s="537"/>
      <c r="CE7" s="564" t="s">
        <v>62</v>
      </c>
      <c r="CF7" s="536"/>
      <c r="CG7" s="536"/>
      <c r="CH7" s="536"/>
      <c r="CI7" s="536"/>
      <c r="CJ7" s="536"/>
      <c r="CK7" s="565"/>
      <c r="CL7" s="566" t="s">
        <v>52</v>
      </c>
      <c r="CM7" s="551" t="s">
        <v>61</v>
      </c>
      <c r="CN7" s="545"/>
      <c r="CO7" s="568"/>
      <c r="CP7" s="567" t="s">
        <v>62</v>
      </c>
      <c r="CQ7" s="545"/>
      <c r="CR7" s="545"/>
      <c r="CS7" s="545"/>
      <c r="CT7" s="545"/>
      <c r="CU7" s="545"/>
      <c r="CV7" s="568"/>
      <c r="CW7" s="562" t="s">
        <v>52</v>
      </c>
      <c r="CX7" s="551" t="s">
        <v>61</v>
      </c>
      <c r="CY7" s="545"/>
      <c r="CZ7" s="568"/>
      <c r="DA7" s="567" t="s">
        <v>62</v>
      </c>
      <c r="DB7" s="545"/>
      <c r="DC7" s="545"/>
      <c r="DD7" s="545"/>
      <c r="DE7" s="545"/>
      <c r="DF7" s="545"/>
      <c r="DG7" s="568"/>
      <c r="DH7" s="562" t="s">
        <v>52</v>
      </c>
      <c r="DI7" s="535" t="s">
        <v>61</v>
      </c>
      <c r="DJ7" s="536"/>
      <c r="DK7" s="565"/>
      <c r="DL7" s="564" t="s">
        <v>62</v>
      </c>
      <c r="DM7" s="536"/>
      <c r="DN7" s="536"/>
      <c r="DO7" s="536"/>
      <c r="DP7" s="536"/>
      <c r="DQ7" s="536"/>
      <c r="DR7" s="565"/>
      <c r="DS7" s="566" t="s">
        <v>52</v>
      </c>
      <c r="DT7" s="551" t="s">
        <v>61</v>
      </c>
      <c r="DU7" s="545"/>
      <c r="DV7" s="546"/>
      <c r="DW7" s="567" t="s">
        <v>62</v>
      </c>
      <c r="DX7" s="545"/>
      <c r="DY7" s="545"/>
      <c r="DZ7" s="545"/>
      <c r="EA7" s="545"/>
      <c r="EB7" s="545"/>
      <c r="EC7" s="568"/>
      <c r="ED7" s="458" t="s">
        <v>52</v>
      </c>
      <c r="EE7" s="551" t="s">
        <v>61</v>
      </c>
      <c r="EF7" s="545"/>
      <c r="EG7" s="546"/>
      <c r="EH7" s="567" t="s">
        <v>62</v>
      </c>
      <c r="EI7" s="545"/>
      <c r="EJ7" s="545"/>
      <c r="EK7" s="545"/>
      <c r="EL7" s="545"/>
      <c r="EM7" s="545"/>
      <c r="EN7" s="568"/>
      <c r="EO7" s="458" t="s">
        <v>52</v>
      </c>
      <c r="EP7" s="551" t="s">
        <v>61</v>
      </c>
      <c r="EQ7" s="545"/>
      <c r="ER7" s="546"/>
      <c r="ES7" s="567" t="s">
        <v>62</v>
      </c>
      <c r="ET7" s="545"/>
      <c r="EU7" s="545"/>
      <c r="EV7" s="545"/>
      <c r="EW7" s="545"/>
      <c r="EX7" s="545"/>
      <c r="EY7" s="568"/>
      <c r="EZ7" s="458" t="s">
        <v>52</v>
      </c>
      <c r="FA7" s="551" t="s">
        <v>61</v>
      </c>
      <c r="FB7" s="545"/>
      <c r="FC7" s="546"/>
      <c r="FD7" s="567" t="s">
        <v>62</v>
      </c>
      <c r="FE7" s="545"/>
      <c r="FF7" s="545"/>
      <c r="FG7" s="545"/>
      <c r="FH7" s="545"/>
      <c r="FI7" s="545"/>
      <c r="FJ7" s="568"/>
      <c r="FK7" s="458" t="s">
        <v>52</v>
      </c>
      <c r="FL7" s="535" t="s">
        <v>61</v>
      </c>
      <c r="FM7" s="536"/>
      <c r="FN7" s="537"/>
      <c r="FO7" s="564" t="s">
        <v>62</v>
      </c>
      <c r="FP7" s="536"/>
      <c r="FQ7" s="536"/>
      <c r="FR7" s="536"/>
      <c r="FS7" s="536"/>
      <c r="FT7" s="536"/>
      <c r="FU7" s="565"/>
      <c r="FV7" s="539" t="s">
        <v>52</v>
      </c>
      <c r="FW7" s="551" t="s">
        <v>61</v>
      </c>
      <c r="FX7" s="545"/>
      <c r="FY7" s="546"/>
      <c r="FZ7" s="567" t="s">
        <v>62</v>
      </c>
      <c r="GA7" s="545"/>
      <c r="GB7" s="545"/>
      <c r="GC7" s="545"/>
      <c r="GD7" s="545"/>
      <c r="GE7" s="545"/>
      <c r="GF7" s="568"/>
      <c r="GG7" s="458" t="s">
        <v>52</v>
      </c>
      <c r="GH7" s="456" t="s">
        <v>61</v>
      </c>
      <c r="GI7" s="457"/>
      <c r="GJ7" s="457"/>
      <c r="GK7" s="547" t="s">
        <v>62</v>
      </c>
      <c r="GL7" s="457"/>
      <c r="GM7" s="457"/>
      <c r="GN7" s="457"/>
      <c r="GO7" s="457"/>
      <c r="GP7" s="457"/>
      <c r="GQ7" s="548"/>
      <c r="GR7" s="585" t="s">
        <v>52</v>
      </c>
      <c r="GS7" s="456" t="s">
        <v>61</v>
      </c>
      <c r="GT7" s="457"/>
      <c r="GU7" s="548"/>
      <c r="GV7" s="547" t="s">
        <v>62</v>
      </c>
      <c r="GW7" s="457"/>
      <c r="GX7" s="457"/>
      <c r="GY7" s="457"/>
      <c r="GZ7" s="457"/>
      <c r="HA7" s="457"/>
      <c r="HB7" s="548"/>
      <c r="HC7" s="585" t="s">
        <v>52</v>
      </c>
      <c r="HD7" s="551" t="s">
        <v>61</v>
      </c>
      <c r="HE7" s="545"/>
      <c r="HF7" s="546"/>
      <c r="HG7" s="567" t="s">
        <v>62</v>
      </c>
      <c r="HH7" s="545"/>
      <c r="HI7" s="545"/>
      <c r="HJ7" s="545"/>
      <c r="HK7" s="545"/>
      <c r="HL7" s="545"/>
      <c r="HM7" s="568"/>
      <c r="HN7" s="458" t="s">
        <v>52</v>
      </c>
      <c r="HO7" s="551" t="s">
        <v>61</v>
      </c>
      <c r="HP7" s="545"/>
      <c r="HQ7" s="546"/>
      <c r="HR7" s="567" t="s">
        <v>62</v>
      </c>
      <c r="HS7" s="545"/>
      <c r="HT7" s="545"/>
      <c r="HU7" s="545"/>
      <c r="HV7" s="545"/>
      <c r="HW7" s="545"/>
      <c r="HX7" s="568"/>
      <c r="HY7" s="458" t="s">
        <v>52</v>
      </c>
      <c r="HZ7" s="535" t="s">
        <v>61</v>
      </c>
      <c r="IA7" s="536"/>
      <c r="IB7" s="537"/>
      <c r="IC7" s="564" t="s">
        <v>62</v>
      </c>
      <c r="ID7" s="536"/>
      <c r="IE7" s="536"/>
      <c r="IF7" s="536"/>
      <c r="IG7" s="536"/>
      <c r="IH7" s="536"/>
      <c r="II7" s="565"/>
      <c r="IJ7" s="539" t="s">
        <v>52</v>
      </c>
      <c r="IK7" s="551" t="s">
        <v>61</v>
      </c>
      <c r="IL7" s="545"/>
      <c r="IM7" s="546"/>
      <c r="IN7" s="567" t="s">
        <v>62</v>
      </c>
      <c r="IO7" s="545"/>
      <c r="IP7" s="545"/>
      <c r="IQ7" s="545"/>
      <c r="IR7" s="545"/>
      <c r="IS7" s="545"/>
      <c r="IT7" s="568"/>
      <c r="IU7" s="458" t="s">
        <v>52</v>
      </c>
      <c r="IV7" s="551" t="s">
        <v>61</v>
      </c>
      <c r="IW7" s="545"/>
      <c r="IX7" s="568"/>
      <c r="IY7" s="567" t="s">
        <v>62</v>
      </c>
      <c r="IZ7" s="545"/>
      <c r="JA7" s="545"/>
      <c r="JB7" s="545"/>
      <c r="JC7" s="545"/>
      <c r="JD7" s="545"/>
      <c r="JE7" s="568"/>
      <c r="JF7" s="458" t="s">
        <v>52</v>
      </c>
      <c r="JG7" s="551" t="s">
        <v>61</v>
      </c>
      <c r="JH7" s="545"/>
      <c r="JI7" s="546"/>
      <c r="JJ7" s="567" t="s">
        <v>62</v>
      </c>
      <c r="JK7" s="545"/>
      <c r="JL7" s="545"/>
      <c r="JM7" s="545"/>
      <c r="JN7" s="545"/>
      <c r="JO7" s="545"/>
      <c r="JP7" s="568"/>
      <c r="JQ7" s="562" t="s">
        <v>52</v>
      </c>
      <c r="JR7" s="551" t="s">
        <v>61</v>
      </c>
      <c r="JS7" s="545"/>
      <c r="JT7" s="546"/>
      <c r="JU7" s="567" t="s">
        <v>62</v>
      </c>
      <c r="JV7" s="545"/>
      <c r="JW7" s="545"/>
      <c r="JX7" s="545"/>
      <c r="JY7" s="545"/>
      <c r="JZ7" s="545"/>
      <c r="KA7" s="568"/>
      <c r="KB7" s="562" t="s">
        <v>52</v>
      </c>
      <c r="KC7" s="551" t="s">
        <v>61</v>
      </c>
      <c r="KD7" s="545"/>
      <c r="KE7" s="546"/>
      <c r="KF7" s="567" t="s">
        <v>62</v>
      </c>
      <c r="KG7" s="545"/>
      <c r="KH7" s="545"/>
      <c r="KI7" s="545"/>
      <c r="KJ7" s="545"/>
      <c r="KK7" s="545"/>
      <c r="KL7" s="568"/>
      <c r="KM7" s="562" t="s">
        <v>52</v>
      </c>
      <c r="KN7" s="551" t="s">
        <v>61</v>
      </c>
      <c r="KO7" s="545"/>
      <c r="KP7" s="546"/>
      <c r="KQ7" s="567" t="s">
        <v>62</v>
      </c>
      <c r="KR7" s="545"/>
      <c r="KS7" s="545"/>
      <c r="KT7" s="545"/>
      <c r="KU7" s="545"/>
      <c r="KV7" s="545"/>
      <c r="KW7" s="568"/>
      <c r="KX7" s="562" t="s">
        <v>52</v>
      </c>
      <c r="KY7" s="551" t="s">
        <v>61</v>
      </c>
      <c r="KZ7" s="545"/>
      <c r="LA7" s="546"/>
      <c r="LB7" s="567" t="s">
        <v>62</v>
      </c>
      <c r="LC7" s="545"/>
      <c r="LD7" s="545"/>
      <c r="LE7" s="545"/>
      <c r="LF7" s="545"/>
      <c r="LG7" s="545"/>
      <c r="LH7" s="568"/>
      <c r="LI7" s="562" t="s">
        <v>52</v>
      </c>
      <c r="LJ7" s="551" t="s">
        <v>61</v>
      </c>
      <c r="LK7" s="545"/>
      <c r="LL7" s="546"/>
      <c r="LM7" s="567" t="s">
        <v>62</v>
      </c>
      <c r="LN7" s="545"/>
      <c r="LO7" s="545"/>
      <c r="LP7" s="545"/>
      <c r="LQ7" s="545"/>
      <c r="LR7" s="545"/>
      <c r="LS7" s="568"/>
      <c r="LT7" s="562" t="s">
        <v>52</v>
      </c>
      <c r="LU7" s="551" t="s">
        <v>61</v>
      </c>
      <c r="LV7" s="545"/>
      <c r="LW7" s="546"/>
      <c r="LX7" s="567" t="s">
        <v>62</v>
      </c>
      <c r="LY7" s="545"/>
      <c r="LZ7" s="545"/>
      <c r="MA7" s="545"/>
      <c r="MB7" s="545"/>
      <c r="MC7" s="545"/>
      <c r="MD7" s="568"/>
      <c r="ME7" s="562" t="s">
        <v>52</v>
      </c>
      <c r="MF7" s="535" t="s">
        <v>61</v>
      </c>
      <c r="MG7" s="536"/>
      <c r="MH7" s="537"/>
      <c r="MI7" s="564" t="s">
        <v>62</v>
      </c>
      <c r="MJ7" s="536"/>
      <c r="MK7" s="536"/>
      <c r="ML7" s="536"/>
      <c r="MM7" s="536"/>
      <c r="MN7" s="536"/>
      <c r="MO7" s="565"/>
      <c r="MP7" s="566" t="s">
        <v>52</v>
      </c>
      <c r="MQ7" s="551" t="s">
        <v>61</v>
      </c>
      <c r="MR7" s="545"/>
      <c r="MS7" s="546"/>
      <c r="MT7" s="567" t="s">
        <v>62</v>
      </c>
      <c r="MU7" s="545"/>
      <c r="MV7" s="545"/>
      <c r="MW7" s="545"/>
      <c r="MX7" s="545"/>
      <c r="MY7" s="545"/>
      <c r="MZ7" s="568"/>
      <c r="NA7" s="562" t="s">
        <v>52</v>
      </c>
      <c r="NB7" s="551" t="s">
        <v>61</v>
      </c>
      <c r="NC7" s="545"/>
      <c r="ND7" s="546"/>
      <c r="NE7" s="567" t="s">
        <v>62</v>
      </c>
      <c r="NF7" s="545"/>
      <c r="NG7" s="545"/>
      <c r="NH7" s="545"/>
      <c r="NI7" s="545"/>
      <c r="NJ7" s="545"/>
      <c r="NK7" s="568"/>
      <c r="NL7" s="562" t="s">
        <v>52</v>
      </c>
      <c r="NM7" s="551" t="s">
        <v>61</v>
      </c>
      <c r="NN7" s="545"/>
      <c r="NO7" s="546"/>
      <c r="NP7" s="567" t="s">
        <v>62</v>
      </c>
      <c r="NQ7" s="545"/>
      <c r="NR7" s="545"/>
      <c r="NS7" s="545"/>
      <c r="NT7" s="545"/>
      <c r="NU7" s="545"/>
      <c r="NV7" s="568"/>
      <c r="NW7" s="562" t="s">
        <v>52</v>
      </c>
      <c r="NX7" s="551" t="s">
        <v>61</v>
      </c>
      <c r="NY7" s="545"/>
      <c r="NZ7" s="546"/>
      <c r="OA7" s="567" t="s">
        <v>62</v>
      </c>
      <c r="OB7" s="545"/>
      <c r="OC7" s="545"/>
      <c r="OD7" s="545"/>
      <c r="OE7" s="545"/>
      <c r="OF7" s="545"/>
      <c r="OG7" s="568"/>
      <c r="OH7" s="562" t="s">
        <v>52</v>
      </c>
      <c r="OI7" s="535" t="s">
        <v>61</v>
      </c>
      <c r="OJ7" s="536"/>
      <c r="OK7" s="537"/>
      <c r="OL7" s="564" t="s">
        <v>62</v>
      </c>
      <c r="OM7" s="536"/>
      <c r="ON7" s="536"/>
      <c r="OO7" s="536"/>
      <c r="OP7" s="536"/>
      <c r="OQ7" s="536"/>
      <c r="OR7" s="565"/>
      <c r="OS7" s="566" t="s">
        <v>52</v>
      </c>
    </row>
    <row r="8" spans="2:409" ht="30" customHeight="1" thickBot="1" x14ac:dyDescent="0.25">
      <c r="B8" s="589"/>
      <c r="C8" s="265" t="s">
        <v>43</v>
      </c>
      <c r="D8" s="141" t="s">
        <v>44</v>
      </c>
      <c r="E8" s="266" t="s">
        <v>45</v>
      </c>
      <c r="F8" s="143" t="s">
        <v>83</v>
      </c>
      <c r="G8" s="141" t="s">
        <v>47</v>
      </c>
      <c r="H8" s="141" t="s">
        <v>48</v>
      </c>
      <c r="I8" s="141" t="s">
        <v>49</v>
      </c>
      <c r="J8" s="141" t="s">
        <v>50</v>
      </c>
      <c r="K8" s="141" t="s">
        <v>51</v>
      </c>
      <c r="L8" s="142" t="s">
        <v>45</v>
      </c>
      <c r="M8" s="602"/>
      <c r="N8" s="140" t="s">
        <v>43</v>
      </c>
      <c r="O8" s="141" t="s">
        <v>44</v>
      </c>
      <c r="P8" s="142" t="s">
        <v>45</v>
      </c>
      <c r="Q8" s="143" t="s">
        <v>83</v>
      </c>
      <c r="R8" s="141" t="s">
        <v>47</v>
      </c>
      <c r="S8" s="141" t="s">
        <v>48</v>
      </c>
      <c r="T8" s="141" t="s">
        <v>49</v>
      </c>
      <c r="U8" s="141" t="s">
        <v>50</v>
      </c>
      <c r="V8" s="141" t="s">
        <v>51</v>
      </c>
      <c r="W8" s="142" t="s">
        <v>45</v>
      </c>
      <c r="X8" s="583"/>
      <c r="Y8" s="140" t="s">
        <v>43</v>
      </c>
      <c r="Z8" s="141" t="s">
        <v>44</v>
      </c>
      <c r="AA8" s="142" t="s">
        <v>45</v>
      </c>
      <c r="AB8" s="143" t="s">
        <v>83</v>
      </c>
      <c r="AC8" s="141" t="s">
        <v>47</v>
      </c>
      <c r="AD8" s="141" t="s">
        <v>48</v>
      </c>
      <c r="AE8" s="141" t="s">
        <v>49</v>
      </c>
      <c r="AF8" s="141" t="s">
        <v>50</v>
      </c>
      <c r="AG8" s="141" t="s">
        <v>51</v>
      </c>
      <c r="AH8" s="142" t="s">
        <v>45</v>
      </c>
      <c r="AI8" s="584"/>
      <c r="AJ8" s="140" t="s">
        <v>43</v>
      </c>
      <c r="AK8" s="141" t="s">
        <v>44</v>
      </c>
      <c r="AL8" s="266" t="s">
        <v>45</v>
      </c>
      <c r="AM8" s="143" t="s">
        <v>83</v>
      </c>
      <c r="AN8" s="141" t="s">
        <v>47</v>
      </c>
      <c r="AO8" s="141" t="s">
        <v>48</v>
      </c>
      <c r="AP8" s="141" t="s">
        <v>49</v>
      </c>
      <c r="AQ8" s="141" t="s">
        <v>50</v>
      </c>
      <c r="AR8" s="141" t="s">
        <v>51</v>
      </c>
      <c r="AS8" s="142" t="s">
        <v>45</v>
      </c>
      <c r="AT8" s="584"/>
      <c r="AU8" s="140" t="s">
        <v>43</v>
      </c>
      <c r="AV8" s="141" t="s">
        <v>44</v>
      </c>
      <c r="AW8" s="266" t="s">
        <v>45</v>
      </c>
      <c r="AX8" s="143" t="s">
        <v>83</v>
      </c>
      <c r="AY8" s="141" t="s">
        <v>47</v>
      </c>
      <c r="AZ8" s="141" t="s">
        <v>48</v>
      </c>
      <c r="BA8" s="141" t="s">
        <v>49</v>
      </c>
      <c r="BB8" s="141" t="s">
        <v>50</v>
      </c>
      <c r="BC8" s="141" t="s">
        <v>51</v>
      </c>
      <c r="BD8" s="142" t="s">
        <v>45</v>
      </c>
      <c r="BE8" s="584"/>
      <c r="BF8" s="267" t="s">
        <v>43</v>
      </c>
      <c r="BG8" s="141" t="s">
        <v>44</v>
      </c>
      <c r="BH8" s="266" t="s">
        <v>45</v>
      </c>
      <c r="BI8" s="143" t="s">
        <v>83</v>
      </c>
      <c r="BJ8" s="141" t="s">
        <v>47</v>
      </c>
      <c r="BK8" s="141" t="s">
        <v>48</v>
      </c>
      <c r="BL8" s="141" t="s">
        <v>49</v>
      </c>
      <c r="BM8" s="141" t="s">
        <v>50</v>
      </c>
      <c r="BN8" s="141" t="s">
        <v>51</v>
      </c>
      <c r="BO8" s="142" t="s">
        <v>45</v>
      </c>
      <c r="BP8" s="584"/>
      <c r="BQ8" s="140" t="s">
        <v>43</v>
      </c>
      <c r="BR8" s="141" t="s">
        <v>44</v>
      </c>
      <c r="BS8" s="266" t="s">
        <v>45</v>
      </c>
      <c r="BT8" s="143" t="s">
        <v>83</v>
      </c>
      <c r="BU8" s="141" t="s">
        <v>47</v>
      </c>
      <c r="BV8" s="141" t="s">
        <v>48</v>
      </c>
      <c r="BW8" s="141" t="s">
        <v>49</v>
      </c>
      <c r="BX8" s="141" t="s">
        <v>50</v>
      </c>
      <c r="BY8" s="141" t="s">
        <v>51</v>
      </c>
      <c r="BZ8" s="142" t="s">
        <v>45</v>
      </c>
      <c r="CA8" s="584"/>
      <c r="CB8" s="140" t="s">
        <v>43</v>
      </c>
      <c r="CC8" s="141" t="s">
        <v>44</v>
      </c>
      <c r="CD8" s="266" t="s">
        <v>45</v>
      </c>
      <c r="CE8" s="143" t="s">
        <v>83</v>
      </c>
      <c r="CF8" s="141" t="s">
        <v>47</v>
      </c>
      <c r="CG8" s="141" t="s">
        <v>48</v>
      </c>
      <c r="CH8" s="141" t="s">
        <v>49</v>
      </c>
      <c r="CI8" s="141" t="s">
        <v>50</v>
      </c>
      <c r="CJ8" s="141" t="s">
        <v>51</v>
      </c>
      <c r="CK8" s="142" t="s">
        <v>45</v>
      </c>
      <c r="CL8" s="583"/>
      <c r="CM8" s="140" t="s">
        <v>43</v>
      </c>
      <c r="CN8" s="141" t="s">
        <v>44</v>
      </c>
      <c r="CO8" s="142" t="s">
        <v>45</v>
      </c>
      <c r="CP8" s="143" t="s">
        <v>83</v>
      </c>
      <c r="CQ8" s="141" t="s">
        <v>47</v>
      </c>
      <c r="CR8" s="141" t="s">
        <v>48</v>
      </c>
      <c r="CS8" s="141" t="s">
        <v>49</v>
      </c>
      <c r="CT8" s="141" t="s">
        <v>50</v>
      </c>
      <c r="CU8" s="141" t="s">
        <v>51</v>
      </c>
      <c r="CV8" s="142" t="s">
        <v>45</v>
      </c>
      <c r="CW8" s="583"/>
      <c r="CX8" s="140" t="s">
        <v>43</v>
      </c>
      <c r="CY8" s="141" t="s">
        <v>44</v>
      </c>
      <c r="CZ8" s="142" t="s">
        <v>45</v>
      </c>
      <c r="DA8" s="143" t="s">
        <v>83</v>
      </c>
      <c r="DB8" s="141" t="s">
        <v>47</v>
      </c>
      <c r="DC8" s="141" t="s">
        <v>48</v>
      </c>
      <c r="DD8" s="141" t="s">
        <v>49</v>
      </c>
      <c r="DE8" s="141" t="s">
        <v>50</v>
      </c>
      <c r="DF8" s="141" t="s">
        <v>51</v>
      </c>
      <c r="DG8" s="142" t="s">
        <v>45</v>
      </c>
      <c r="DH8" s="583"/>
      <c r="DI8" s="140" t="s">
        <v>43</v>
      </c>
      <c r="DJ8" s="141" t="s">
        <v>44</v>
      </c>
      <c r="DK8" s="142" t="s">
        <v>45</v>
      </c>
      <c r="DL8" s="143" t="s">
        <v>83</v>
      </c>
      <c r="DM8" s="141" t="s">
        <v>47</v>
      </c>
      <c r="DN8" s="141" t="s">
        <v>48</v>
      </c>
      <c r="DO8" s="141" t="s">
        <v>49</v>
      </c>
      <c r="DP8" s="141" t="s">
        <v>50</v>
      </c>
      <c r="DQ8" s="141" t="s">
        <v>51</v>
      </c>
      <c r="DR8" s="142" t="s">
        <v>45</v>
      </c>
      <c r="DS8" s="583"/>
      <c r="DT8" s="140" t="s">
        <v>43</v>
      </c>
      <c r="DU8" s="141" t="s">
        <v>44</v>
      </c>
      <c r="DV8" s="266" t="s">
        <v>45</v>
      </c>
      <c r="DW8" s="143" t="s">
        <v>83</v>
      </c>
      <c r="DX8" s="141" t="s">
        <v>47</v>
      </c>
      <c r="DY8" s="141" t="s">
        <v>48</v>
      </c>
      <c r="DZ8" s="141" t="s">
        <v>49</v>
      </c>
      <c r="EA8" s="141" t="s">
        <v>50</v>
      </c>
      <c r="EB8" s="141" t="s">
        <v>51</v>
      </c>
      <c r="EC8" s="142" t="s">
        <v>45</v>
      </c>
      <c r="ED8" s="584"/>
      <c r="EE8" s="140" t="s">
        <v>43</v>
      </c>
      <c r="EF8" s="141" t="s">
        <v>44</v>
      </c>
      <c r="EG8" s="266" t="s">
        <v>45</v>
      </c>
      <c r="EH8" s="143" t="s">
        <v>83</v>
      </c>
      <c r="EI8" s="141" t="s">
        <v>47</v>
      </c>
      <c r="EJ8" s="141" t="s">
        <v>48</v>
      </c>
      <c r="EK8" s="141" t="s">
        <v>49</v>
      </c>
      <c r="EL8" s="141" t="s">
        <v>50</v>
      </c>
      <c r="EM8" s="141" t="s">
        <v>51</v>
      </c>
      <c r="EN8" s="142" t="s">
        <v>45</v>
      </c>
      <c r="EO8" s="584"/>
      <c r="EP8" s="140" t="s">
        <v>43</v>
      </c>
      <c r="EQ8" s="141" t="s">
        <v>44</v>
      </c>
      <c r="ER8" s="266" t="s">
        <v>45</v>
      </c>
      <c r="ES8" s="143" t="s">
        <v>83</v>
      </c>
      <c r="ET8" s="141" t="s">
        <v>47</v>
      </c>
      <c r="EU8" s="141" t="s">
        <v>48</v>
      </c>
      <c r="EV8" s="141" t="s">
        <v>49</v>
      </c>
      <c r="EW8" s="141" t="s">
        <v>50</v>
      </c>
      <c r="EX8" s="141" t="s">
        <v>51</v>
      </c>
      <c r="EY8" s="142" t="s">
        <v>45</v>
      </c>
      <c r="EZ8" s="584"/>
      <c r="FA8" s="140" t="s">
        <v>43</v>
      </c>
      <c r="FB8" s="141" t="s">
        <v>44</v>
      </c>
      <c r="FC8" s="266" t="s">
        <v>45</v>
      </c>
      <c r="FD8" s="143" t="s">
        <v>83</v>
      </c>
      <c r="FE8" s="141" t="s">
        <v>47</v>
      </c>
      <c r="FF8" s="141" t="s">
        <v>48</v>
      </c>
      <c r="FG8" s="141" t="s">
        <v>49</v>
      </c>
      <c r="FH8" s="141" t="s">
        <v>50</v>
      </c>
      <c r="FI8" s="141" t="s">
        <v>51</v>
      </c>
      <c r="FJ8" s="142" t="s">
        <v>45</v>
      </c>
      <c r="FK8" s="584"/>
      <c r="FL8" s="140" t="s">
        <v>43</v>
      </c>
      <c r="FM8" s="141" t="s">
        <v>44</v>
      </c>
      <c r="FN8" s="266" t="s">
        <v>45</v>
      </c>
      <c r="FO8" s="143" t="s">
        <v>83</v>
      </c>
      <c r="FP8" s="141" t="s">
        <v>47</v>
      </c>
      <c r="FQ8" s="141" t="s">
        <v>48</v>
      </c>
      <c r="FR8" s="141" t="s">
        <v>49</v>
      </c>
      <c r="FS8" s="141" t="s">
        <v>50</v>
      </c>
      <c r="FT8" s="141" t="s">
        <v>51</v>
      </c>
      <c r="FU8" s="142" t="s">
        <v>45</v>
      </c>
      <c r="FV8" s="582"/>
      <c r="FW8" s="140" t="s">
        <v>43</v>
      </c>
      <c r="FX8" s="141" t="s">
        <v>44</v>
      </c>
      <c r="FY8" s="266" t="s">
        <v>45</v>
      </c>
      <c r="FZ8" s="143" t="s">
        <v>83</v>
      </c>
      <c r="GA8" s="141" t="s">
        <v>47</v>
      </c>
      <c r="GB8" s="141" t="s">
        <v>48</v>
      </c>
      <c r="GC8" s="141" t="s">
        <v>49</v>
      </c>
      <c r="GD8" s="141" t="s">
        <v>50</v>
      </c>
      <c r="GE8" s="141" t="s">
        <v>51</v>
      </c>
      <c r="GF8" s="142" t="s">
        <v>45</v>
      </c>
      <c r="GG8" s="584"/>
      <c r="GH8" s="140" t="s">
        <v>43</v>
      </c>
      <c r="GI8" s="141" t="s">
        <v>44</v>
      </c>
      <c r="GJ8" s="266" t="s">
        <v>45</v>
      </c>
      <c r="GK8" s="143" t="s">
        <v>83</v>
      </c>
      <c r="GL8" s="141" t="s">
        <v>47</v>
      </c>
      <c r="GM8" s="141" t="s">
        <v>48</v>
      </c>
      <c r="GN8" s="141" t="s">
        <v>49</v>
      </c>
      <c r="GO8" s="141" t="s">
        <v>50</v>
      </c>
      <c r="GP8" s="141" t="s">
        <v>51</v>
      </c>
      <c r="GQ8" s="142" t="s">
        <v>45</v>
      </c>
      <c r="GR8" s="586"/>
      <c r="GS8" s="140" t="s">
        <v>43</v>
      </c>
      <c r="GT8" s="141" t="s">
        <v>44</v>
      </c>
      <c r="GU8" s="266" t="s">
        <v>45</v>
      </c>
      <c r="GV8" s="143" t="s">
        <v>83</v>
      </c>
      <c r="GW8" s="141" t="s">
        <v>47</v>
      </c>
      <c r="GX8" s="141" t="s">
        <v>48</v>
      </c>
      <c r="GY8" s="141" t="s">
        <v>49</v>
      </c>
      <c r="GZ8" s="141" t="s">
        <v>50</v>
      </c>
      <c r="HA8" s="141" t="s">
        <v>51</v>
      </c>
      <c r="HB8" s="142" t="s">
        <v>45</v>
      </c>
      <c r="HC8" s="586"/>
      <c r="HD8" s="140" t="s">
        <v>43</v>
      </c>
      <c r="HE8" s="141" t="s">
        <v>44</v>
      </c>
      <c r="HF8" s="266" t="s">
        <v>45</v>
      </c>
      <c r="HG8" s="143" t="s">
        <v>83</v>
      </c>
      <c r="HH8" s="141" t="s">
        <v>47</v>
      </c>
      <c r="HI8" s="141" t="s">
        <v>48</v>
      </c>
      <c r="HJ8" s="141" t="s">
        <v>49</v>
      </c>
      <c r="HK8" s="141" t="s">
        <v>50</v>
      </c>
      <c r="HL8" s="141" t="s">
        <v>51</v>
      </c>
      <c r="HM8" s="142" t="s">
        <v>45</v>
      </c>
      <c r="HN8" s="584"/>
      <c r="HO8" s="140" t="s">
        <v>43</v>
      </c>
      <c r="HP8" s="141" t="s">
        <v>44</v>
      </c>
      <c r="HQ8" s="266" t="s">
        <v>45</v>
      </c>
      <c r="HR8" s="143" t="s">
        <v>83</v>
      </c>
      <c r="HS8" s="141" t="s">
        <v>47</v>
      </c>
      <c r="HT8" s="141" t="s">
        <v>48</v>
      </c>
      <c r="HU8" s="141" t="s">
        <v>49</v>
      </c>
      <c r="HV8" s="141" t="s">
        <v>50</v>
      </c>
      <c r="HW8" s="141" t="s">
        <v>51</v>
      </c>
      <c r="HX8" s="142" t="s">
        <v>45</v>
      </c>
      <c r="HY8" s="584"/>
      <c r="HZ8" s="140" t="s">
        <v>43</v>
      </c>
      <c r="IA8" s="141" t="s">
        <v>44</v>
      </c>
      <c r="IB8" s="266" t="s">
        <v>45</v>
      </c>
      <c r="IC8" s="143" t="s">
        <v>83</v>
      </c>
      <c r="ID8" s="141" t="s">
        <v>47</v>
      </c>
      <c r="IE8" s="141" t="s">
        <v>48</v>
      </c>
      <c r="IF8" s="141" t="s">
        <v>49</v>
      </c>
      <c r="IG8" s="141" t="s">
        <v>50</v>
      </c>
      <c r="IH8" s="141" t="s">
        <v>51</v>
      </c>
      <c r="II8" s="142" t="s">
        <v>45</v>
      </c>
      <c r="IJ8" s="582"/>
      <c r="IK8" s="140" t="s">
        <v>43</v>
      </c>
      <c r="IL8" s="141" t="s">
        <v>44</v>
      </c>
      <c r="IM8" s="266" t="s">
        <v>45</v>
      </c>
      <c r="IN8" s="143" t="s">
        <v>83</v>
      </c>
      <c r="IO8" s="268" t="s">
        <v>47</v>
      </c>
      <c r="IP8" s="268" t="s">
        <v>48</v>
      </c>
      <c r="IQ8" s="268" t="s">
        <v>49</v>
      </c>
      <c r="IR8" s="268" t="s">
        <v>50</v>
      </c>
      <c r="IS8" s="268" t="s">
        <v>51</v>
      </c>
      <c r="IT8" s="269" t="s">
        <v>45</v>
      </c>
      <c r="IU8" s="581"/>
      <c r="IV8" s="267" t="s">
        <v>43</v>
      </c>
      <c r="IW8" s="268" t="s">
        <v>44</v>
      </c>
      <c r="IX8" s="269" t="s">
        <v>45</v>
      </c>
      <c r="IY8" s="143" t="s">
        <v>83</v>
      </c>
      <c r="IZ8" s="268" t="s">
        <v>47</v>
      </c>
      <c r="JA8" s="268" t="s">
        <v>48</v>
      </c>
      <c r="JB8" s="268" t="s">
        <v>49</v>
      </c>
      <c r="JC8" s="268" t="s">
        <v>50</v>
      </c>
      <c r="JD8" s="268" t="s">
        <v>51</v>
      </c>
      <c r="JE8" s="269" t="s">
        <v>45</v>
      </c>
      <c r="JF8" s="581"/>
      <c r="JG8" s="267" t="s">
        <v>43</v>
      </c>
      <c r="JH8" s="268" t="s">
        <v>44</v>
      </c>
      <c r="JI8" s="270" t="s">
        <v>45</v>
      </c>
      <c r="JJ8" s="247" t="s">
        <v>83</v>
      </c>
      <c r="JK8" s="268" t="s">
        <v>47</v>
      </c>
      <c r="JL8" s="268" t="s">
        <v>48</v>
      </c>
      <c r="JM8" s="268" t="s">
        <v>49</v>
      </c>
      <c r="JN8" s="268" t="s">
        <v>50</v>
      </c>
      <c r="JO8" s="268" t="s">
        <v>51</v>
      </c>
      <c r="JP8" s="269" t="s">
        <v>45</v>
      </c>
      <c r="JQ8" s="563"/>
      <c r="JR8" s="267" t="s">
        <v>43</v>
      </c>
      <c r="JS8" s="268" t="s">
        <v>44</v>
      </c>
      <c r="JT8" s="270" t="s">
        <v>45</v>
      </c>
      <c r="JU8" s="247" t="s">
        <v>83</v>
      </c>
      <c r="JV8" s="268" t="s">
        <v>47</v>
      </c>
      <c r="JW8" s="268" t="s">
        <v>48</v>
      </c>
      <c r="JX8" s="268" t="s">
        <v>49</v>
      </c>
      <c r="JY8" s="268" t="s">
        <v>50</v>
      </c>
      <c r="JZ8" s="268" t="s">
        <v>51</v>
      </c>
      <c r="KA8" s="269" t="s">
        <v>45</v>
      </c>
      <c r="KB8" s="563"/>
      <c r="KC8" s="267" t="s">
        <v>43</v>
      </c>
      <c r="KD8" s="268" t="s">
        <v>44</v>
      </c>
      <c r="KE8" s="270" t="s">
        <v>45</v>
      </c>
      <c r="KF8" s="247" t="s">
        <v>83</v>
      </c>
      <c r="KG8" s="268" t="s">
        <v>47</v>
      </c>
      <c r="KH8" s="268" t="s">
        <v>48</v>
      </c>
      <c r="KI8" s="268" t="s">
        <v>49</v>
      </c>
      <c r="KJ8" s="268" t="s">
        <v>50</v>
      </c>
      <c r="KK8" s="268" t="s">
        <v>51</v>
      </c>
      <c r="KL8" s="269" t="s">
        <v>45</v>
      </c>
      <c r="KM8" s="563"/>
      <c r="KN8" s="267" t="s">
        <v>43</v>
      </c>
      <c r="KO8" s="268" t="s">
        <v>44</v>
      </c>
      <c r="KP8" s="270" t="s">
        <v>45</v>
      </c>
      <c r="KQ8" s="143" t="s">
        <v>83</v>
      </c>
      <c r="KR8" s="268" t="s">
        <v>47</v>
      </c>
      <c r="KS8" s="268" t="s">
        <v>48</v>
      </c>
      <c r="KT8" s="268" t="s">
        <v>49</v>
      </c>
      <c r="KU8" s="268" t="s">
        <v>50</v>
      </c>
      <c r="KV8" s="268" t="s">
        <v>51</v>
      </c>
      <c r="KW8" s="269" t="s">
        <v>45</v>
      </c>
      <c r="KX8" s="563"/>
      <c r="KY8" s="267" t="s">
        <v>43</v>
      </c>
      <c r="KZ8" s="268" t="s">
        <v>44</v>
      </c>
      <c r="LA8" s="270" t="s">
        <v>45</v>
      </c>
      <c r="LB8" s="143" t="s">
        <v>83</v>
      </c>
      <c r="LC8" s="268" t="s">
        <v>47</v>
      </c>
      <c r="LD8" s="268" t="s">
        <v>48</v>
      </c>
      <c r="LE8" s="268" t="s">
        <v>49</v>
      </c>
      <c r="LF8" s="268" t="s">
        <v>50</v>
      </c>
      <c r="LG8" s="268" t="s">
        <v>51</v>
      </c>
      <c r="LH8" s="269" t="s">
        <v>45</v>
      </c>
      <c r="LI8" s="563"/>
      <c r="LJ8" s="267" t="s">
        <v>43</v>
      </c>
      <c r="LK8" s="268" t="s">
        <v>44</v>
      </c>
      <c r="LL8" s="270" t="s">
        <v>45</v>
      </c>
      <c r="LM8" s="143" t="s">
        <v>83</v>
      </c>
      <c r="LN8" s="268" t="s">
        <v>47</v>
      </c>
      <c r="LO8" s="268" t="s">
        <v>48</v>
      </c>
      <c r="LP8" s="268" t="s">
        <v>49</v>
      </c>
      <c r="LQ8" s="268" t="s">
        <v>50</v>
      </c>
      <c r="LR8" s="268" t="s">
        <v>51</v>
      </c>
      <c r="LS8" s="269" t="s">
        <v>45</v>
      </c>
      <c r="LT8" s="563"/>
      <c r="LU8" s="267" t="s">
        <v>43</v>
      </c>
      <c r="LV8" s="268" t="s">
        <v>44</v>
      </c>
      <c r="LW8" s="270" t="s">
        <v>45</v>
      </c>
      <c r="LX8" s="143" t="s">
        <v>83</v>
      </c>
      <c r="LY8" s="268" t="s">
        <v>47</v>
      </c>
      <c r="LZ8" s="268" t="s">
        <v>48</v>
      </c>
      <c r="MA8" s="268" t="s">
        <v>49</v>
      </c>
      <c r="MB8" s="268" t="s">
        <v>50</v>
      </c>
      <c r="MC8" s="268" t="s">
        <v>51</v>
      </c>
      <c r="MD8" s="269" t="s">
        <v>45</v>
      </c>
      <c r="ME8" s="563"/>
      <c r="MF8" s="267" t="s">
        <v>43</v>
      </c>
      <c r="MG8" s="268" t="s">
        <v>44</v>
      </c>
      <c r="MH8" s="270" t="s">
        <v>45</v>
      </c>
      <c r="MI8" s="143" t="s">
        <v>83</v>
      </c>
      <c r="MJ8" s="268" t="s">
        <v>47</v>
      </c>
      <c r="MK8" s="268" t="s">
        <v>48</v>
      </c>
      <c r="ML8" s="268" t="s">
        <v>49</v>
      </c>
      <c r="MM8" s="268" t="s">
        <v>50</v>
      </c>
      <c r="MN8" s="268" t="s">
        <v>51</v>
      </c>
      <c r="MO8" s="269" t="s">
        <v>45</v>
      </c>
      <c r="MP8" s="563"/>
      <c r="MQ8" s="267" t="s">
        <v>43</v>
      </c>
      <c r="MR8" s="268" t="s">
        <v>44</v>
      </c>
      <c r="MS8" s="270" t="s">
        <v>45</v>
      </c>
      <c r="MT8" s="143" t="s">
        <v>83</v>
      </c>
      <c r="MU8" s="268" t="s">
        <v>47</v>
      </c>
      <c r="MV8" s="268" t="s">
        <v>48</v>
      </c>
      <c r="MW8" s="268" t="s">
        <v>49</v>
      </c>
      <c r="MX8" s="268" t="s">
        <v>50</v>
      </c>
      <c r="MY8" s="268" t="s">
        <v>51</v>
      </c>
      <c r="MZ8" s="269" t="s">
        <v>45</v>
      </c>
      <c r="NA8" s="563"/>
      <c r="NB8" s="267" t="s">
        <v>43</v>
      </c>
      <c r="NC8" s="268" t="s">
        <v>44</v>
      </c>
      <c r="ND8" s="270" t="s">
        <v>45</v>
      </c>
      <c r="NE8" s="143" t="s">
        <v>83</v>
      </c>
      <c r="NF8" s="268" t="s">
        <v>47</v>
      </c>
      <c r="NG8" s="268" t="s">
        <v>48</v>
      </c>
      <c r="NH8" s="268" t="s">
        <v>49</v>
      </c>
      <c r="NI8" s="268" t="s">
        <v>50</v>
      </c>
      <c r="NJ8" s="268" t="s">
        <v>51</v>
      </c>
      <c r="NK8" s="269" t="s">
        <v>45</v>
      </c>
      <c r="NL8" s="563"/>
      <c r="NM8" s="267" t="s">
        <v>43</v>
      </c>
      <c r="NN8" s="268" t="s">
        <v>44</v>
      </c>
      <c r="NO8" s="270" t="s">
        <v>45</v>
      </c>
      <c r="NP8" s="143" t="s">
        <v>83</v>
      </c>
      <c r="NQ8" s="268" t="s">
        <v>47</v>
      </c>
      <c r="NR8" s="268" t="s">
        <v>48</v>
      </c>
      <c r="NS8" s="268" t="s">
        <v>49</v>
      </c>
      <c r="NT8" s="268" t="s">
        <v>50</v>
      </c>
      <c r="NU8" s="268" t="s">
        <v>51</v>
      </c>
      <c r="NV8" s="269" t="s">
        <v>45</v>
      </c>
      <c r="NW8" s="563"/>
      <c r="NX8" s="267" t="s">
        <v>43</v>
      </c>
      <c r="NY8" s="268" t="s">
        <v>44</v>
      </c>
      <c r="NZ8" s="270" t="s">
        <v>45</v>
      </c>
      <c r="OA8" s="143" t="s">
        <v>83</v>
      </c>
      <c r="OB8" s="268" t="s">
        <v>47</v>
      </c>
      <c r="OC8" s="268" t="s">
        <v>48</v>
      </c>
      <c r="OD8" s="268" t="s">
        <v>49</v>
      </c>
      <c r="OE8" s="268" t="s">
        <v>50</v>
      </c>
      <c r="OF8" s="268" t="s">
        <v>51</v>
      </c>
      <c r="OG8" s="269" t="s">
        <v>45</v>
      </c>
      <c r="OH8" s="563"/>
      <c r="OI8" s="267" t="s">
        <v>43</v>
      </c>
      <c r="OJ8" s="268" t="s">
        <v>44</v>
      </c>
      <c r="OK8" s="270" t="s">
        <v>45</v>
      </c>
      <c r="OL8" s="247" t="s">
        <v>83</v>
      </c>
      <c r="OM8" s="268" t="s">
        <v>47</v>
      </c>
      <c r="ON8" s="268" t="s">
        <v>48</v>
      </c>
      <c r="OO8" s="268" t="s">
        <v>49</v>
      </c>
      <c r="OP8" s="268" t="s">
        <v>50</v>
      </c>
      <c r="OQ8" s="268" t="s">
        <v>51</v>
      </c>
      <c r="OR8" s="269" t="s">
        <v>45</v>
      </c>
      <c r="OS8" s="563"/>
    </row>
    <row r="9" spans="2:409" s="434" customFormat="1" ht="21" customHeight="1" x14ac:dyDescent="0.2">
      <c r="B9" s="419" t="s">
        <v>4</v>
      </c>
      <c r="C9" s="271">
        <v>25044971</v>
      </c>
      <c r="D9" s="272">
        <v>46001998</v>
      </c>
      <c r="E9" s="273">
        <v>71046969</v>
      </c>
      <c r="F9" s="274">
        <v>0</v>
      </c>
      <c r="G9" s="272">
        <v>257085909</v>
      </c>
      <c r="H9" s="272">
        <v>344849911</v>
      </c>
      <c r="I9" s="272">
        <v>292465588</v>
      </c>
      <c r="J9" s="272">
        <v>286964113</v>
      </c>
      <c r="K9" s="272">
        <v>223266702</v>
      </c>
      <c r="L9" s="275">
        <v>1404632223</v>
      </c>
      <c r="M9" s="276">
        <v>1475679192</v>
      </c>
      <c r="N9" s="271">
        <v>7337545</v>
      </c>
      <c r="O9" s="272">
        <v>16923962</v>
      </c>
      <c r="P9" s="277">
        <v>24261507</v>
      </c>
      <c r="Q9" s="271">
        <v>0</v>
      </c>
      <c r="R9" s="272">
        <v>83372784</v>
      </c>
      <c r="S9" s="272">
        <v>120362038</v>
      </c>
      <c r="T9" s="272">
        <v>97895851</v>
      </c>
      <c r="U9" s="272">
        <v>103479886</v>
      </c>
      <c r="V9" s="272">
        <v>103367422</v>
      </c>
      <c r="W9" s="277">
        <v>508477981</v>
      </c>
      <c r="X9" s="276">
        <v>532739488</v>
      </c>
      <c r="Y9" s="271">
        <v>0</v>
      </c>
      <c r="Z9" s="272">
        <v>0</v>
      </c>
      <c r="AA9" s="277">
        <v>0</v>
      </c>
      <c r="AB9" s="278">
        <v>0</v>
      </c>
      <c r="AC9" s="279">
        <v>33607330</v>
      </c>
      <c r="AD9" s="279">
        <v>48130891</v>
      </c>
      <c r="AE9" s="279">
        <v>47349425</v>
      </c>
      <c r="AF9" s="279">
        <v>52234146</v>
      </c>
      <c r="AG9" s="279">
        <v>57721483</v>
      </c>
      <c r="AH9" s="277">
        <v>239043275</v>
      </c>
      <c r="AI9" s="276">
        <v>239043275</v>
      </c>
      <c r="AJ9" s="280">
        <v>0</v>
      </c>
      <c r="AK9" s="279">
        <v>57506</v>
      </c>
      <c r="AL9" s="277">
        <v>57506</v>
      </c>
      <c r="AM9" s="278">
        <v>0</v>
      </c>
      <c r="AN9" s="279">
        <v>563201</v>
      </c>
      <c r="AO9" s="275">
        <v>995507</v>
      </c>
      <c r="AP9" s="279">
        <v>2545991</v>
      </c>
      <c r="AQ9" s="279">
        <v>7188804</v>
      </c>
      <c r="AR9" s="279">
        <v>11363251</v>
      </c>
      <c r="AS9" s="277">
        <v>22656754</v>
      </c>
      <c r="AT9" s="276">
        <v>22714260</v>
      </c>
      <c r="AU9" s="280">
        <v>3871939</v>
      </c>
      <c r="AV9" s="279">
        <v>11645668</v>
      </c>
      <c r="AW9" s="277">
        <v>15517607</v>
      </c>
      <c r="AX9" s="278">
        <v>0</v>
      </c>
      <c r="AY9" s="279">
        <v>31466617</v>
      </c>
      <c r="AZ9" s="279">
        <v>48055377</v>
      </c>
      <c r="BA9" s="279">
        <v>29701849</v>
      </c>
      <c r="BB9" s="279">
        <v>24722375</v>
      </c>
      <c r="BC9" s="279">
        <v>19472173</v>
      </c>
      <c r="BD9" s="277">
        <v>153418391</v>
      </c>
      <c r="BE9" s="281">
        <v>168935998</v>
      </c>
      <c r="BF9" s="280">
        <v>510444</v>
      </c>
      <c r="BG9" s="275">
        <v>1748934</v>
      </c>
      <c r="BH9" s="282">
        <v>2259378</v>
      </c>
      <c r="BI9" s="278">
        <v>0</v>
      </c>
      <c r="BJ9" s="279">
        <v>2615439</v>
      </c>
      <c r="BK9" s="279">
        <v>5036767</v>
      </c>
      <c r="BL9" s="279">
        <v>2331285</v>
      </c>
      <c r="BM9" s="279">
        <v>2555806</v>
      </c>
      <c r="BN9" s="279">
        <v>1294922</v>
      </c>
      <c r="BO9" s="277">
        <v>13834219</v>
      </c>
      <c r="BP9" s="276">
        <v>16093597</v>
      </c>
      <c r="BQ9" s="280">
        <v>2955162</v>
      </c>
      <c r="BR9" s="279">
        <v>3471854</v>
      </c>
      <c r="BS9" s="277">
        <v>6427016</v>
      </c>
      <c r="BT9" s="278">
        <v>0</v>
      </c>
      <c r="BU9" s="279">
        <v>15120197</v>
      </c>
      <c r="BV9" s="279">
        <v>18143496</v>
      </c>
      <c r="BW9" s="279">
        <v>15967301</v>
      </c>
      <c r="BX9" s="279">
        <v>16778755</v>
      </c>
      <c r="BY9" s="279">
        <v>13515593</v>
      </c>
      <c r="BZ9" s="277">
        <v>79525342</v>
      </c>
      <c r="CA9" s="276">
        <v>85952358</v>
      </c>
      <c r="CB9" s="280">
        <v>2585324</v>
      </c>
      <c r="CC9" s="279">
        <v>6411601</v>
      </c>
      <c r="CD9" s="277">
        <v>8996925</v>
      </c>
      <c r="CE9" s="278">
        <v>0</v>
      </c>
      <c r="CF9" s="279">
        <v>64702898</v>
      </c>
      <c r="CG9" s="279">
        <v>81164980</v>
      </c>
      <c r="CH9" s="283">
        <v>56122335</v>
      </c>
      <c r="CI9" s="279">
        <v>33800550</v>
      </c>
      <c r="CJ9" s="279">
        <v>16932660</v>
      </c>
      <c r="CK9" s="277">
        <v>252723423</v>
      </c>
      <c r="CL9" s="276">
        <v>261720348</v>
      </c>
      <c r="CM9" s="271">
        <v>0</v>
      </c>
      <c r="CN9" s="272">
        <v>0</v>
      </c>
      <c r="CO9" s="277">
        <v>0</v>
      </c>
      <c r="CP9" s="278">
        <v>0</v>
      </c>
      <c r="CQ9" s="279">
        <v>51213267</v>
      </c>
      <c r="CR9" s="279">
        <v>59272462</v>
      </c>
      <c r="CS9" s="279">
        <v>38958635</v>
      </c>
      <c r="CT9" s="279">
        <v>23008800</v>
      </c>
      <c r="CU9" s="279">
        <v>11843427</v>
      </c>
      <c r="CV9" s="284">
        <v>184296591</v>
      </c>
      <c r="CW9" s="276">
        <v>184296591</v>
      </c>
      <c r="CX9" s="280">
        <v>2585324</v>
      </c>
      <c r="CY9" s="279">
        <v>6411601</v>
      </c>
      <c r="CZ9" s="277">
        <v>8996925</v>
      </c>
      <c r="DA9" s="278">
        <v>0</v>
      </c>
      <c r="DB9" s="279">
        <v>13489631</v>
      </c>
      <c r="DC9" s="279">
        <v>21892518</v>
      </c>
      <c r="DD9" s="279">
        <v>17163700</v>
      </c>
      <c r="DE9" s="279">
        <v>10791750</v>
      </c>
      <c r="DF9" s="279">
        <v>5089233</v>
      </c>
      <c r="DG9" s="277">
        <v>68426832</v>
      </c>
      <c r="DH9" s="276">
        <v>77423757</v>
      </c>
      <c r="DI9" s="280">
        <v>50966</v>
      </c>
      <c r="DJ9" s="279">
        <v>494651</v>
      </c>
      <c r="DK9" s="282">
        <v>545617</v>
      </c>
      <c r="DL9" s="278">
        <v>0</v>
      </c>
      <c r="DM9" s="279">
        <v>7607626</v>
      </c>
      <c r="DN9" s="279">
        <v>15348225</v>
      </c>
      <c r="DO9" s="279">
        <v>22248885</v>
      </c>
      <c r="DP9" s="279">
        <v>20406375</v>
      </c>
      <c r="DQ9" s="279">
        <v>11411958</v>
      </c>
      <c r="DR9" s="285">
        <v>77023069</v>
      </c>
      <c r="DS9" s="276">
        <v>77568686</v>
      </c>
      <c r="DT9" s="280">
        <v>29355</v>
      </c>
      <c r="DU9" s="279">
        <v>463900</v>
      </c>
      <c r="DV9" s="277">
        <v>493255</v>
      </c>
      <c r="DW9" s="278">
        <v>0</v>
      </c>
      <c r="DX9" s="279">
        <v>6392647</v>
      </c>
      <c r="DY9" s="279">
        <v>13651457</v>
      </c>
      <c r="DZ9" s="279">
        <v>19229248</v>
      </c>
      <c r="EA9" s="279">
        <v>17079023</v>
      </c>
      <c r="EB9" s="279">
        <v>9650164</v>
      </c>
      <c r="EC9" s="277">
        <v>66002539</v>
      </c>
      <c r="ED9" s="276">
        <v>66495794</v>
      </c>
      <c r="EE9" s="280">
        <v>21611</v>
      </c>
      <c r="EF9" s="275">
        <v>30751</v>
      </c>
      <c r="EG9" s="277">
        <v>52362</v>
      </c>
      <c r="EH9" s="281">
        <v>0</v>
      </c>
      <c r="EI9" s="279">
        <v>1214979</v>
      </c>
      <c r="EJ9" s="279">
        <v>1696768</v>
      </c>
      <c r="EK9" s="279">
        <v>3019637</v>
      </c>
      <c r="EL9" s="279">
        <v>3327352</v>
      </c>
      <c r="EM9" s="283">
        <v>1761794</v>
      </c>
      <c r="EN9" s="275">
        <v>11020530</v>
      </c>
      <c r="EO9" s="276">
        <v>11072892</v>
      </c>
      <c r="EP9" s="280">
        <v>0</v>
      </c>
      <c r="EQ9" s="279">
        <v>0</v>
      </c>
      <c r="ER9" s="275">
        <v>0</v>
      </c>
      <c r="ES9" s="278">
        <v>0</v>
      </c>
      <c r="ET9" s="279">
        <v>0</v>
      </c>
      <c r="EU9" s="279">
        <v>0</v>
      </c>
      <c r="EV9" s="279">
        <v>0</v>
      </c>
      <c r="EW9" s="279">
        <v>0</v>
      </c>
      <c r="EX9" s="279">
        <v>0</v>
      </c>
      <c r="EY9" s="284">
        <v>0</v>
      </c>
      <c r="EZ9" s="276">
        <v>0</v>
      </c>
      <c r="FA9" s="280">
        <v>0</v>
      </c>
      <c r="FB9" s="279">
        <v>0</v>
      </c>
      <c r="FC9" s="275">
        <v>0</v>
      </c>
      <c r="FD9" s="433">
        <v>0</v>
      </c>
      <c r="FE9" s="279">
        <v>0</v>
      </c>
      <c r="FF9" s="279">
        <v>0</v>
      </c>
      <c r="FG9" s="279">
        <v>0</v>
      </c>
      <c r="FH9" s="279">
        <v>0</v>
      </c>
      <c r="FI9" s="279">
        <v>0</v>
      </c>
      <c r="FJ9" s="284">
        <v>0</v>
      </c>
      <c r="FK9" s="276">
        <v>0</v>
      </c>
      <c r="FL9" s="280">
        <v>4685181</v>
      </c>
      <c r="FM9" s="279">
        <v>9321022</v>
      </c>
      <c r="FN9" s="277">
        <v>14006203</v>
      </c>
      <c r="FO9" s="278">
        <v>0</v>
      </c>
      <c r="FP9" s="279">
        <v>13194110</v>
      </c>
      <c r="FQ9" s="279">
        <v>32928041</v>
      </c>
      <c r="FR9" s="279">
        <v>23109876</v>
      </c>
      <c r="FS9" s="279">
        <v>21286795</v>
      </c>
      <c r="FT9" s="279">
        <v>15675214</v>
      </c>
      <c r="FU9" s="277">
        <v>106194036</v>
      </c>
      <c r="FV9" s="276">
        <v>120200239</v>
      </c>
      <c r="FW9" s="280">
        <v>2809530</v>
      </c>
      <c r="FX9" s="279">
        <v>7059478</v>
      </c>
      <c r="FY9" s="275">
        <v>9869008</v>
      </c>
      <c r="FZ9" s="281">
        <v>0</v>
      </c>
      <c r="GA9" s="279">
        <v>10975283</v>
      </c>
      <c r="GB9" s="286">
        <v>30564755</v>
      </c>
      <c r="GC9" s="279">
        <v>22105029</v>
      </c>
      <c r="GD9" s="286">
        <v>20277374</v>
      </c>
      <c r="GE9" s="279">
        <v>14544628</v>
      </c>
      <c r="GF9" s="284">
        <v>98467069</v>
      </c>
      <c r="GG9" s="287">
        <v>108336077</v>
      </c>
      <c r="GH9" s="288">
        <v>142101</v>
      </c>
      <c r="GI9" s="279">
        <v>369585</v>
      </c>
      <c r="GJ9" s="286">
        <v>511686</v>
      </c>
      <c r="GK9" s="274">
        <v>0</v>
      </c>
      <c r="GL9" s="279">
        <v>532674</v>
      </c>
      <c r="GM9" s="275">
        <v>617685</v>
      </c>
      <c r="GN9" s="279">
        <v>305064</v>
      </c>
      <c r="GO9" s="275">
        <v>531251</v>
      </c>
      <c r="GP9" s="279">
        <v>318255</v>
      </c>
      <c r="GQ9" s="285">
        <v>2304929</v>
      </c>
      <c r="GR9" s="276">
        <v>2816615</v>
      </c>
      <c r="GS9" s="275">
        <v>1733550</v>
      </c>
      <c r="GT9" s="279">
        <v>1891959</v>
      </c>
      <c r="GU9" s="277">
        <v>3625509</v>
      </c>
      <c r="GV9" s="275">
        <v>0</v>
      </c>
      <c r="GW9" s="279">
        <v>1686153</v>
      </c>
      <c r="GX9" s="275">
        <v>1745601</v>
      </c>
      <c r="GY9" s="279">
        <v>699783</v>
      </c>
      <c r="GZ9" s="275">
        <v>478170</v>
      </c>
      <c r="HA9" s="279">
        <v>812331</v>
      </c>
      <c r="HB9" s="275">
        <v>5422038</v>
      </c>
      <c r="HC9" s="276">
        <v>9047547</v>
      </c>
      <c r="HD9" s="275">
        <v>10385955</v>
      </c>
      <c r="HE9" s="279">
        <v>12850762</v>
      </c>
      <c r="HF9" s="275">
        <v>23236717</v>
      </c>
      <c r="HG9" s="281">
        <v>0</v>
      </c>
      <c r="HH9" s="279">
        <v>88208491</v>
      </c>
      <c r="HI9" s="286">
        <v>95046627</v>
      </c>
      <c r="HJ9" s="279">
        <v>93088641</v>
      </c>
      <c r="HK9" s="286">
        <v>107990507</v>
      </c>
      <c r="HL9" s="279">
        <v>75879448</v>
      </c>
      <c r="HM9" s="284">
        <v>460213714</v>
      </c>
      <c r="HN9" s="275">
        <v>483450431</v>
      </c>
      <c r="HO9" s="288">
        <v>0</v>
      </c>
      <c r="HP9" s="279">
        <v>0</v>
      </c>
      <c r="HQ9" s="284">
        <v>0</v>
      </c>
      <c r="HR9" s="286">
        <v>0</v>
      </c>
      <c r="HS9" s="279">
        <v>0</v>
      </c>
      <c r="HT9" s="286">
        <v>0</v>
      </c>
      <c r="HU9" s="279">
        <v>0</v>
      </c>
      <c r="HV9" s="286">
        <v>0</v>
      </c>
      <c r="HW9" s="279">
        <v>0</v>
      </c>
      <c r="HX9" s="286">
        <v>0</v>
      </c>
      <c r="HY9" s="276">
        <v>0</v>
      </c>
      <c r="HZ9" s="289">
        <v>198549</v>
      </c>
      <c r="IA9" s="290">
        <v>1558614</v>
      </c>
      <c r="IB9" s="291">
        <v>1757163</v>
      </c>
      <c r="IC9" s="292">
        <v>0</v>
      </c>
      <c r="ID9" s="290">
        <v>50461567</v>
      </c>
      <c r="IE9" s="293">
        <v>69125522</v>
      </c>
      <c r="IF9" s="294">
        <v>75690655</v>
      </c>
      <c r="IG9" s="290">
        <v>54121318</v>
      </c>
      <c r="IH9" s="294">
        <v>50509933</v>
      </c>
      <c r="II9" s="295">
        <v>299908995</v>
      </c>
      <c r="IJ9" s="296">
        <v>301666158</v>
      </c>
      <c r="IK9" s="297">
        <v>0</v>
      </c>
      <c r="IL9" s="298">
        <v>0</v>
      </c>
      <c r="IM9" s="299">
        <v>0</v>
      </c>
      <c r="IN9" s="433">
        <v>0</v>
      </c>
      <c r="IO9" s="300">
        <v>1093001</v>
      </c>
      <c r="IP9" s="300">
        <v>3400047</v>
      </c>
      <c r="IQ9" s="300">
        <v>3985703</v>
      </c>
      <c r="IR9" s="300">
        <v>5581648</v>
      </c>
      <c r="IS9" s="300">
        <v>5364788</v>
      </c>
      <c r="IT9" s="301">
        <v>19425187</v>
      </c>
      <c r="IU9" s="302">
        <v>19425187</v>
      </c>
      <c r="IV9" s="303">
        <v>0</v>
      </c>
      <c r="IW9" s="300">
        <v>0</v>
      </c>
      <c r="IX9" s="304">
        <v>0</v>
      </c>
      <c r="IY9" s="433">
        <v>0</v>
      </c>
      <c r="IZ9" s="300">
        <v>163258</v>
      </c>
      <c r="JA9" s="300">
        <v>571536</v>
      </c>
      <c r="JB9" s="300">
        <v>463076</v>
      </c>
      <c r="JC9" s="300">
        <v>503482</v>
      </c>
      <c r="JD9" s="300">
        <v>1171370</v>
      </c>
      <c r="JE9" s="304">
        <v>2872722</v>
      </c>
      <c r="JF9" s="305">
        <v>2872722</v>
      </c>
      <c r="JG9" s="303">
        <v>0</v>
      </c>
      <c r="JH9" s="300">
        <v>0</v>
      </c>
      <c r="JI9" s="301">
        <v>0</v>
      </c>
      <c r="JJ9" s="306">
        <v>0</v>
      </c>
      <c r="JK9" s="300">
        <v>25049168</v>
      </c>
      <c r="JL9" s="300">
        <v>27923222</v>
      </c>
      <c r="JM9" s="300">
        <v>18010393</v>
      </c>
      <c r="JN9" s="300">
        <v>8375394</v>
      </c>
      <c r="JO9" s="300">
        <v>5279306</v>
      </c>
      <c r="JP9" s="304">
        <v>84637483</v>
      </c>
      <c r="JQ9" s="302">
        <v>84637483</v>
      </c>
      <c r="JR9" s="303">
        <v>39183</v>
      </c>
      <c r="JS9" s="300">
        <v>0</v>
      </c>
      <c r="JT9" s="301">
        <v>39183</v>
      </c>
      <c r="JU9" s="306">
        <v>0</v>
      </c>
      <c r="JV9" s="300">
        <v>2477450</v>
      </c>
      <c r="JW9" s="300">
        <v>4685170</v>
      </c>
      <c r="JX9" s="300">
        <v>6572359</v>
      </c>
      <c r="JY9" s="300">
        <v>1982877</v>
      </c>
      <c r="JZ9" s="300">
        <v>2714553</v>
      </c>
      <c r="KA9" s="304">
        <v>18432409</v>
      </c>
      <c r="KB9" s="302">
        <v>18471592</v>
      </c>
      <c r="KC9" s="307">
        <v>159366</v>
      </c>
      <c r="KD9" s="308">
        <v>1558614</v>
      </c>
      <c r="KE9" s="304">
        <v>1717980</v>
      </c>
      <c r="KF9" s="306">
        <v>0</v>
      </c>
      <c r="KG9" s="300">
        <v>7357829</v>
      </c>
      <c r="KH9" s="300">
        <v>7944645</v>
      </c>
      <c r="KI9" s="300">
        <v>13229045</v>
      </c>
      <c r="KJ9" s="300">
        <v>9582643</v>
      </c>
      <c r="KK9" s="300">
        <v>4981673</v>
      </c>
      <c r="KL9" s="304">
        <v>43095835</v>
      </c>
      <c r="KM9" s="309">
        <v>44813815</v>
      </c>
      <c r="KN9" s="297">
        <v>0</v>
      </c>
      <c r="KO9" s="298">
        <v>0</v>
      </c>
      <c r="KP9" s="299">
        <v>0</v>
      </c>
      <c r="KQ9" s="433">
        <v>0</v>
      </c>
      <c r="KR9" s="300">
        <v>13375031</v>
      </c>
      <c r="KS9" s="300">
        <v>20168369</v>
      </c>
      <c r="KT9" s="300">
        <v>27584767</v>
      </c>
      <c r="KU9" s="300">
        <v>18905774</v>
      </c>
      <c r="KV9" s="300">
        <v>16960102</v>
      </c>
      <c r="KW9" s="304">
        <v>96994043</v>
      </c>
      <c r="KX9" s="302">
        <v>96994043</v>
      </c>
      <c r="KY9" s="303">
        <v>0</v>
      </c>
      <c r="KZ9" s="300">
        <v>0</v>
      </c>
      <c r="LA9" s="304">
        <v>0</v>
      </c>
      <c r="LB9" s="433">
        <v>0</v>
      </c>
      <c r="LC9" s="300">
        <v>130324</v>
      </c>
      <c r="LD9" s="300">
        <v>756879</v>
      </c>
      <c r="LE9" s="300">
        <v>1197978</v>
      </c>
      <c r="LF9" s="300">
        <v>612309</v>
      </c>
      <c r="LG9" s="300">
        <v>1191036</v>
      </c>
      <c r="LH9" s="304">
        <v>3888526</v>
      </c>
      <c r="LI9" s="305">
        <v>3888526</v>
      </c>
      <c r="LJ9" s="303">
        <v>0</v>
      </c>
      <c r="LK9" s="300">
        <v>0</v>
      </c>
      <c r="LL9" s="304">
        <v>0</v>
      </c>
      <c r="LM9" s="433">
        <v>0</v>
      </c>
      <c r="LN9" s="300">
        <v>0</v>
      </c>
      <c r="LO9" s="300">
        <v>580578</v>
      </c>
      <c r="LP9" s="300">
        <v>1300271</v>
      </c>
      <c r="LQ9" s="300">
        <v>4546791</v>
      </c>
      <c r="LR9" s="300">
        <v>2033786</v>
      </c>
      <c r="LS9" s="304">
        <v>8461426</v>
      </c>
      <c r="LT9" s="302">
        <v>8461426</v>
      </c>
      <c r="LU9" s="303">
        <v>0</v>
      </c>
      <c r="LV9" s="300">
        <v>0</v>
      </c>
      <c r="LW9" s="304">
        <v>0</v>
      </c>
      <c r="LX9" s="433">
        <v>0</v>
      </c>
      <c r="LY9" s="300">
        <v>815506</v>
      </c>
      <c r="LZ9" s="300">
        <v>3095076</v>
      </c>
      <c r="MA9" s="300">
        <v>3347063</v>
      </c>
      <c r="MB9" s="300">
        <v>4030400</v>
      </c>
      <c r="MC9" s="300">
        <v>10813319</v>
      </c>
      <c r="MD9" s="304">
        <v>22101364</v>
      </c>
      <c r="ME9" s="305">
        <v>22101364</v>
      </c>
      <c r="MF9" s="303">
        <v>0</v>
      </c>
      <c r="MG9" s="300">
        <v>0</v>
      </c>
      <c r="MH9" s="304">
        <v>0</v>
      </c>
      <c r="MI9" s="433">
        <v>0</v>
      </c>
      <c r="MJ9" s="300">
        <v>13665060</v>
      </c>
      <c r="MK9" s="300">
        <v>33653809</v>
      </c>
      <c r="ML9" s="300">
        <v>98505114</v>
      </c>
      <c r="MM9" s="300">
        <v>152014087</v>
      </c>
      <c r="MN9" s="300">
        <v>100776923</v>
      </c>
      <c r="MO9" s="304">
        <v>398614993</v>
      </c>
      <c r="MP9" s="309">
        <v>398614993</v>
      </c>
      <c r="MQ9" s="303">
        <v>0</v>
      </c>
      <c r="MR9" s="300">
        <v>0</v>
      </c>
      <c r="MS9" s="304">
        <v>0</v>
      </c>
      <c r="MT9" s="433">
        <v>0</v>
      </c>
      <c r="MU9" s="300">
        <v>1921614</v>
      </c>
      <c r="MV9" s="300">
        <v>7063608</v>
      </c>
      <c r="MW9" s="300">
        <v>56246277</v>
      </c>
      <c r="MX9" s="300">
        <v>87528005</v>
      </c>
      <c r="MY9" s="300">
        <v>64693806</v>
      </c>
      <c r="MZ9" s="304">
        <v>217453310</v>
      </c>
      <c r="NA9" s="309">
        <v>217453310</v>
      </c>
      <c r="NB9" s="303">
        <v>0</v>
      </c>
      <c r="NC9" s="300">
        <v>0</v>
      </c>
      <c r="ND9" s="304">
        <v>0</v>
      </c>
      <c r="NE9" s="433">
        <v>0</v>
      </c>
      <c r="NF9" s="300">
        <v>11743446</v>
      </c>
      <c r="NG9" s="300">
        <v>26370786</v>
      </c>
      <c r="NH9" s="300">
        <v>41766847</v>
      </c>
      <c r="NI9" s="300">
        <v>61384680</v>
      </c>
      <c r="NJ9" s="300">
        <v>29624682</v>
      </c>
      <c r="NK9" s="304">
        <v>170890441</v>
      </c>
      <c r="NL9" s="302">
        <v>170890441</v>
      </c>
      <c r="NM9" s="303">
        <v>0</v>
      </c>
      <c r="NN9" s="300">
        <v>0</v>
      </c>
      <c r="NO9" s="304">
        <v>0</v>
      </c>
      <c r="NP9" s="433">
        <v>0</v>
      </c>
      <c r="NQ9" s="300">
        <v>0</v>
      </c>
      <c r="NR9" s="300">
        <v>0</v>
      </c>
      <c r="NS9" s="300">
        <v>227038</v>
      </c>
      <c r="NT9" s="300">
        <v>747985</v>
      </c>
      <c r="NU9" s="300">
        <v>525609</v>
      </c>
      <c r="NV9" s="304">
        <v>1500632</v>
      </c>
      <c r="NW9" s="305">
        <v>1500632</v>
      </c>
      <c r="NX9" s="303">
        <v>0</v>
      </c>
      <c r="NY9" s="300">
        <v>0</v>
      </c>
      <c r="NZ9" s="304">
        <v>0</v>
      </c>
      <c r="OA9" s="433">
        <v>0</v>
      </c>
      <c r="OB9" s="300">
        <v>0</v>
      </c>
      <c r="OC9" s="300">
        <v>219415</v>
      </c>
      <c r="OD9" s="300">
        <v>264952</v>
      </c>
      <c r="OE9" s="300">
        <v>2353417</v>
      </c>
      <c r="OF9" s="300">
        <v>5932826</v>
      </c>
      <c r="OG9" s="304">
        <v>8770610</v>
      </c>
      <c r="OH9" s="305">
        <v>8770610</v>
      </c>
      <c r="OI9" s="303">
        <v>25243520</v>
      </c>
      <c r="OJ9" s="300">
        <v>47560612</v>
      </c>
      <c r="OK9" s="301">
        <v>72804132</v>
      </c>
      <c r="OL9" s="306">
        <v>0</v>
      </c>
      <c r="OM9" s="300">
        <v>321212536</v>
      </c>
      <c r="ON9" s="300">
        <v>447629242</v>
      </c>
      <c r="OO9" s="300">
        <v>466661357</v>
      </c>
      <c r="OP9" s="300">
        <v>493099518</v>
      </c>
      <c r="OQ9" s="300">
        <v>374553558</v>
      </c>
      <c r="OR9" s="304">
        <v>2103156211</v>
      </c>
      <c r="OS9" s="309">
        <v>2175960343</v>
      </c>
    </row>
    <row r="10" spans="2:409" s="434" customFormat="1" ht="21" customHeight="1" x14ac:dyDescent="0.2">
      <c r="B10" s="420" t="s">
        <v>5</v>
      </c>
      <c r="C10" s="310">
        <v>11076074</v>
      </c>
      <c r="D10" s="311">
        <v>22861397</v>
      </c>
      <c r="E10" s="312">
        <v>33937471</v>
      </c>
      <c r="F10" s="313">
        <v>0</v>
      </c>
      <c r="G10" s="311">
        <v>95463346</v>
      </c>
      <c r="H10" s="311">
        <v>169615332</v>
      </c>
      <c r="I10" s="311">
        <v>127675966</v>
      </c>
      <c r="J10" s="311">
        <v>126826854</v>
      </c>
      <c r="K10" s="311">
        <v>95546043</v>
      </c>
      <c r="L10" s="313">
        <v>615127541</v>
      </c>
      <c r="M10" s="314">
        <v>649065012</v>
      </c>
      <c r="N10" s="310">
        <v>3353212</v>
      </c>
      <c r="O10" s="311">
        <v>9264205</v>
      </c>
      <c r="P10" s="312">
        <v>12617417</v>
      </c>
      <c r="Q10" s="310">
        <v>0</v>
      </c>
      <c r="R10" s="311">
        <v>31239526</v>
      </c>
      <c r="S10" s="311">
        <v>61216825</v>
      </c>
      <c r="T10" s="311">
        <v>42518745</v>
      </c>
      <c r="U10" s="311">
        <v>46412502</v>
      </c>
      <c r="V10" s="311">
        <v>45957328</v>
      </c>
      <c r="W10" s="312">
        <v>227344926</v>
      </c>
      <c r="X10" s="314">
        <v>239962343</v>
      </c>
      <c r="Y10" s="310">
        <v>0</v>
      </c>
      <c r="Z10" s="311">
        <v>0</v>
      </c>
      <c r="AA10" s="312">
        <v>0</v>
      </c>
      <c r="AB10" s="310">
        <v>0</v>
      </c>
      <c r="AC10" s="311">
        <v>12730534</v>
      </c>
      <c r="AD10" s="311">
        <v>22875745</v>
      </c>
      <c r="AE10" s="311">
        <v>18502702</v>
      </c>
      <c r="AF10" s="311">
        <v>22638879</v>
      </c>
      <c r="AG10" s="311">
        <v>25129172</v>
      </c>
      <c r="AH10" s="312">
        <v>101877032</v>
      </c>
      <c r="AI10" s="314">
        <v>101877032</v>
      </c>
      <c r="AJ10" s="310">
        <v>0</v>
      </c>
      <c r="AK10" s="311">
        <v>57506</v>
      </c>
      <c r="AL10" s="312">
        <v>57506</v>
      </c>
      <c r="AM10" s="310">
        <v>0</v>
      </c>
      <c r="AN10" s="311">
        <v>135210</v>
      </c>
      <c r="AO10" s="311">
        <v>216825</v>
      </c>
      <c r="AP10" s="311">
        <v>1040755</v>
      </c>
      <c r="AQ10" s="311">
        <v>2746818</v>
      </c>
      <c r="AR10" s="311">
        <v>6060585</v>
      </c>
      <c r="AS10" s="312">
        <v>10200193</v>
      </c>
      <c r="AT10" s="314">
        <v>10257699</v>
      </c>
      <c r="AU10" s="310">
        <v>1770913</v>
      </c>
      <c r="AV10" s="311">
        <v>6288560</v>
      </c>
      <c r="AW10" s="312">
        <v>8059473</v>
      </c>
      <c r="AX10" s="310">
        <v>0</v>
      </c>
      <c r="AY10" s="311">
        <v>11317221</v>
      </c>
      <c r="AZ10" s="311">
        <v>26698708</v>
      </c>
      <c r="BA10" s="311">
        <v>15011694</v>
      </c>
      <c r="BB10" s="311">
        <v>11961832</v>
      </c>
      <c r="BC10" s="311">
        <v>8754145</v>
      </c>
      <c r="BD10" s="312">
        <v>73743600</v>
      </c>
      <c r="BE10" s="314">
        <v>81803073</v>
      </c>
      <c r="BF10" s="310">
        <v>186023</v>
      </c>
      <c r="BG10" s="311">
        <v>1032107</v>
      </c>
      <c r="BH10" s="315">
        <v>1218130</v>
      </c>
      <c r="BI10" s="316">
        <v>0</v>
      </c>
      <c r="BJ10" s="311">
        <v>841310</v>
      </c>
      <c r="BK10" s="311">
        <v>2618560</v>
      </c>
      <c r="BL10" s="311">
        <v>1088419</v>
      </c>
      <c r="BM10" s="311">
        <v>1094542</v>
      </c>
      <c r="BN10" s="311">
        <v>485050</v>
      </c>
      <c r="BO10" s="312">
        <v>6127881</v>
      </c>
      <c r="BP10" s="314">
        <v>7346011</v>
      </c>
      <c r="BQ10" s="310">
        <v>1396276</v>
      </c>
      <c r="BR10" s="311">
        <v>1886032</v>
      </c>
      <c r="BS10" s="312">
        <v>3282308</v>
      </c>
      <c r="BT10" s="310">
        <v>0</v>
      </c>
      <c r="BU10" s="311">
        <v>6215251</v>
      </c>
      <c r="BV10" s="311">
        <v>8806987</v>
      </c>
      <c r="BW10" s="311">
        <v>6875175</v>
      </c>
      <c r="BX10" s="311">
        <v>7970431</v>
      </c>
      <c r="BY10" s="311">
        <v>5528376</v>
      </c>
      <c r="BZ10" s="312">
        <v>35396220</v>
      </c>
      <c r="CA10" s="314">
        <v>38678528</v>
      </c>
      <c r="CB10" s="310">
        <v>1294456</v>
      </c>
      <c r="CC10" s="311">
        <v>3295803</v>
      </c>
      <c r="CD10" s="312">
        <v>4590259</v>
      </c>
      <c r="CE10" s="310">
        <v>0</v>
      </c>
      <c r="CF10" s="311">
        <v>21451889</v>
      </c>
      <c r="CG10" s="311">
        <v>36593534</v>
      </c>
      <c r="CH10" s="311">
        <v>22340358</v>
      </c>
      <c r="CI10" s="311">
        <v>13702200</v>
      </c>
      <c r="CJ10" s="311">
        <v>6894289</v>
      </c>
      <c r="CK10" s="312">
        <v>100982270</v>
      </c>
      <c r="CL10" s="314">
        <v>105572529</v>
      </c>
      <c r="CM10" s="310">
        <v>0</v>
      </c>
      <c r="CN10" s="311">
        <v>0</v>
      </c>
      <c r="CO10" s="312">
        <v>0</v>
      </c>
      <c r="CP10" s="316">
        <v>0</v>
      </c>
      <c r="CQ10" s="311">
        <v>17506729</v>
      </c>
      <c r="CR10" s="311">
        <v>25622887</v>
      </c>
      <c r="CS10" s="311">
        <v>14363873</v>
      </c>
      <c r="CT10" s="311">
        <v>8941704</v>
      </c>
      <c r="CU10" s="311">
        <v>4359984</v>
      </c>
      <c r="CV10" s="312">
        <v>70795177</v>
      </c>
      <c r="CW10" s="314">
        <v>70795177</v>
      </c>
      <c r="CX10" s="310">
        <v>1294456</v>
      </c>
      <c r="CY10" s="311">
        <v>3295803</v>
      </c>
      <c r="CZ10" s="312">
        <v>4590259</v>
      </c>
      <c r="DA10" s="310">
        <v>0</v>
      </c>
      <c r="DB10" s="311">
        <v>3945160</v>
      </c>
      <c r="DC10" s="311">
        <v>10970647</v>
      </c>
      <c r="DD10" s="311">
        <v>7976485</v>
      </c>
      <c r="DE10" s="311">
        <v>4760496</v>
      </c>
      <c r="DF10" s="311">
        <v>2534305</v>
      </c>
      <c r="DG10" s="312">
        <v>30187093</v>
      </c>
      <c r="DH10" s="314">
        <v>34777352</v>
      </c>
      <c r="DI10" s="310">
        <v>21611</v>
      </c>
      <c r="DJ10" s="311">
        <v>146732</v>
      </c>
      <c r="DK10" s="315">
        <v>168343</v>
      </c>
      <c r="DL10" s="316">
        <v>0</v>
      </c>
      <c r="DM10" s="311">
        <v>2620848</v>
      </c>
      <c r="DN10" s="311">
        <v>6959051</v>
      </c>
      <c r="DO10" s="311">
        <v>10098375</v>
      </c>
      <c r="DP10" s="311">
        <v>7815514</v>
      </c>
      <c r="DQ10" s="311">
        <v>5341590</v>
      </c>
      <c r="DR10" s="312">
        <v>32835378</v>
      </c>
      <c r="DS10" s="314">
        <v>33003721</v>
      </c>
      <c r="DT10" s="310">
        <v>0</v>
      </c>
      <c r="DU10" s="311">
        <v>115981</v>
      </c>
      <c r="DV10" s="312">
        <v>115981</v>
      </c>
      <c r="DW10" s="310">
        <v>0</v>
      </c>
      <c r="DX10" s="311">
        <v>2042050</v>
      </c>
      <c r="DY10" s="311">
        <v>5731505</v>
      </c>
      <c r="DZ10" s="311">
        <v>8617905</v>
      </c>
      <c r="EA10" s="311">
        <v>5350699</v>
      </c>
      <c r="EB10" s="311">
        <v>4177689</v>
      </c>
      <c r="EC10" s="312">
        <v>25919848</v>
      </c>
      <c r="ED10" s="314">
        <v>26035829</v>
      </c>
      <c r="EE10" s="310">
        <v>21611</v>
      </c>
      <c r="EF10" s="315">
        <v>30751</v>
      </c>
      <c r="EG10" s="312">
        <v>52362</v>
      </c>
      <c r="EH10" s="310">
        <v>0</v>
      </c>
      <c r="EI10" s="311">
        <v>578798</v>
      </c>
      <c r="EJ10" s="311">
        <v>1227546</v>
      </c>
      <c r="EK10" s="311">
        <v>1480470</v>
      </c>
      <c r="EL10" s="311">
        <v>2464815</v>
      </c>
      <c r="EM10" s="311">
        <v>1163901</v>
      </c>
      <c r="EN10" s="315">
        <v>6915530</v>
      </c>
      <c r="EO10" s="314">
        <v>6967892</v>
      </c>
      <c r="EP10" s="310">
        <v>0</v>
      </c>
      <c r="EQ10" s="311">
        <v>0</v>
      </c>
      <c r="ER10" s="315">
        <v>0</v>
      </c>
      <c r="ES10" s="316">
        <v>0</v>
      </c>
      <c r="ET10" s="311">
        <v>0</v>
      </c>
      <c r="EU10" s="311">
        <v>0</v>
      </c>
      <c r="EV10" s="311">
        <v>0</v>
      </c>
      <c r="EW10" s="311">
        <v>0</v>
      </c>
      <c r="EX10" s="311">
        <v>0</v>
      </c>
      <c r="EY10" s="312">
        <v>0</v>
      </c>
      <c r="EZ10" s="314">
        <v>0</v>
      </c>
      <c r="FA10" s="310">
        <v>0</v>
      </c>
      <c r="FB10" s="311">
        <v>0</v>
      </c>
      <c r="FC10" s="315">
        <v>0</v>
      </c>
      <c r="FD10" s="435">
        <v>0</v>
      </c>
      <c r="FE10" s="311">
        <v>0</v>
      </c>
      <c r="FF10" s="311">
        <v>0</v>
      </c>
      <c r="FG10" s="311">
        <v>0</v>
      </c>
      <c r="FH10" s="311">
        <v>0</v>
      </c>
      <c r="FI10" s="311">
        <v>0</v>
      </c>
      <c r="FJ10" s="312">
        <v>0</v>
      </c>
      <c r="FK10" s="314">
        <v>0</v>
      </c>
      <c r="FL10" s="310">
        <v>1679667</v>
      </c>
      <c r="FM10" s="311">
        <v>3695604</v>
      </c>
      <c r="FN10" s="312">
        <v>5375271</v>
      </c>
      <c r="FO10" s="310">
        <v>0</v>
      </c>
      <c r="FP10" s="311">
        <v>3422836</v>
      </c>
      <c r="FQ10" s="311">
        <v>15644461</v>
      </c>
      <c r="FR10" s="311">
        <v>9664678</v>
      </c>
      <c r="FS10" s="311">
        <v>9004086</v>
      </c>
      <c r="FT10" s="311">
        <v>6198780</v>
      </c>
      <c r="FU10" s="312">
        <v>43934841</v>
      </c>
      <c r="FV10" s="314">
        <v>49310112</v>
      </c>
      <c r="FW10" s="317">
        <v>1076131</v>
      </c>
      <c r="FX10" s="311">
        <v>3325489</v>
      </c>
      <c r="FY10" s="315">
        <v>4401620</v>
      </c>
      <c r="FZ10" s="316">
        <v>0</v>
      </c>
      <c r="GA10" s="311">
        <v>3253880</v>
      </c>
      <c r="GB10" s="311">
        <v>15120560</v>
      </c>
      <c r="GC10" s="311">
        <v>9627508</v>
      </c>
      <c r="GD10" s="311">
        <v>8825985</v>
      </c>
      <c r="GE10" s="311">
        <v>6113380</v>
      </c>
      <c r="GF10" s="312">
        <v>42941313</v>
      </c>
      <c r="GG10" s="318">
        <v>47342933</v>
      </c>
      <c r="GH10" s="317">
        <v>68036</v>
      </c>
      <c r="GI10" s="311">
        <v>0</v>
      </c>
      <c r="GJ10" s="315">
        <v>68036</v>
      </c>
      <c r="GK10" s="316">
        <v>0</v>
      </c>
      <c r="GL10" s="311">
        <v>123456</v>
      </c>
      <c r="GM10" s="311">
        <v>105896</v>
      </c>
      <c r="GN10" s="311">
        <v>37170</v>
      </c>
      <c r="GO10" s="311">
        <v>62601</v>
      </c>
      <c r="GP10" s="311">
        <v>0</v>
      </c>
      <c r="GQ10" s="312">
        <v>329123</v>
      </c>
      <c r="GR10" s="314">
        <v>397159</v>
      </c>
      <c r="GS10" s="310">
        <v>535500</v>
      </c>
      <c r="GT10" s="311">
        <v>370115</v>
      </c>
      <c r="GU10" s="312">
        <v>905615</v>
      </c>
      <c r="GV10" s="310">
        <v>0</v>
      </c>
      <c r="GW10" s="311">
        <v>45500</v>
      </c>
      <c r="GX10" s="311">
        <v>418005</v>
      </c>
      <c r="GY10" s="311">
        <v>0</v>
      </c>
      <c r="GZ10" s="311">
        <v>115500</v>
      </c>
      <c r="HA10" s="311">
        <v>85400</v>
      </c>
      <c r="HB10" s="315">
        <v>664405</v>
      </c>
      <c r="HC10" s="314">
        <v>1570020</v>
      </c>
      <c r="HD10" s="310">
        <v>4727128</v>
      </c>
      <c r="HE10" s="311">
        <v>6459053</v>
      </c>
      <c r="HF10" s="315">
        <v>11186181</v>
      </c>
      <c r="HG10" s="316">
        <v>0</v>
      </c>
      <c r="HH10" s="311">
        <v>36728247</v>
      </c>
      <c r="HI10" s="311">
        <v>49201461</v>
      </c>
      <c r="HJ10" s="311">
        <v>43053810</v>
      </c>
      <c r="HK10" s="311">
        <v>49892552</v>
      </c>
      <c r="HL10" s="311">
        <v>31154056</v>
      </c>
      <c r="HM10" s="312">
        <v>210030126</v>
      </c>
      <c r="HN10" s="313">
        <v>221216307</v>
      </c>
      <c r="HO10" s="317">
        <v>0</v>
      </c>
      <c r="HP10" s="311">
        <v>0</v>
      </c>
      <c r="HQ10" s="312">
        <v>0</v>
      </c>
      <c r="HR10" s="310">
        <v>0</v>
      </c>
      <c r="HS10" s="311">
        <v>0</v>
      </c>
      <c r="HT10" s="311">
        <v>0</v>
      </c>
      <c r="HU10" s="311">
        <v>0</v>
      </c>
      <c r="HV10" s="311">
        <v>0</v>
      </c>
      <c r="HW10" s="311">
        <v>0</v>
      </c>
      <c r="HX10" s="315">
        <v>0</v>
      </c>
      <c r="HY10" s="314">
        <v>0</v>
      </c>
      <c r="HZ10" s="319">
        <v>67606</v>
      </c>
      <c r="IA10" s="320">
        <v>750091</v>
      </c>
      <c r="IB10" s="321">
        <v>817697</v>
      </c>
      <c r="IC10" s="322">
        <v>0</v>
      </c>
      <c r="ID10" s="323">
        <v>20816534</v>
      </c>
      <c r="IE10" s="324">
        <v>29760710</v>
      </c>
      <c r="IF10" s="325">
        <v>32594686</v>
      </c>
      <c r="IG10" s="323">
        <v>24422918</v>
      </c>
      <c r="IH10" s="325">
        <v>20059084</v>
      </c>
      <c r="II10" s="326">
        <v>127653932</v>
      </c>
      <c r="IJ10" s="327">
        <v>128471629</v>
      </c>
      <c r="IK10" s="328">
        <v>0</v>
      </c>
      <c r="IL10" s="329">
        <v>0</v>
      </c>
      <c r="IM10" s="330">
        <v>0</v>
      </c>
      <c r="IN10" s="435">
        <v>0</v>
      </c>
      <c r="IO10" s="331">
        <v>479288</v>
      </c>
      <c r="IP10" s="331">
        <v>1363378</v>
      </c>
      <c r="IQ10" s="331">
        <v>2709456</v>
      </c>
      <c r="IR10" s="331">
        <v>2028824</v>
      </c>
      <c r="IS10" s="331">
        <v>2106109</v>
      </c>
      <c r="IT10" s="332">
        <v>8687055</v>
      </c>
      <c r="IU10" s="333">
        <v>8687055</v>
      </c>
      <c r="IV10" s="334">
        <v>0</v>
      </c>
      <c r="IW10" s="331">
        <v>0</v>
      </c>
      <c r="IX10" s="335">
        <v>0</v>
      </c>
      <c r="IY10" s="435">
        <v>0</v>
      </c>
      <c r="IZ10" s="331">
        <v>90220</v>
      </c>
      <c r="JA10" s="331">
        <v>371696</v>
      </c>
      <c r="JB10" s="331">
        <v>385993</v>
      </c>
      <c r="JC10" s="331">
        <v>348923</v>
      </c>
      <c r="JD10" s="331">
        <v>836372</v>
      </c>
      <c r="JE10" s="335">
        <v>2033204</v>
      </c>
      <c r="JF10" s="336">
        <v>2033204</v>
      </c>
      <c r="JG10" s="334">
        <v>0</v>
      </c>
      <c r="JH10" s="331">
        <v>0</v>
      </c>
      <c r="JI10" s="332">
        <v>0</v>
      </c>
      <c r="JJ10" s="337">
        <v>0</v>
      </c>
      <c r="JK10" s="331">
        <v>9261721</v>
      </c>
      <c r="JL10" s="331">
        <v>14631880</v>
      </c>
      <c r="JM10" s="331">
        <v>9243071</v>
      </c>
      <c r="JN10" s="331">
        <v>3951196</v>
      </c>
      <c r="JO10" s="331">
        <v>1708502</v>
      </c>
      <c r="JP10" s="335">
        <v>38796370</v>
      </c>
      <c r="JQ10" s="333">
        <v>38796370</v>
      </c>
      <c r="JR10" s="334">
        <v>39183</v>
      </c>
      <c r="JS10" s="331">
        <v>0</v>
      </c>
      <c r="JT10" s="332">
        <v>39183</v>
      </c>
      <c r="JU10" s="337">
        <v>0</v>
      </c>
      <c r="JV10" s="331">
        <v>1357168</v>
      </c>
      <c r="JW10" s="331">
        <v>2484876</v>
      </c>
      <c r="JX10" s="331">
        <v>3757470</v>
      </c>
      <c r="JY10" s="331">
        <v>1097853</v>
      </c>
      <c r="JZ10" s="331">
        <v>1960598</v>
      </c>
      <c r="KA10" s="335">
        <v>10657965</v>
      </c>
      <c r="KB10" s="333">
        <v>10697148</v>
      </c>
      <c r="KC10" s="338">
        <v>28423</v>
      </c>
      <c r="KD10" s="339">
        <v>750091</v>
      </c>
      <c r="KE10" s="335">
        <v>778514</v>
      </c>
      <c r="KF10" s="337">
        <v>0</v>
      </c>
      <c r="KG10" s="331">
        <v>3458167</v>
      </c>
      <c r="KH10" s="331">
        <v>3076130</v>
      </c>
      <c r="KI10" s="331">
        <v>6143562</v>
      </c>
      <c r="KJ10" s="331">
        <v>5619849</v>
      </c>
      <c r="KK10" s="331">
        <v>1814652</v>
      </c>
      <c r="KL10" s="335">
        <v>20112360</v>
      </c>
      <c r="KM10" s="340">
        <v>20890874</v>
      </c>
      <c r="KN10" s="328">
        <v>0</v>
      </c>
      <c r="KO10" s="329">
        <v>0</v>
      </c>
      <c r="KP10" s="330">
        <v>0</v>
      </c>
      <c r="KQ10" s="435">
        <v>0</v>
      </c>
      <c r="KR10" s="331">
        <v>6169970</v>
      </c>
      <c r="KS10" s="331">
        <v>6794485</v>
      </c>
      <c r="KT10" s="331">
        <v>9826152</v>
      </c>
      <c r="KU10" s="331">
        <v>9473235</v>
      </c>
      <c r="KV10" s="331">
        <v>7221701</v>
      </c>
      <c r="KW10" s="335">
        <v>39485543</v>
      </c>
      <c r="KX10" s="333">
        <v>39485543</v>
      </c>
      <c r="KY10" s="334">
        <v>0</v>
      </c>
      <c r="KZ10" s="331">
        <v>0</v>
      </c>
      <c r="LA10" s="335">
        <v>0</v>
      </c>
      <c r="LB10" s="435">
        <v>0</v>
      </c>
      <c r="LC10" s="331">
        <v>0</v>
      </c>
      <c r="LD10" s="331">
        <v>0</v>
      </c>
      <c r="LE10" s="331">
        <v>0</v>
      </c>
      <c r="LF10" s="331">
        <v>0</v>
      </c>
      <c r="LG10" s="331">
        <v>0</v>
      </c>
      <c r="LH10" s="335">
        <v>0</v>
      </c>
      <c r="LI10" s="336">
        <v>0</v>
      </c>
      <c r="LJ10" s="334">
        <v>0</v>
      </c>
      <c r="LK10" s="331">
        <v>0</v>
      </c>
      <c r="LL10" s="335">
        <v>0</v>
      </c>
      <c r="LM10" s="435">
        <v>0</v>
      </c>
      <c r="LN10" s="331">
        <v>0</v>
      </c>
      <c r="LO10" s="331">
        <v>216137</v>
      </c>
      <c r="LP10" s="331">
        <v>0</v>
      </c>
      <c r="LQ10" s="331">
        <v>251293</v>
      </c>
      <c r="LR10" s="331">
        <v>267899</v>
      </c>
      <c r="LS10" s="335">
        <v>735329</v>
      </c>
      <c r="LT10" s="333">
        <v>735329</v>
      </c>
      <c r="LU10" s="334">
        <v>0</v>
      </c>
      <c r="LV10" s="331">
        <v>0</v>
      </c>
      <c r="LW10" s="335">
        <v>0</v>
      </c>
      <c r="LX10" s="435">
        <v>0</v>
      </c>
      <c r="LY10" s="331">
        <v>0</v>
      </c>
      <c r="LZ10" s="331">
        <v>822128</v>
      </c>
      <c r="MA10" s="331">
        <v>528982</v>
      </c>
      <c r="MB10" s="331">
        <v>1651745</v>
      </c>
      <c r="MC10" s="331">
        <v>4143251</v>
      </c>
      <c r="MD10" s="335">
        <v>7146106</v>
      </c>
      <c r="ME10" s="336">
        <v>7146106</v>
      </c>
      <c r="MF10" s="334">
        <v>0</v>
      </c>
      <c r="MG10" s="331">
        <v>0</v>
      </c>
      <c r="MH10" s="335">
        <v>0</v>
      </c>
      <c r="MI10" s="435">
        <v>0</v>
      </c>
      <c r="MJ10" s="331">
        <v>7217919</v>
      </c>
      <c r="MK10" s="331">
        <v>19178686</v>
      </c>
      <c r="ML10" s="331">
        <v>50847578</v>
      </c>
      <c r="MM10" s="331">
        <v>70284326</v>
      </c>
      <c r="MN10" s="331">
        <v>46918500</v>
      </c>
      <c r="MO10" s="335">
        <v>194447009</v>
      </c>
      <c r="MP10" s="340">
        <v>194447009</v>
      </c>
      <c r="MQ10" s="334">
        <v>0</v>
      </c>
      <c r="MR10" s="331">
        <v>0</v>
      </c>
      <c r="MS10" s="335">
        <v>0</v>
      </c>
      <c r="MT10" s="435">
        <v>0</v>
      </c>
      <c r="MU10" s="331">
        <v>1422715</v>
      </c>
      <c r="MV10" s="331">
        <v>5023611</v>
      </c>
      <c r="MW10" s="331">
        <v>30809299</v>
      </c>
      <c r="MX10" s="331">
        <v>38635285</v>
      </c>
      <c r="MY10" s="331">
        <v>26633983</v>
      </c>
      <c r="MZ10" s="335">
        <v>102524893</v>
      </c>
      <c r="NA10" s="340">
        <v>102524893</v>
      </c>
      <c r="NB10" s="334">
        <v>0</v>
      </c>
      <c r="NC10" s="331">
        <v>0</v>
      </c>
      <c r="ND10" s="335">
        <v>0</v>
      </c>
      <c r="NE10" s="435">
        <v>0</v>
      </c>
      <c r="NF10" s="331">
        <v>5795204</v>
      </c>
      <c r="NG10" s="331">
        <v>14155075</v>
      </c>
      <c r="NH10" s="331">
        <v>20038279</v>
      </c>
      <c r="NI10" s="331">
        <v>29912764</v>
      </c>
      <c r="NJ10" s="331">
        <v>18049763</v>
      </c>
      <c r="NK10" s="335">
        <v>87951085</v>
      </c>
      <c r="NL10" s="333">
        <v>87951085</v>
      </c>
      <c r="NM10" s="334">
        <v>0</v>
      </c>
      <c r="NN10" s="331">
        <v>0</v>
      </c>
      <c r="NO10" s="335">
        <v>0</v>
      </c>
      <c r="NP10" s="435">
        <v>0</v>
      </c>
      <c r="NQ10" s="331">
        <v>0</v>
      </c>
      <c r="NR10" s="331">
        <v>0</v>
      </c>
      <c r="NS10" s="331">
        <v>0</v>
      </c>
      <c r="NT10" s="331">
        <v>263417</v>
      </c>
      <c r="NU10" s="331">
        <v>0</v>
      </c>
      <c r="NV10" s="335">
        <v>263417</v>
      </c>
      <c r="NW10" s="336">
        <v>263417</v>
      </c>
      <c r="NX10" s="334">
        <v>0</v>
      </c>
      <c r="NY10" s="331">
        <v>0</v>
      </c>
      <c r="NZ10" s="335">
        <v>0</v>
      </c>
      <c r="OA10" s="435">
        <v>0</v>
      </c>
      <c r="OB10" s="331">
        <v>0</v>
      </c>
      <c r="OC10" s="331">
        <v>0</v>
      </c>
      <c r="OD10" s="331">
        <v>0</v>
      </c>
      <c r="OE10" s="331">
        <v>1472860</v>
      </c>
      <c r="OF10" s="331">
        <v>2234754</v>
      </c>
      <c r="OG10" s="335">
        <v>3707614</v>
      </c>
      <c r="OH10" s="336">
        <v>3707614</v>
      </c>
      <c r="OI10" s="334">
        <v>11143680</v>
      </c>
      <c r="OJ10" s="331">
        <v>23611488</v>
      </c>
      <c r="OK10" s="332">
        <v>34755168</v>
      </c>
      <c r="OL10" s="337">
        <v>0</v>
      </c>
      <c r="OM10" s="331">
        <v>123497799</v>
      </c>
      <c r="ON10" s="331">
        <v>218554728</v>
      </c>
      <c r="OO10" s="331">
        <v>211118230</v>
      </c>
      <c r="OP10" s="331">
        <v>221534098</v>
      </c>
      <c r="OQ10" s="331">
        <v>162523627</v>
      </c>
      <c r="OR10" s="335">
        <v>937228482</v>
      </c>
      <c r="OS10" s="340">
        <v>971983650</v>
      </c>
    </row>
    <row r="11" spans="2:409" s="137" customFormat="1" ht="21" customHeight="1" x14ac:dyDescent="0.2">
      <c r="B11" s="421" t="s">
        <v>6</v>
      </c>
      <c r="C11" s="341">
        <v>3930394</v>
      </c>
      <c r="D11" s="342">
        <v>6108723</v>
      </c>
      <c r="E11" s="343">
        <v>10039117</v>
      </c>
      <c r="F11" s="344">
        <v>0</v>
      </c>
      <c r="G11" s="342">
        <v>52242739</v>
      </c>
      <c r="H11" s="342">
        <v>52450131</v>
      </c>
      <c r="I11" s="342">
        <v>44340617</v>
      </c>
      <c r="J11" s="342">
        <v>48112058</v>
      </c>
      <c r="K11" s="342">
        <v>38420219</v>
      </c>
      <c r="L11" s="344">
        <v>235565764</v>
      </c>
      <c r="M11" s="345">
        <v>245604881</v>
      </c>
      <c r="N11" s="341">
        <v>1284553</v>
      </c>
      <c r="O11" s="342">
        <v>2564927</v>
      </c>
      <c r="P11" s="343">
        <v>3849480</v>
      </c>
      <c r="Q11" s="341">
        <v>0</v>
      </c>
      <c r="R11" s="342">
        <v>18332518</v>
      </c>
      <c r="S11" s="342">
        <v>17987295</v>
      </c>
      <c r="T11" s="342">
        <v>15681823</v>
      </c>
      <c r="U11" s="342">
        <v>19641329</v>
      </c>
      <c r="V11" s="342">
        <v>16581241</v>
      </c>
      <c r="W11" s="343">
        <v>88224206</v>
      </c>
      <c r="X11" s="345">
        <v>92073686</v>
      </c>
      <c r="Y11" s="341">
        <v>0</v>
      </c>
      <c r="Z11" s="342">
        <v>0</v>
      </c>
      <c r="AA11" s="343">
        <v>0</v>
      </c>
      <c r="AB11" s="341">
        <v>0</v>
      </c>
      <c r="AC11" s="342">
        <v>6500301</v>
      </c>
      <c r="AD11" s="342">
        <v>7220315</v>
      </c>
      <c r="AE11" s="342">
        <v>6799427</v>
      </c>
      <c r="AF11" s="342">
        <v>10864142</v>
      </c>
      <c r="AG11" s="342">
        <v>9719613</v>
      </c>
      <c r="AH11" s="343">
        <v>41103798</v>
      </c>
      <c r="AI11" s="345">
        <v>41103798</v>
      </c>
      <c r="AJ11" s="341">
        <v>0</v>
      </c>
      <c r="AK11" s="342">
        <v>0</v>
      </c>
      <c r="AL11" s="343">
        <v>0</v>
      </c>
      <c r="AM11" s="341">
        <v>0</v>
      </c>
      <c r="AN11" s="342">
        <v>85046</v>
      </c>
      <c r="AO11" s="342">
        <v>274803</v>
      </c>
      <c r="AP11" s="342">
        <v>515480</v>
      </c>
      <c r="AQ11" s="342">
        <v>1356319</v>
      </c>
      <c r="AR11" s="342">
        <v>1084715</v>
      </c>
      <c r="AS11" s="343">
        <v>3316363</v>
      </c>
      <c r="AT11" s="345">
        <v>3316363</v>
      </c>
      <c r="AU11" s="341">
        <v>704161</v>
      </c>
      <c r="AV11" s="342">
        <v>1910894</v>
      </c>
      <c r="AW11" s="343">
        <v>2615055</v>
      </c>
      <c r="AX11" s="341">
        <v>0</v>
      </c>
      <c r="AY11" s="342">
        <v>7950317</v>
      </c>
      <c r="AZ11" s="342">
        <v>7108341</v>
      </c>
      <c r="BA11" s="342">
        <v>5336707</v>
      </c>
      <c r="BB11" s="342">
        <v>4029377</v>
      </c>
      <c r="BC11" s="342">
        <v>2900974</v>
      </c>
      <c r="BD11" s="343">
        <v>27325716</v>
      </c>
      <c r="BE11" s="345">
        <v>29940771</v>
      </c>
      <c r="BF11" s="341">
        <v>102530</v>
      </c>
      <c r="BG11" s="342">
        <v>102447</v>
      </c>
      <c r="BH11" s="346">
        <v>204977</v>
      </c>
      <c r="BI11" s="347">
        <v>0</v>
      </c>
      <c r="BJ11" s="342">
        <v>740632</v>
      </c>
      <c r="BK11" s="342">
        <v>462099</v>
      </c>
      <c r="BL11" s="342">
        <v>223804</v>
      </c>
      <c r="BM11" s="342">
        <v>644880</v>
      </c>
      <c r="BN11" s="342">
        <v>125310</v>
      </c>
      <c r="BO11" s="343">
        <v>2196725</v>
      </c>
      <c r="BP11" s="345">
        <v>2401702</v>
      </c>
      <c r="BQ11" s="341">
        <v>477862</v>
      </c>
      <c r="BR11" s="342">
        <v>551586</v>
      </c>
      <c r="BS11" s="343">
        <v>1029448</v>
      </c>
      <c r="BT11" s="341">
        <v>0</v>
      </c>
      <c r="BU11" s="342">
        <v>3056222</v>
      </c>
      <c r="BV11" s="342">
        <v>2921737</v>
      </c>
      <c r="BW11" s="342">
        <v>2806405</v>
      </c>
      <c r="BX11" s="342">
        <v>2746611</v>
      </c>
      <c r="BY11" s="342">
        <v>2750629</v>
      </c>
      <c r="BZ11" s="343">
        <v>14281604</v>
      </c>
      <c r="CA11" s="345">
        <v>15311052</v>
      </c>
      <c r="CB11" s="341">
        <v>193938</v>
      </c>
      <c r="CC11" s="342">
        <v>562174</v>
      </c>
      <c r="CD11" s="343">
        <v>756112</v>
      </c>
      <c r="CE11" s="341">
        <v>0</v>
      </c>
      <c r="CF11" s="342">
        <v>12705516</v>
      </c>
      <c r="CG11" s="342">
        <v>11638981</v>
      </c>
      <c r="CH11" s="342">
        <v>7907656</v>
      </c>
      <c r="CI11" s="342">
        <v>5169175</v>
      </c>
      <c r="CJ11" s="342">
        <v>2739758</v>
      </c>
      <c r="CK11" s="343">
        <v>40161086</v>
      </c>
      <c r="CL11" s="345">
        <v>40917198</v>
      </c>
      <c r="CM11" s="341">
        <v>0</v>
      </c>
      <c r="CN11" s="342">
        <v>0</v>
      </c>
      <c r="CO11" s="343">
        <v>0</v>
      </c>
      <c r="CP11" s="347">
        <v>0</v>
      </c>
      <c r="CQ11" s="342">
        <v>9856867</v>
      </c>
      <c r="CR11" s="342">
        <v>8855605</v>
      </c>
      <c r="CS11" s="342">
        <v>5837311</v>
      </c>
      <c r="CT11" s="342">
        <v>3478622</v>
      </c>
      <c r="CU11" s="342">
        <v>2010143</v>
      </c>
      <c r="CV11" s="343">
        <v>30038548</v>
      </c>
      <c r="CW11" s="345">
        <v>30038548</v>
      </c>
      <c r="CX11" s="341">
        <v>193938</v>
      </c>
      <c r="CY11" s="342">
        <v>562174</v>
      </c>
      <c r="CZ11" s="343">
        <v>756112</v>
      </c>
      <c r="DA11" s="341">
        <v>0</v>
      </c>
      <c r="DB11" s="342">
        <v>2848649</v>
      </c>
      <c r="DC11" s="342">
        <v>2783376</v>
      </c>
      <c r="DD11" s="342">
        <v>2070345</v>
      </c>
      <c r="DE11" s="342">
        <v>1690553</v>
      </c>
      <c r="DF11" s="342">
        <v>729615</v>
      </c>
      <c r="DG11" s="343">
        <v>10122538</v>
      </c>
      <c r="DH11" s="345">
        <v>10878650</v>
      </c>
      <c r="DI11" s="341">
        <v>0</v>
      </c>
      <c r="DJ11" s="342">
        <v>6709</v>
      </c>
      <c r="DK11" s="346">
        <v>6709</v>
      </c>
      <c r="DL11" s="347">
        <v>0</v>
      </c>
      <c r="DM11" s="342">
        <v>911315</v>
      </c>
      <c r="DN11" s="342">
        <v>2168254</v>
      </c>
      <c r="DO11" s="342">
        <v>2353598</v>
      </c>
      <c r="DP11" s="342">
        <v>1974652</v>
      </c>
      <c r="DQ11" s="342">
        <v>1426831</v>
      </c>
      <c r="DR11" s="343">
        <v>8834650</v>
      </c>
      <c r="DS11" s="345">
        <v>8841359</v>
      </c>
      <c r="DT11" s="341">
        <v>0</v>
      </c>
      <c r="DU11" s="342">
        <v>6709</v>
      </c>
      <c r="DV11" s="343">
        <v>6709</v>
      </c>
      <c r="DW11" s="341">
        <v>0</v>
      </c>
      <c r="DX11" s="342">
        <v>547646</v>
      </c>
      <c r="DY11" s="342">
        <v>2024323</v>
      </c>
      <c r="DZ11" s="342">
        <v>1867238</v>
      </c>
      <c r="EA11" s="342">
        <v>1628112</v>
      </c>
      <c r="EB11" s="342">
        <v>1133865</v>
      </c>
      <c r="EC11" s="343">
        <v>7201184</v>
      </c>
      <c r="ED11" s="345">
        <v>7207893</v>
      </c>
      <c r="EE11" s="341">
        <v>0</v>
      </c>
      <c r="EF11" s="346">
        <v>0</v>
      </c>
      <c r="EG11" s="343">
        <v>0</v>
      </c>
      <c r="EH11" s="341">
        <v>0</v>
      </c>
      <c r="EI11" s="342">
        <v>363669</v>
      </c>
      <c r="EJ11" s="342">
        <v>143931</v>
      </c>
      <c r="EK11" s="342">
        <v>486360</v>
      </c>
      <c r="EL11" s="342">
        <v>346540</v>
      </c>
      <c r="EM11" s="342">
        <v>292966</v>
      </c>
      <c r="EN11" s="346">
        <v>1633466</v>
      </c>
      <c r="EO11" s="345">
        <v>1633466</v>
      </c>
      <c r="EP11" s="341">
        <v>0</v>
      </c>
      <c r="EQ11" s="342">
        <v>0</v>
      </c>
      <c r="ER11" s="346">
        <v>0</v>
      </c>
      <c r="ES11" s="347">
        <v>0</v>
      </c>
      <c r="ET11" s="342">
        <v>0</v>
      </c>
      <c r="EU11" s="342">
        <v>0</v>
      </c>
      <c r="EV11" s="342">
        <v>0</v>
      </c>
      <c r="EW11" s="342">
        <v>0</v>
      </c>
      <c r="EX11" s="342">
        <v>0</v>
      </c>
      <c r="EY11" s="343">
        <v>0</v>
      </c>
      <c r="EZ11" s="345">
        <v>0</v>
      </c>
      <c r="FA11" s="341">
        <v>0</v>
      </c>
      <c r="FB11" s="342">
        <v>0</v>
      </c>
      <c r="FC11" s="346">
        <v>0</v>
      </c>
      <c r="FD11" s="436">
        <v>0</v>
      </c>
      <c r="FE11" s="342">
        <v>0</v>
      </c>
      <c r="FF11" s="342">
        <v>0</v>
      </c>
      <c r="FG11" s="342">
        <v>0</v>
      </c>
      <c r="FH11" s="342">
        <v>0</v>
      </c>
      <c r="FI11" s="342">
        <v>0</v>
      </c>
      <c r="FJ11" s="343">
        <v>0</v>
      </c>
      <c r="FK11" s="345">
        <v>0</v>
      </c>
      <c r="FL11" s="341">
        <v>846414</v>
      </c>
      <c r="FM11" s="342">
        <v>1253755</v>
      </c>
      <c r="FN11" s="343">
        <v>2100169</v>
      </c>
      <c r="FO11" s="341">
        <v>0</v>
      </c>
      <c r="FP11" s="342">
        <v>3094988</v>
      </c>
      <c r="FQ11" s="342">
        <v>4728984</v>
      </c>
      <c r="FR11" s="342">
        <v>3498856</v>
      </c>
      <c r="FS11" s="342">
        <v>3761953</v>
      </c>
      <c r="FT11" s="342">
        <v>2724064</v>
      </c>
      <c r="FU11" s="343">
        <v>17808845</v>
      </c>
      <c r="FV11" s="345">
        <v>19909014</v>
      </c>
      <c r="FW11" s="348">
        <v>520968</v>
      </c>
      <c r="FX11" s="342">
        <v>988372</v>
      </c>
      <c r="FY11" s="346">
        <v>1509340</v>
      </c>
      <c r="FZ11" s="347">
        <v>0</v>
      </c>
      <c r="GA11" s="342">
        <v>2364629</v>
      </c>
      <c r="GB11" s="342">
        <v>4490935</v>
      </c>
      <c r="GC11" s="342">
        <v>3233913</v>
      </c>
      <c r="GD11" s="342">
        <v>3514132</v>
      </c>
      <c r="GE11" s="342">
        <v>2412214</v>
      </c>
      <c r="GF11" s="343">
        <v>16015823</v>
      </c>
      <c r="GG11" s="349">
        <v>17525163</v>
      </c>
      <c r="GH11" s="348">
        <v>12196</v>
      </c>
      <c r="GI11" s="342">
        <v>59521</v>
      </c>
      <c r="GJ11" s="346">
        <v>71717</v>
      </c>
      <c r="GK11" s="347">
        <v>0</v>
      </c>
      <c r="GL11" s="342">
        <v>81081</v>
      </c>
      <c r="GM11" s="342">
        <v>149551</v>
      </c>
      <c r="GN11" s="342">
        <v>12600</v>
      </c>
      <c r="GO11" s="342">
        <v>160321</v>
      </c>
      <c r="GP11" s="342">
        <v>20328</v>
      </c>
      <c r="GQ11" s="343">
        <v>423881</v>
      </c>
      <c r="GR11" s="345">
        <v>495598</v>
      </c>
      <c r="GS11" s="341">
        <v>313250</v>
      </c>
      <c r="GT11" s="342">
        <v>205862</v>
      </c>
      <c r="GU11" s="343">
        <v>519112</v>
      </c>
      <c r="GV11" s="341">
        <v>0</v>
      </c>
      <c r="GW11" s="342">
        <v>649278</v>
      </c>
      <c r="GX11" s="342">
        <v>88498</v>
      </c>
      <c r="GY11" s="342">
        <v>252343</v>
      </c>
      <c r="GZ11" s="342">
        <v>87500</v>
      </c>
      <c r="HA11" s="342">
        <v>291522</v>
      </c>
      <c r="HB11" s="346">
        <v>1369141</v>
      </c>
      <c r="HC11" s="345">
        <v>1888253</v>
      </c>
      <c r="HD11" s="341">
        <v>1605489</v>
      </c>
      <c r="HE11" s="342">
        <v>1721158</v>
      </c>
      <c r="HF11" s="346">
        <v>3326647</v>
      </c>
      <c r="HG11" s="347">
        <v>0</v>
      </c>
      <c r="HH11" s="342">
        <v>17198402</v>
      </c>
      <c r="HI11" s="342">
        <v>15926617</v>
      </c>
      <c r="HJ11" s="342">
        <v>14898684</v>
      </c>
      <c r="HK11" s="342">
        <v>17564949</v>
      </c>
      <c r="HL11" s="342">
        <v>14948325</v>
      </c>
      <c r="HM11" s="343">
        <v>80536977</v>
      </c>
      <c r="HN11" s="344">
        <v>83863624</v>
      </c>
      <c r="HO11" s="348">
        <v>0</v>
      </c>
      <c r="HP11" s="342">
        <v>0</v>
      </c>
      <c r="HQ11" s="343">
        <v>0</v>
      </c>
      <c r="HR11" s="341">
        <v>0</v>
      </c>
      <c r="HS11" s="342">
        <v>0</v>
      </c>
      <c r="HT11" s="342">
        <v>0</v>
      </c>
      <c r="HU11" s="342">
        <v>0</v>
      </c>
      <c r="HV11" s="342">
        <v>0</v>
      </c>
      <c r="HW11" s="342">
        <v>0</v>
      </c>
      <c r="HX11" s="346">
        <v>0</v>
      </c>
      <c r="HY11" s="345">
        <v>0</v>
      </c>
      <c r="HZ11" s="350">
        <v>23738</v>
      </c>
      <c r="IA11" s="351">
        <v>407072</v>
      </c>
      <c r="IB11" s="352">
        <v>430810</v>
      </c>
      <c r="IC11" s="353">
        <v>0</v>
      </c>
      <c r="ID11" s="351">
        <v>10089212</v>
      </c>
      <c r="IE11" s="354">
        <v>13189698</v>
      </c>
      <c r="IF11" s="352">
        <v>16321306</v>
      </c>
      <c r="IG11" s="351">
        <v>9805068</v>
      </c>
      <c r="IH11" s="352">
        <v>11951098</v>
      </c>
      <c r="II11" s="355">
        <v>61356382</v>
      </c>
      <c r="IJ11" s="356">
        <v>61787192</v>
      </c>
      <c r="IK11" s="357">
        <v>0</v>
      </c>
      <c r="IL11" s="358">
        <v>0</v>
      </c>
      <c r="IM11" s="359">
        <v>0</v>
      </c>
      <c r="IN11" s="436">
        <v>0</v>
      </c>
      <c r="IO11" s="360">
        <v>298855</v>
      </c>
      <c r="IP11" s="360">
        <v>579319</v>
      </c>
      <c r="IQ11" s="360">
        <v>883828</v>
      </c>
      <c r="IR11" s="360">
        <v>1597273</v>
      </c>
      <c r="IS11" s="360">
        <v>1803749</v>
      </c>
      <c r="IT11" s="361">
        <v>5163024</v>
      </c>
      <c r="IU11" s="362">
        <v>5163024</v>
      </c>
      <c r="IV11" s="363">
        <v>0</v>
      </c>
      <c r="IW11" s="360">
        <v>0</v>
      </c>
      <c r="IX11" s="364">
        <v>0</v>
      </c>
      <c r="IY11" s="436">
        <v>0</v>
      </c>
      <c r="IZ11" s="360">
        <v>58306</v>
      </c>
      <c r="JA11" s="360">
        <v>199840</v>
      </c>
      <c r="JB11" s="360">
        <v>77083</v>
      </c>
      <c r="JC11" s="360">
        <v>107212</v>
      </c>
      <c r="JD11" s="360">
        <v>334998</v>
      </c>
      <c r="JE11" s="364">
        <v>777439</v>
      </c>
      <c r="JF11" s="365">
        <v>777439</v>
      </c>
      <c r="JG11" s="363">
        <v>0</v>
      </c>
      <c r="JH11" s="360">
        <v>0</v>
      </c>
      <c r="JI11" s="361">
        <v>0</v>
      </c>
      <c r="JJ11" s="366">
        <v>0</v>
      </c>
      <c r="JK11" s="360">
        <v>4283902</v>
      </c>
      <c r="JL11" s="360">
        <v>3505975</v>
      </c>
      <c r="JM11" s="360">
        <v>2197188</v>
      </c>
      <c r="JN11" s="360">
        <v>1158294</v>
      </c>
      <c r="JO11" s="360">
        <v>1227272</v>
      </c>
      <c r="JP11" s="364">
        <v>12372631</v>
      </c>
      <c r="JQ11" s="362">
        <v>12372631</v>
      </c>
      <c r="JR11" s="363">
        <v>0</v>
      </c>
      <c r="JS11" s="360">
        <v>0</v>
      </c>
      <c r="JT11" s="361">
        <v>0</v>
      </c>
      <c r="JU11" s="366">
        <v>0</v>
      </c>
      <c r="JV11" s="360">
        <v>374671</v>
      </c>
      <c r="JW11" s="360">
        <v>1381379</v>
      </c>
      <c r="JX11" s="360">
        <v>2010822</v>
      </c>
      <c r="JY11" s="360">
        <v>260206</v>
      </c>
      <c r="JZ11" s="360">
        <v>663585</v>
      </c>
      <c r="KA11" s="364">
        <v>4690663</v>
      </c>
      <c r="KB11" s="362">
        <v>4690663</v>
      </c>
      <c r="KC11" s="367">
        <v>23738</v>
      </c>
      <c r="KD11" s="368">
        <v>407072</v>
      </c>
      <c r="KE11" s="364">
        <v>430810</v>
      </c>
      <c r="KF11" s="366">
        <v>0</v>
      </c>
      <c r="KG11" s="360">
        <v>979920</v>
      </c>
      <c r="KH11" s="360">
        <v>1581308</v>
      </c>
      <c r="KI11" s="360">
        <v>2306945</v>
      </c>
      <c r="KJ11" s="360">
        <v>748940</v>
      </c>
      <c r="KK11" s="360">
        <v>794110</v>
      </c>
      <c r="KL11" s="364">
        <v>6411223</v>
      </c>
      <c r="KM11" s="369">
        <v>6842033</v>
      </c>
      <c r="KN11" s="357">
        <v>0</v>
      </c>
      <c r="KO11" s="358">
        <v>0</v>
      </c>
      <c r="KP11" s="359">
        <v>0</v>
      </c>
      <c r="KQ11" s="436">
        <v>0</v>
      </c>
      <c r="KR11" s="360">
        <v>3517265</v>
      </c>
      <c r="KS11" s="360">
        <v>4676844</v>
      </c>
      <c r="KT11" s="360">
        <v>6358115</v>
      </c>
      <c r="KU11" s="360">
        <v>3015688</v>
      </c>
      <c r="KV11" s="360">
        <v>4024795</v>
      </c>
      <c r="KW11" s="364">
        <v>21592707</v>
      </c>
      <c r="KX11" s="362">
        <v>21592707</v>
      </c>
      <c r="KY11" s="363">
        <v>0</v>
      </c>
      <c r="KZ11" s="360">
        <v>0</v>
      </c>
      <c r="LA11" s="364">
        <v>0</v>
      </c>
      <c r="LB11" s="436">
        <v>0</v>
      </c>
      <c r="LC11" s="360">
        <v>0</v>
      </c>
      <c r="LD11" s="360">
        <v>0</v>
      </c>
      <c r="LE11" s="360">
        <v>0</v>
      </c>
      <c r="LF11" s="360">
        <v>0</v>
      </c>
      <c r="LG11" s="360">
        <v>0</v>
      </c>
      <c r="LH11" s="364">
        <v>0</v>
      </c>
      <c r="LI11" s="365">
        <v>0</v>
      </c>
      <c r="LJ11" s="363">
        <v>0</v>
      </c>
      <c r="LK11" s="360">
        <v>0</v>
      </c>
      <c r="LL11" s="364">
        <v>0</v>
      </c>
      <c r="LM11" s="436">
        <v>0</v>
      </c>
      <c r="LN11" s="360">
        <v>0</v>
      </c>
      <c r="LO11" s="360">
        <v>194128</v>
      </c>
      <c r="LP11" s="360">
        <v>1098424</v>
      </c>
      <c r="LQ11" s="360">
        <v>1655009</v>
      </c>
      <c r="LR11" s="360">
        <v>779288</v>
      </c>
      <c r="LS11" s="364">
        <v>3726849</v>
      </c>
      <c r="LT11" s="362">
        <v>3726849</v>
      </c>
      <c r="LU11" s="363">
        <v>0</v>
      </c>
      <c r="LV11" s="360">
        <v>0</v>
      </c>
      <c r="LW11" s="364">
        <v>0</v>
      </c>
      <c r="LX11" s="436">
        <v>0</v>
      </c>
      <c r="LY11" s="360">
        <v>576293</v>
      </c>
      <c r="LZ11" s="360">
        <v>1070905</v>
      </c>
      <c r="MA11" s="360">
        <v>1388901</v>
      </c>
      <c r="MB11" s="360">
        <v>1262446</v>
      </c>
      <c r="MC11" s="360">
        <v>2323301</v>
      </c>
      <c r="MD11" s="364">
        <v>6621846</v>
      </c>
      <c r="ME11" s="365">
        <v>6621846</v>
      </c>
      <c r="MF11" s="363">
        <v>0</v>
      </c>
      <c r="MG11" s="360">
        <v>0</v>
      </c>
      <c r="MH11" s="364">
        <v>0</v>
      </c>
      <c r="MI11" s="436">
        <v>0</v>
      </c>
      <c r="MJ11" s="360">
        <v>2719245</v>
      </c>
      <c r="MK11" s="360">
        <v>2938298</v>
      </c>
      <c r="ML11" s="360">
        <v>10964121</v>
      </c>
      <c r="MM11" s="360">
        <v>19398850</v>
      </c>
      <c r="MN11" s="360">
        <v>12752385</v>
      </c>
      <c r="MO11" s="364">
        <v>48772899</v>
      </c>
      <c r="MP11" s="369">
        <v>48772899</v>
      </c>
      <c r="MQ11" s="363">
        <v>0</v>
      </c>
      <c r="MR11" s="360">
        <v>0</v>
      </c>
      <c r="MS11" s="364">
        <v>0</v>
      </c>
      <c r="MT11" s="436">
        <v>0</v>
      </c>
      <c r="MU11" s="360">
        <v>314220</v>
      </c>
      <c r="MV11" s="360">
        <v>702415</v>
      </c>
      <c r="MW11" s="360">
        <v>6265968</v>
      </c>
      <c r="MX11" s="360">
        <v>9255593</v>
      </c>
      <c r="MY11" s="360">
        <v>8626497</v>
      </c>
      <c r="MZ11" s="364">
        <v>25164693</v>
      </c>
      <c r="NA11" s="369">
        <v>25164693</v>
      </c>
      <c r="NB11" s="363">
        <v>0</v>
      </c>
      <c r="NC11" s="360">
        <v>0</v>
      </c>
      <c r="ND11" s="364">
        <v>0</v>
      </c>
      <c r="NE11" s="436">
        <v>0</v>
      </c>
      <c r="NF11" s="360">
        <v>2405025</v>
      </c>
      <c r="NG11" s="360">
        <v>2235883</v>
      </c>
      <c r="NH11" s="360">
        <v>4471115</v>
      </c>
      <c r="NI11" s="360">
        <v>9896054</v>
      </c>
      <c r="NJ11" s="360">
        <v>3190629</v>
      </c>
      <c r="NK11" s="364">
        <v>22198706</v>
      </c>
      <c r="NL11" s="362">
        <v>22198706</v>
      </c>
      <c r="NM11" s="363">
        <v>0</v>
      </c>
      <c r="NN11" s="360">
        <v>0</v>
      </c>
      <c r="NO11" s="364">
        <v>0</v>
      </c>
      <c r="NP11" s="436">
        <v>0</v>
      </c>
      <c r="NQ11" s="360">
        <v>0</v>
      </c>
      <c r="NR11" s="360">
        <v>0</v>
      </c>
      <c r="NS11" s="360">
        <v>227038</v>
      </c>
      <c r="NT11" s="360">
        <v>247203</v>
      </c>
      <c r="NU11" s="360">
        <v>270912</v>
      </c>
      <c r="NV11" s="364">
        <v>745153</v>
      </c>
      <c r="NW11" s="365">
        <v>745153</v>
      </c>
      <c r="NX11" s="363">
        <v>0</v>
      </c>
      <c r="NY11" s="360">
        <v>0</v>
      </c>
      <c r="NZ11" s="364">
        <v>0</v>
      </c>
      <c r="OA11" s="436">
        <v>0</v>
      </c>
      <c r="OB11" s="360">
        <v>0</v>
      </c>
      <c r="OC11" s="360">
        <v>0</v>
      </c>
      <c r="OD11" s="360">
        <v>0</v>
      </c>
      <c r="OE11" s="360">
        <v>0</v>
      </c>
      <c r="OF11" s="360">
        <v>664347</v>
      </c>
      <c r="OG11" s="364">
        <v>664347</v>
      </c>
      <c r="OH11" s="365">
        <v>664347</v>
      </c>
      <c r="OI11" s="363">
        <v>3954132</v>
      </c>
      <c r="OJ11" s="360">
        <v>6515795</v>
      </c>
      <c r="OK11" s="361">
        <v>10469927</v>
      </c>
      <c r="OL11" s="366">
        <v>0</v>
      </c>
      <c r="OM11" s="360">
        <v>65051196</v>
      </c>
      <c r="ON11" s="360">
        <v>68578127</v>
      </c>
      <c r="OO11" s="360">
        <v>71626044</v>
      </c>
      <c r="OP11" s="360">
        <v>77315976</v>
      </c>
      <c r="OQ11" s="360">
        <v>63123702</v>
      </c>
      <c r="OR11" s="364">
        <v>345695045</v>
      </c>
      <c r="OS11" s="369">
        <v>356164972</v>
      </c>
    </row>
    <row r="12" spans="2:409" s="137" customFormat="1" ht="21" customHeight="1" x14ac:dyDescent="0.2">
      <c r="B12" s="421" t="s">
        <v>14</v>
      </c>
      <c r="C12" s="341">
        <v>829713</v>
      </c>
      <c r="D12" s="342">
        <v>2541998</v>
      </c>
      <c r="E12" s="343">
        <v>3371711</v>
      </c>
      <c r="F12" s="344">
        <v>0</v>
      </c>
      <c r="G12" s="342">
        <v>12971567</v>
      </c>
      <c r="H12" s="342">
        <v>21886760</v>
      </c>
      <c r="I12" s="342">
        <v>18007232</v>
      </c>
      <c r="J12" s="342">
        <v>19022363</v>
      </c>
      <c r="K12" s="342">
        <v>13420768</v>
      </c>
      <c r="L12" s="346">
        <v>85308690</v>
      </c>
      <c r="M12" s="345">
        <v>88680401</v>
      </c>
      <c r="N12" s="341">
        <v>183427</v>
      </c>
      <c r="O12" s="342">
        <v>673498</v>
      </c>
      <c r="P12" s="343">
        <v>856925</v>
      </c>
      <c r="Q12" s="341">
        <v>0</v>
      </c>
      <c r="R12" s="342">
        <v>3207468</v>
      </c>
      <c r="S12" s="342">
        <v>7335481</v>
      </c>
      <c r="T12" s="342">
        <v>5132960</v>
      </c>
      <c r="U12" s="342">
        <v>6093665</v>
      </c>
      <c r="V12" s="342">
        <v>6364444</v>
      </c>
      <c r="W12" s="343">
        <v>28134018</v>
      </c>
      <c r="X12" s="345">
        <v>28990943</v>
      </c>
      <c r="Y12" s="341">
        <v>0</v>
      </c>
      <c r="Z12" s="342">
        <v>0</v>
      </c>
      <c r="AA12" s="343">
        <v>0</v>
      </c>
      <c r="AB12" s="341">
        <v>0</v>
      </c>
      <c r="AC12" s="342">
        <v>1413954</v>
      </c>
      <c r="AD12" s="342">
        <v>3302344</v>
      </c>
      <c r="AE12" s="342">
        <v>2653426</v>
      </c>
      <c r="AF12" s="342">
        <v>2924147</v>
      </c>
      <c r="AG12" s="342">
        <v>3857550</v>
      </c>
      <c r="AH12" s="343">
        <v>14151421</v>
      </c>
      <c r="AI12" s="345">
        <v>14151421</v>
      </c>
      <c r="AJ12" s="341">
        <v>0</v>
      </c>
      <c r="AK12" s="342">
        <v>0</v>
      </c>
      <c r="AL12" s="343">
        <v>0</v>
      </c>
      <c r="AM12" s="341">
        <v>0</v>
      </c>
      <c r="AN12" s="342">
        <v>0</v>
      </c>
      <c r="AO12" s="342">
        <v>93270</v>
      </c>
      <c r="AP12" s="342">
        <v>134731</v>
      </c>
      <c r="AQ12" s="342">
        <v>788300</v>
      </c>
      <c r="AR12" s="342">
        <v>521152</v>
      </c>
      <c r="AS12" s="343">
        <v>1537453</v>
      </c>
      <c r="AT12" s="345">
        <v>1537453</v>
      </c>
      <c r="AU12" s="341">
        <v>124599</v>
      </c>
      <c r="AV12" s="342">
        <v>422768</v>
      </c>
      <c r="AW12" s="343">
        <v>547367</v>
      </c>
      <c r="AX12" s="341">
        <v>0</v>
      </c>
      <c r="AY12" s="342">
        <v>866924</v>
      </c>
      <c r="AZ12" s="342">
        <v>2541222</v>
      </c>
      <c r="BA12" s="342">
        <v>1182996</v>
      </c>
      <c r="BB12" s="342">
        <v>1371405</v>
      </c>
      <c r="BC12" s="342">
        <v>1128991</v>
      </c>
      <c r="BD12" s="343">
        <v>7091538</v>
      </c>
      <c r="BE12" s="345">
        <v>7638905</v>
      </c>
      <c r="BF12" s="341">
        <v>0</v>
      </c>
      <c r="BG12" s="342">
        <v>50859</v>
      </c>
      <c r="BH12" s="346">
        <v>50859</v>
      </c>
      <c r="BI12" s="347">
        <v>0</v>
      </c>
      <c r="BJ12" s="342">
        <v>61180</v>
      </c>
      <c r="BK12" s="342">
        <v>360461</v>
      </c>
      <c r="BL12" s="342">
        <v>96610</v>
      </c>
      <c r="BM12" s="342">
        <v>0</v>
      </c>
      <c r="BN12" s="342">
        <v>18200</v>
      </c>
      <c r="BO12" s="343">
        <v>536451</v>
      </c>
      <c r="BP12" s="345">
        <v>587310</v>
      </c>
      <c r="BQ12" s="341">
        <v>58828</v>
      </c>
      <c r="BR12" s="342">
        <v>199871</v>
      </c>
      <c r="BS12" s="343">
        <v>258699</v>
      </c>
      <c r="BT12" s="341">
        <v>0</v>
      </c>
      <c r="BU12" s="342">
        <v>865410</v>
      </c>
      <c r="BV12" s="342">
        <v>1038184</v>
      </c>
      <c r="BW12" s="342">
        <v>1065197</v>
      </c>
      <c r="BX12" s="342">
        <v>1009813</v>
      </c>
      <c r="BY12" s="342">
        <v>838551</v>
      </c>
      <c r="BZ12" s="343">
        <v>4817155</v>
      </c>
      <c r="CA12" s="345">
        <v>5075854</v>
      </c>
      <c r="CB12" s="341">
        <v>111893</v>
      </c>
      <c r="CC12" s="342">
        <v>337225</v>
      </c>
      <c r="CD12" s="343">
        <v>449118</v>
      </c>
      <c r="CE12" s="341">
        <v>0</v>
      </c>
      <c r="CF12" s="342">
        <v>4028835</v>
      </c>
      <c r="CG12" s="342">
        <v>6423448</v>
      </c>
      <c r="CH12" s="342">
        <v>5026725</v>
      </c>
      <c r="CI12" s="342">
        <v>2121372</v>
      </c>
      <c r="CJ12" s="342">
        <v>1118100</v>
      </c>
      <c r="CK12" s="343">
        <v>18718480</v>
      </c>
      <c r="CL12" s="345">
        <v>19167598</v>
      </c>
      <c r="CM12" s="341">
        <v>0</v>
      </c>
      <c r="CN12" s="342">
        <v>0</v>
      </c>
      <c r="CO12" s="343">
        <v>0</v>
      </c>
      <c r="CP12" s="347">
        <v>0</v>
      </c>
      <c r="CQ12" s="342">
        <v>3800165</v>
      </c>
      <c r="CR12" s="342">
        <v>5473196</v>
      </c>
      <c r="CS12" s="342">
        <v>4355262</v>
      </c>
      <c r="CT12" s="342">
        <v>1778516</v>
      </c>
      <c r="CU12" s="342">
        <v>826368</v>
      </c>
      <c r="CV12" s="343">
        <v>16233507</v>
      </c>
      <c r="CW12" s="345">
        <v>16233507</v>
      </c>
      <c r="CX12" s="341">
        <v>111893</v>
      </c>
      <c r="CY12" s="342">
        <v>337225</v>
      </c>
      <c r="CZ12" s="343">
        <v>449118</v>
      </c>
      <c r="DA12" s="341">
        <v>0</v>
      </c>
      <c r="DB12" s="342">
        <v>228670</v>
      </c>
      <c r="DC12" s="342">
        <v>950252</v>
      </c>
      <c r="DD12" s="342">
        <v>671463</v>
      </c>
      <c r="DE12" s="342">
        <v>342856</v>
      </c>
      <c r="DF12" s="342">
        <v>291732</v>
      </c>
      <c r="DG12" s="343">
        <v>2484973</v>
      </c>
      <c r="DH12" s="345">
        <v>2934091</v>
      </c>
      <c r="DI12" s="341">
        <v>0</v>
      </c>
      <c r="DJ12" s="342">
        <v>46375</v>
      </c>
      <c r="DK12" s="346">
        <v>46375</v>
      </c>
      <c r="DL12" s="347">
        <v>0</v>
      </c>
      <c r="DM12" s="342">
        <v>176222</v>
      </c>
      <c r="DN12" s="342">
        <v>1485345</v>
      </c>
      <c r="DO12" s="342">
        <v>1215788</v>
      </c>
      <c r="DP12" s="342">
        <v>4602090</v>
      </c>
      <c r="DQ12" s="342">
        <v>811451</v>
      </c>
      <c r="DR12" s="343">
        <v>8290896</v>
      </c>
      <c r="DS12" s="345">
        <v>8337271</v>
      </c>
      <c r="DT12" s="341">
        <v>0</v>
      </c>
      <c r="DU12" s="342">
        <v>46375</v>
      </c>
      <c r="DV12" s="343">
        <v>46375</v>
      </c>
      <c r="DW12" s="341">
        <v>0</v>
      </c>
      <c r="DX12" s="342">
        <v>176222</v>
      </c>
      <c r="DY12" s="342">
        <v>1485345</v>
      </c>
      <c r="DZ12" s="342">
        <v>1215788</v>
      </c>
      <c r="EA12" s="342">
        <v>4602090</v>
      </c>
      <c r="EB12" s="342">
        <v>811451</v>
      </c>
      <c r="EC12" s="343">
        <v>8290896</v>
      </c>
      <c r="ED12" s="345">
        <v>8337271</v>
      </c>
      <c r="EE12" s="341">
        <v>0</v>
      </c>
      <c r="EF12" s="346">
        <v>0</v>
      </c>
      <c r="EG12" s="343">
        <v>0</v>
      </c>
      <c r="EH12" s="341">
        <v>0</v>
      </c>
      <c r="EI12" s="342">
        <v>0</v>
      </c>
      <c r="EJ12" s="342">
        <v>0</v>
      </c>
      <c r="EK12" s="342">
        <v>0</v>
      </c>
      <c r="EL12" s="342">
        <v>0</v>
      </c>
      <c r="EM12" s="342">
        <v>0</v>
      </c>
      <c r="EN12" s="346">
        <v>0</v>
      </c>
      <c r="EO12" s="345">
        <v>0</v>
      </c>
      <c r="EP12" s="341">
        <v>0</v>
      </c>
      <c r="EQ12" s="342">
        <v>0</v>
      </c>
      <c r="ER12" s="346">
        <v>0</v>
      </c>
      <c r="ES12" s="347">
        <v>0</v>
      </c>
      <c r="ET12" s="342">
        <v>0</v>
      </c>
      <c r="EU12" s="342">
        <v>0</v>
      </c>
      <c r="EV12" s="342">
        <v>0</v>
      </c>
      <c r="EW12" s="342">
        <v>0</v>
      </c>
      <c r="EX12" s="342">
        <v>0</v>
      </c>
      <c r="EY12" s="343">
        <v>0</v>
      </c>
      <c r="EZ12" s="345">
        <v>0</v>
      </c>
      <c r="FA12" s="341">
        <v>0</v>
      </c>
      <c r="FB12" s="342">
        <v>0</v>
      </c>
      <c r="FC12" s="346">
        <v>0</v>
      </c>
      <c r="FD12" s="436">
        <v>0</v>
      </c>
      <c r="FE12" s="342">
        <v>0</v>
      </c>
      <c r="FF12" s="342">
        <v>0</v>
      </c>
      <c r="FG12" s="342">
        <v>0</v>
      </c>
      <c r="FH12" s="342">
        <v>0</v>
      </c>
      <c r="FI12" s="342">
        <v>0</v>
      </c>
      <c r="FJ12" s="343">
        <v>0</v>
      </c>
      <c r="FK12" s="345">
        <v>0</v>
      </c>
      <c r="FL12" s="341">
        <v>229159</v>
      </c>
      <c r="FM12" s="342">
        <v>1004920</v>
      </c>
      <c r="FN12" s="343">
        <v>1234079</v>
      </c>
      <c r="FO12" s="341">
        <v>0</v>
      </c>
      <c r="FP12" s="342">
        <v>674037</v>
      </c>
      <c r="FQ12" s="342">
        <v>2144044</v>
      </c>
      <c r="FR12" s="342">
        <v>1530298</v>
      </c>
      <c r="FS12" s="342">
        <v>1301167</v>
      </c>
      <c r="FT12" s="342">
        <v>1088052</v>
      </c>
      <c r="FU12" s="343">
        <v>6737598</v>
      </c>
      <c r="FV12" s="345">
        <v>7971677</v>
      </c>
      <c r="FW12" s="348">
        <v>187859</v>
      </c>
      <c r="FX12" s="342">
        <v>522592</v>
      </c>
      <c r="FY12" s="346">
        <v>710451</v>
      </c>
      <c r="FZ12" s="347">
        <v>0</v>
      </c>
      <c r="GA12" s="342">
        <v>534037</v>
      </c>
      <c r="GB12" s="342">
        <v>2000292</v>
      </c>
      <c r="GC12" s="342">
        <v>1411298</v>
      </c>
      <c r="GD12" s="342">
        <v>1231167</v>
      </c>
      <c r="GE12" s="342">
        <v>948052</v>
      </c>
      <c r="GF12" s="343">
        <v>6124846</v>
      </c>
      <c r="GG12" s="349">
        <v>6835297</v>
      </c>
      <c r="GH12" s="348">
        <v>0</v>
      </c>
      <c r="GI12" s="342">
        <v>127498</v>
      </c>
      <c r="GJ12" s="346">
        <v>127498</v>
      </c>
      <c r="GK12" s="347">
        <v>0</v>
      </c>
      <c r="GL12" s="342">
        <v>0</v>
      </c>
      <c r="GM12" s="342">
        <v>0</v>
      </c>
      <c r="GN12" s="342">
        <v>0</v>
      </c>
      <c r="GO12" s="342">
        <v>70000</v>
      </c>
      <c r="GP12" s="342">
        <v>0</v>
      </c>
      <c r="GQ12" s="343">
        <v>70000</v>
      </c>
      <c r="GR12" s="345">
        <v>197498</v>
      </c>
      <c r="GS12" s="341">
        <v>41300</v>
      </c>
      <c r="GT12" s="342">
        <v>354830</v>
      </c>
      <c r="GU12" s="343">
        <v>396130</v>
      </c>
      <c r="GV12" s="341">
        <v>0</v>
      </c>
      <c r="GW12" s="342">
        <v>140000</v>
      </c>
      <c r="GX12" s="342">
        <v>143752</v>
      </c>
      <c r="GY12" s="342">
        <v>119000</v>
      </c>
      <c r="GZ12" s="342">
        <v>0</v>
      </c>
      <c r="HA12" s="342">
        <v>140000</v>
      </c>
      <c r="HB12" s="346">
        <v>542752</v>
      </c>
      <c r="HC12" s="345">
        <v>938882</v>
      </c>
      <c r="HD12" s="341">
        <v>305234</v>
      </c>
      <c r="HE12" s="342">
        <v>479980</v>
      </c>
      <c r="HF12" s="346">
        <v>785214</v>
      </c>
      <c r="HG12" s="347">
        <v>0</v>
      </c>
      <c r="HH12" s="342">
        <v>4885005</v>
      </c>
      <c r="HI12" s="342">
        <v>4498442</v>
      </c>
      <c r="HJ12" s="342">
        <v>5101461</v>
      </c>
      <c r="HK12" s="342">
        <v>4904069</v>
      </c>
      <c r="HL12" s="342">
        <v>4038721</v>
      </c>
      <c r="HM12" s="343">
        <v>23427698</v>
      </c>
      <c r="HN12" s="344">
        <v>24212912</v>
      </c>
      <c r="HO12" s="348">
        <v>0</v>
      </c>
      <c r="HP12" s="342">
        <v>0</v>
      </c>
      <c r="HQ12" s="343">
        <v>0</v>
      </c>
      <c r="HR12" s="341">
        <v>0</v>
      </c>
      <c r="HS12" s="342">
        <v>0</v>
      </c>
      <c r="HT12" s="342">
        <v>0</v>
      </c>
      <c r="HU12" s="342">
        <v>0</v>
      </c>
      <c r="HV12" s="342">
        <v>0</v>
      </c>
      <c r="HW12" s="342">
        <v>0</v>
      </c>
      <c r="HX12" s="346">
        <v>0</v>
      </c>
      <c r="HY12" s="345">
        <v>0</v>
      </c>
      <c r="HZ12" s="350">
        <v>66806</v>
      </c>
      <c r="IA12" s="351">
        <v>0</v>
      </c>
      <c r="IB12" s="352">
        <v>66806</v>
      </c>
      <c r="IC12" s="370">
        <v>0</v>
      </c>
      <c r="ID12" s="371">
        <v>2332722</v>
      </c>
      <c r="IE12" s="372">
        <v>5058660</v>
      </c>
      <c r="IF12" s="373">
        <v>5565390</v>
      </c>
      <c r="IG12" s="371">
        <v>4012519</v>
      </c>
      <c r="IH12" s="373">
        <v>2731399</v>
      </c>
      <c r="II12" s="374">
        <v>19700690</v>
      </c>
      <c r="IJ12" s="356">
        <v>19767496</v>
      </c>
      <c r="IK12" s="357">
        <v>0</v>
      </c>
      <c r="IL12" s="358">
        <v>0</v>
      </c>
      <c r="IM12" s="359">
        <v>0</v>
      </c>
      <c r="IN12" s="436">
        <v>0</v>
      </c>
      <c r="IO12" s="360">
        <v>43610</v>
      </c>
      <c r="IP12" s="360">
        <v>453357</v>
      </c>
      <c r="IQ12" s="360">
        <v>0</v>
      </c>
      <c r="IR12" s="360">
        <v>216325</v>
      </c>
      <c r="IS12" s="360">
        <v>220570</v>
      </c>
      <c r="IT12" s="361">
        <v>933862</v>
      </c>
      <c r="IU12" s="362">
        <v>933862</v>
      </c>
      <c r="IV12" s="363">
        <v>0</v>
      </c>
      <c r="IW12" s="360">
        <v>0</v>
      </c>
      <c r="IX12" s="364">
        <v>0</v>
      </c>
      <c r="IY12" s="436">
        <v>0</v>
      </c>
      <c r="IZ12" s="360">
        <v>0</v>
      </c>
      <c r="JA12" s="360">
        <v>0</v>
      </c>
      <c r="JB12" s="360">
        <v>0</v>
      </c>
      <c r="JC12" s="360">
        <v>0</v>
      </c>
      <c r="JD12" s="360">
        <v>0</v>
      </c>
      <c r="JE12" s="364">
        <v>0</v>
      </c>
      <c r="JF12" s="365">
        <v>0</v>
      </c>
      <c r="JG12" s="363">
        <v>0</v>
      </c>
      <c r="JH12" s="360">
        <v>0</v>
      </c>
      <c r="JI12" s="361">
        <v>0</v>
      </c>
      <c r="JJ12" s="366">
        <v>0</v>
      </c>
      <c r="JK12" s="360">
        <v>983275</v>
      </c>
      <c r="JL12" s="360">
        <v>2003759</v>
      </c>
      <c r="JM12" s="360">
        <v>1188586</v>
      </c>
      <c r="JN12" s="360">
        <v>661415</v>
      </c>
      <c r="JO12" s="360">
        <v>344327</v>
      </c>
      <c r="JP12" s="364">
        <v>5181362</v>
      </c>
      <c r="JQ12" s="362">
        <v>5181362</v>
      </c>
      <c r="JR12" s="363">
        <v>0</v>
      </c>
      <c r="JS12" s="360">
        <v>0</v>
      </c>
      <c r="JT12" s="361">
        <v>0</v>
      </c>
      <c r="JU12" s="366">
        <v>0</v>
      </c>
      <c r="JV12" s="360">
        <v>18064</v>
      </c>
      <c r="JW12" s="360">
        <v>113153</v>
      </c>
      <c r="JX12" s="360">
        <v>42279</v>
      </c>
      <c r="JY12" s="360">
        <v>36831</v>
      </c>
      <c r="JZ12" s="360">
        <v>0</v>
      </c>
      <c r="KA12" s="364">
        <v>210327</v>
      </c>
      <c r="KB12" s="362">
        <v>210327</v>
      </c>
      <c r="KC12" s="367">
        <v>66806</v>
      </c>
      <c r="KD12" s="368">
        <v>0</v>
      </c>
      <c r="KE12" s="364">
        <v>66806</v>
      </c>
      <c r="KF12" s="366">
        <v>0</v>
      </c>
      <c r="KG12" s="360">
        <v>516031</v>
      </c>
      <c r="KH12" s="360">
        <v>845216</v>
      </c>
      <c r="KI12" s="360">
        <v>688560</v>
      </c>
      <c r="KJ12" s="360">
        <v>195444</v>
      </c>
      <c r="KK12" s="360">
        <v>505818</v>
      </c>
      <c r="KL12" s="364">
        <v>2751069</v>
      </c>
      <c r="KM12" s="369">
        <v>2817875</v>
      </c>
      <c r="KN12" s="357">
        <v>0</v>
      </c>
      <c r="KO12" s="358">
        <v>0</v>
      </c>
      <c r="KP12" s="359">
        <v>0</v>
      </c>
      <c r="KQ12" s="436">
        <v>0</v>
      </c>
      <c r="KR12" s="360">
        <v>771742</v>
      </c>
      <c r="KS12" s="360">
        <v>1127186</v>
      </c>
      <c r="KT12" s="360">
        <v>3181442</v>
      </c>
      <c r="KU12" s="360">
        <v>1927208</v>
      </c>
      <c r="KV12" s="360">
        <v>1563082</v>
      </c>
      <c r="KW12" s="364">
        <v>8570660</v>
      </c>
      <c r="KX12" s="362">
        <v>8570660</v>
      </c>
      <c r="KY12" s="363">
        <v>0</v>
      </c>
      <c r="KZ12" s="360">
        <v>0</v>
      </c>
      <c r="LA12" s="364">
        <v>0</v>
      </c>
      <c r="LB12" s="436">
        <v>0</v>
      </c>
      <c r="LC12" s="360">
        <v>0</v>
      </c>
      <c r="LD12" s="360">
        <v>0</v>
      </c>
      <c r="LE12" s="360">
        <v>0</v>
      </c>
      <c r="LF12" s="360">
        <v>0</v>
      </c>
      <c r="LG12" s="360">
        <v>0</v>
      </c>
      <c r="LH12" s="364">
        <v>0</v>
      </c>
      <c r="LI12" s="365">
        <v>0</v>
      </c>
      <c r="LJ12" s="363">
        <v>0</v>
      </c>
      <c r="LK12" s="360">
        <v>0</v>
      </c>
      <c r="LL12" s="364">
        <v>0</v>
      </c>
      <c r="LM12" s="436">
        <v>0</v>
      </c>
      <c r="LN12" s="360">
        <v>0</v>
      </c>
      <c r="LO12" s="360">
        <v>170313</v>
      </c>
      <c r="LP12" s="360">
        <v>0</v>
      </c>
      <c r="LQ12" s="360">
        <v>436407</v>
      </c>
      <c r="LR12" s="360">
        <v>0</v>
      </c>
      <c r="LS12" s="364">
        <v>606720</v>
      </c>
      <c r="LT12" s="362">
        <v>606720</v>
      </c>
      <c r="LU12" s="363">
        <v>0</v>
      </c>
      <c r="LV12" s="360">
        <v>0</v>
      </c>
      <c r="LW12" s="364">
        <v>0</v>
      </c>
      <c r="LX12" s="436">
        <v>0</v>
      </c>
      <c r="LY12" s="360">
        <v>0</v>
      </c>
      <c r="LZ12" s="360">
        <v>345676</v>
      </c>
      <c r="MA12" s="360">
        <v>464523</v>
      </c>
      <c r="MB12" s="360">
        <v>538889</v>
      </c>
      <c r="MC12" s="360">
        <v>97602</v>
      </c>
      <c r="MD12" s="364">
        <v>1446690</v>
      </c>
      <c r="ME12" s="365">
        <v>1446690</v>
      </c>
      <c r="MF12" s="363">
        <v>0</v>
      </c>
      <c r="MG12" s="360">
        <v>0</v>
      </c>
      <c r="MH12" s="364">
        <v>0</v>
      </c>
      <c r="MI12" s="436">
        <v>0</v>
      </c>
      <c r="MJ12" s="360">
        <v>286419</v>
      </c>
      <c r="MK12" s="360">
        <v>1906036</v>
      </c>
      <c r="ML12" s="360">
        <v>6429820</v>
      </c>
      <c r="MM12" s="360">
        <v>16939664</v>
      </c>
      <c r="MN12" s="360">
        <v>7678281</v>
      </c>
      <c r="MO12" s="364">
        <v>33240220</v>
      </c>
      <c r="MP12" s="369">
        <v>33240220</v>
      </c>
      <c r="MQ12" s="363">
        <v>0</v>
      </c>
      <c r="MR12" s="360">
        <v>0</v>
      </c>
      <c r="MS12" s="364">
        <v>0</v>
      </c>
      <c r="MT12" s="436">
        <v>0</v>
      </c>
      <c r="MU12" s="360">
        <v>0</v>
      </c>
      <c r="MV12" s="360">
        <v>0</v>
      </c>
      <c r="MW12" s="360">
        <v>4450626</v>
      </c>
      <c r="MX12" s="360">
        <v>12013050</v>
      </c>
      <c r="MY12" s="360">
        <v>4761828</v>
      </c>
      <c r="MZ12" s="364">
        <v>21225504</v>
      </c>
      <c r="NA12" s="369">
        <v>21225504</v>
      </c>
      <c r="NB12" s="363">
        <v>0</v>
      </c>
      <c r="NC12" s="360">
        <v>0</v>
      </c>
      <c r="ND12" s="364">
        <v>0</v>
      </c>
      <c r="NE12" s="436">
        <v>0</v>
      </c>
      <c r="NF12" s="360">
        <v>286419</v>
      </c>
      <c r="NG12" s="360">
        <v>1906036</v>
      </c>
      <c r="NH12" s="360">
        <v>1714242</v>
      </c>
      <c r="NI12" s="360">
        <v>4689249</v>
      </c>
      <c r="NJ12" s="360">
        <v>1747170</v>
      </c>
      <c r="NK12" s="364">
        <v>10343116</v>
      </c>
      <c r="NL12" s="362">
        <v>10343116</v>
      </c>
      <c r="NM12" s="363">
        <v>0</v>
      </c>
      <c r="NN12" s="360">
        <v>0</v>
      </c>
      <c r="NO12" s="364">
        <v>0</v>
      </c>
      <c r="NP12" s="436">
        <v>0</v>
      </c>
      <c r="NQ12" s="360">
        <v>0</v>
      </c>
      <c r="NR12" s="360">
        <v>0</v>
      </c>
      <c r="NS12" s="360">
        <v>0</v>
      </c>
      <c r="NT12" s="360">
        <v>237365</v>
      </c>
      <c r="NU12" s="360">
        <v>254697</v>
      </c>
      <c r="NV12" s="364">
        <v>492062</v>
      </c>
      <c r="NW12" s="365">
        <v>492062</v>
      </c>
      <c r="NX12" s="363">
        <v>0</v>
      </c>
      <c r="NY12" s="360">
        <v>0</v>
      </c>
      <c r="NZ12" s="364">
        <v>0</v>
      </c>
      <c r="OA12" s="436">
        <v>0</v>
      </c>
      <c r="OB12" s="360">
        <v>0</v>
      </c>
      <c r="OC12" s="360">
        <v>0</v>
      </c>
      <c r="OD12" s="360">
        <v>264952</v>
      </c>
      <c r="OE12" s="360">
        <v>0</v>
      </c>
      <c r="OF12" s="360">
        <v>914586</v>
      </c>
      <c r="OG12" s="364">
        <v>1179538</v>
      </c>
      <c r="OH12" s="365">
        <v>1179538</v>
      </c>
      <c r="OI12" s="363">
        <v>896519</v>
      </c>
      <c r="OJ12" s="360">
        <v>2541998</v>
      </c>
      <c r="OK12" s="361">
        <v>3438517</v>
      </c>
      <c r="OL12" s="366">
        <v>0</v>
      </c>
      <c r="OM12" s="360">
        <v>15590708</v>
      </c>
      <c r="ON12" s="360">
        <v>28851456</v>
      </c>
      <c r="OO12" s="360">
        <v>30002442</v>
      </c>
      <c r="OP12" s="360">
        <v>39974546</v>
      </c>
      <c r="OQ12" s="360">
        <v>23830448</v>
      </c>
      <c r="OR12" s="364">
        <v>138249600</v>
      </c>
      <c r="OS12" s="369">
        <v>141688117</v>
      </c>
    </row>
    <row r="13" spans="2:409" s="137" customFormat="1" ht="21" customHeight="1" x14ac:dyDescent="0.2">
      <c r="B13" s="421" t="s">
        <v>7</v>
      </c>
      <c r="C13" s="341">
        <v>966296</v>
      </c>
      <c r="D13" s="342">
        <v>692171</v>
      </c>
      <c r="E13" s="343">
        <v>1658467</v>
      </c>
      <c r="F13" s="344">
        <v>0</v>
      </c>
      <c r="G13" s="342">
        <v>11504120</v>
      </c>
      <c r="H13" s="342">
        <v>7981446</v>
      </c>
      <c r="I13" s="342">
        <v>7622630</v>
      </c>
      <c r="J13" s="342">
        <v>6792828</v>
      </c>
      <c r="K13" s="342">
        <v>6324458</v>
      </c>
      <c r="L13" s="344">
        <v>40225482</v>
      </c>
      <c r="M13" s="345">
        <v>41883949</v>
      </c>
      <c r="N13" s="341">
        <v>196604</v>
      </c>
      <c r="O13" s="342">
        <v>170401</v>
      </c>
      <c r="P13" s="343">
        <v>367005</v>
      </c>
      <c r="Q13" s="341">
        <v>0</v>
      </c>
      <c r="R13" s="342">
        <v>2825669</v>
      </c>
      <c r="S13" s="342">
        <v>2546428</v>
      </c>
      <c r="T13" s="342">
        <v>2633412</v>
      </c>
      <c r="U13" s="342">
        <v>2818561</v>
      </c>
      <c r="V13" s="342">
        <v>2641646</v>
      </c>
      <c r="W13" s="343">
        <v>13465716</v>
      </c>
      <c r="X13" s="345">
        <v>13832721</v>
      </c>
      <c r="Y13" s="341">
        <v>0</v>
      </c>
      <c r="Z13" s="342">
        <v>0</v>
      </c>
      <c r="AA13" s="343">
        <v>0</v>
      </c>
      <c r="AB13" s="341">
        <v>0</v>
      </c>
      <c r="AC13" s="342">
        <v>1239870</v>
      </c>
      <c r="AD13" s="342">
        <v>1099785</v>
      </c>
      <c r="AE13" s="342">
        <v>1426429</v>
      </c>
      <c r="AF13" s="342">
        <v>1333168</v>
      </c>
      <c r="AG13" s="342">
        <v>872371</v>
      </c>
      <c r="AH13" s="343">
        <v>5971623</v>
      </c>
      <c r="AI13" s="345">
        <v>5971623</v>
      </c>
      <c r="AJ13" s="341">
        <v>0</v>
      </c>
      <c r="AK13" s="342">
        <v>0</v>
      </c>
      <c r="AL13" s="343">
        <v>0</v>
      </c>
      <c r="AM13" s="341">
        <v>0</v>
      </c>
      <c r="AN13" s="342">
        <v>40917</v>
      </c>
      <c r="AO13" s="342">
        <v>0</v>
      </c>
      <c r="AP13" s="342">
        <v>0</v>
      </c>
      <c r="AQ13" s="342">
        <v>287247</v>
      </c>
      <c r="AR13" s="342">
        <v>494982</v>
      </c>
      <c r="AS13" s="343">
        <v>823146</v>
      </c>
      <c r="AT13" s="345">
        <v>823146</v>
      </c>
      <c r="AU13" s="341">
        <v>7587</v>
      </c>
      <c r="AV13" s="342">
        <v>103551</v>
      </c>
      <c r="AW13" s="343">
        <v>111138</v>
      </c>
      <c r="AX13" s="341">
        <v>0</v>
      </c>
      <c r="AY13" s="342">
        <v>786151</v>
      </c>
      <c r="AZ13" s="342">
        <v>830176</v>
      </c>
      <c r="BA13" s="342">
        <v>684769</v>
      </c>
      <c r="BB13" s="342">
        <v>569208</v>
      </c>
      <c r="BC13" s="342">
        <v>728300</v>
      </c>
      <c r="BD13" s="343">
        <v>3598604</v>
      </c>
      <c r="BE13" s="345">
        <v>3709742</v>
      </c>
      <c r="BF13" s="341">
        <v>18196</v>
      </c>
      <c r="BG13" s="342">
        <v>0</v>
      </c>
      <c r="BH13" s="346">
        <v>18196</v>
      </c>
      <c r="BI13" s="347">
        <v>0</v>
      </c>
      <c r="BJ13" s="342">
        <v>63316</v>
      </c>
      <c r="BK13" s="342">
        <v>149336</v>
      </c>
      <c r="BL13" s="342">
        <v>101143</v>
      </c>
      <c r="BM13" s="342">
        <v>122824</v>
      </c>
      <c r="BN13" s="342">
        <v>81389</v>
      </c>
      <c r="BO13" s="343">
        <v>518008</v>
      </c>
      <c r="BP13" s="345">
        <v>536204</v>
      </c>
      <c r="BQ13" s="341">
        <v>170821</v>
      </c>
      <c r="BR13" s="342">
        <v>66850</v>
      </c>
      <c r="BS13" s="343">
        <v>237671</v>
      </c>
      <c r="BT13" s="341">
        <v>0</v>
      </c>
      <c r="BU13" s="342">
        <v>695415</v>
      </c>
      <c r="BV13" s="342">
        <v>467131</v>
      </c>
      <c r="BW13" s="342">
        <v>421071</v>
      </c>
      <c r="BX13" s="342">
        <v>506114</v>
      </c>
      <c r="BY13" s="342">
        <v>464604</v>
      </c>
      <c r="BZ13" s="343">
        <v>2554335</v>
      </c>
      <c r="CA13" s="345">
        <v>2792006</v>
      </c>
      <c r="CB13" s="341">
        <v>37182</v>
      </c>
      <c r="CC13" s="342">
        <v>95900</v>
      </c>
      <c r="CD13" s="343">
        <v>133082</v>
      </c>
      <c r="CE13" s="341">
        <v>0</v>
      </c>
      <c r="CF13" s="342">
        <v>3419655</v>
      </c>
      <c r="CG13" s="342">
        <v>2434985</v>
      </c>
      <c r="CH13" s="342">
        <v>1385471</v>
      </c>
      <c r="CI13" s="342">
        <v>684793</v>
      </c>
      <c r="CJ13" s="342">
        <v>450346</v>
      </c>
      <c r="CK13" s="343">
        <v>8375250</v>
      </c>
      <c r="CL13" s="345">
        <v>8508332</v>
      </c>
      <c r="CM13" s="341">
        <v>0</v>
      </c>
      <c r="CN13" s="342">
        <v>0</v>
      </c>
      <c r="CO13" s="343">
        <v>0</v>
      </c>
      <c r="CP13" s="347">
        <v>0</v>
      </c>
      <c r="CQ13" s="342">
        <v>2838556</v>
      </c>
      <c r="CR13" s="342">
        <v>1814203</v>
      </c>
      <c r="CS13" s="342">
        <v>939099</v>
      </c>
      <c r="CT13" s="342">
        <v>529776</v>
      </c>
      <c r="CU13" s="342">
        <v>365622</v>
      </c>
      <c r="CV13" s="343">
        <v>6487256</v>
      </c>
      <c r="CW13" s="345">
        <v>6487256</v>
      </c>
      <c r="CX13" s="341">
        <v>37182</v>
      </c>
      <c r="CY13" s="342">
        <v>95900</v>
      </c>
      <c r="CZ13" s="343">
        <v>133082</v>
      </c>
      <c r="DA13" s="341">
        <v>0</v>
      </c>
      <c r="DB13" s="342">
        <v>581099</v>
      </c>
      <c r="DC13" s="342">
        <v>620782</v>
      </c>
      <c r="DD13" s="342">
        <v>446372</v>
      </c>
      <c r="DE13" s="342">
        <v>155017</v>
      </c>
      <c r="DF13" s="342">
        <v>84724</v>
      </c>
      <c r="DG13" s="343">
        <v>1887994</v>
      </c>
      <c r="DH13" s="345">
        <v>2021076</v>
      </c>
      <c r="DI13" s="341">
        <v>0</v>
      </c>
      <c r="DJ13" s="342">
        <v>0</v>
      </c>
      <c r="DK13" s="346">
        <v>0</v>
      </c>
      <c r="DL13" s="347">
        <v>0</v>
      </c>
      <c r="DM13" s="342">
        <v>483883</v>
      </c>
      <c r="DN13" s="342">
        <v>425966</v>
      </c>
      <c r="DO13" s="342">
        <v>348026</v>
      </c>
      <c r="DP13" s="342">
        <v>308342</v>
      </c>
      <c r="DQ13" s="342">
        <v>289494</v>
      </c>
      <c r="DR13" s="343">
        <v>1855711</v>
      </c>
      <c r="DS13" s="345">
        <v>1855711</v>
      </c>
      <c r="DT13" s="341">
        <v>0</v>
      </c>
      <c r="DU13" s="342">
        <v>0</v>
      </c>
      <c r="DV13" s="343">
        <v>0</v>
      </c>
      <c r="DW13" s="341">
        <v>0</v>
      </c>
      <c r="DX13" s="342">
        <v>396396</v>
      </c>
      <c r="DY13" s="342">
        <v>381411</v>
      </c>
      <c r="DZ13" s="342">
        <v>281475</v>
      </c>
      <c r="EA13" s="342">
        <v>308342</v>
      </c>
      <c r="EB13" s="342">
        <v>289494</v>
      </c>
      <c r="EC13" s="343">
        <v>1657118</v>
      </c>
      <c r="ED13" s="345">
        <v>1657118</v>
      </c>
      <c r="EE13" s="341">
        <v>0</v>
      </c>
      <c r="EF13" s="346">
        <v>0</v>
      </c>
      <c r="EG13" s="343">
        <v>0</v>
      </c>
      <c r="EH13" s="341">
        <v>0</v>
      </c>
      <c r="EI13" s="342">
        <v>87487</v>
      </c>
      <c r="EJ13" s="342">
        <v>44555</v>
      </c>
      <c r="EK13" s="342">
        <v>66551</v>
      </c>
      <c r="EL13" s="342">
        <v>0</v>
      </c>
      <c r="EM13" s="342">
        <v>0</v>
      </c>
      <c r="EN13" s="346">
        <v>198593</v>
      </c>
      <c r="EO13" s="345">
        <v>198593</v>
      </c>
      <c r="EP13" s="341">
        <v>0</v>
      </c>
      <c r="EQ13" s="342">
        <v>0</v>
      </c>
      <c r="ER13" s="346">
        <v>0</v>
      </c>
      <c r="ES13" s="347">
        <v>0</v>
      </c>
      <c r="ET13" s="342">
        <v>0</v>
      </c>
      <c r="EU13" s="342">
        <v>0</v>
      </c>
      <c r="EV13" s="342">
        <v>0</v>
      </c>
      <c r="EW13" s="342">
        <v>0</v>
      </c>
      <c r="EX13" s="342">
        <v>0</v>
      </c>
      <c r="EY13" s="343">
        <v>0</v>
      </c>
      <c r="EZ13" s="345">
        <v>0</v>
      </c>
      <c r="FA13" s="341">
        <v>0</v>
      </c>
      <c r="FB13" s="342">
        <v>0</v>
      </c>
      <c r="FC13" s="346">
        <v>0</v>
      </c>
      <c r="FD13" s="436">
        <v>0</v>
      </c>
      <c r="FE13" s="342">
        <v>0</v>
      </c>
      <c r="FF13" s="342">
        <v>0</v>
      </c>
      <c r="FG13" s="342">
        <v>0</v>
      </c>
      <c r="FH13" s="342">
        <v>0</v>
      </c>
      <c r="FI13" s="342">
        <v>0</v>
      </c>
      <c r="FJ13" s="343">
        <v>0</v>
      </c>
      <c r="FK13" s="345">
        <v>0</v>
      </c>
      <c r="FL13" s="341">
        <v>196420</v>
      </c>
      <c r="FM13" s="342">
        <v>124649</v>
      </c>
      <c r="FN13" s="343">
        <v>321069</v>
      </c>
      <c r="FO13" s="341">
        <v>0</v>
      </c>
      <c r="FP13" s="342">
        <v>513590</v>
      </c>
      <c r="FQ13" s="342">
        <v>906094</v>
      </c>
      <c r="FR13" s="342">
        <v>659603</v>
      </c>
      <c r="FS13" s="342">
        <v>674295</v>
      </c>
      <c r="FT13" s="342">
        <v>516866</v>
      </c>
      <c r="FU13" s="343">
        <v>3270448</v>
      </c>
      <c r="FV13" s="345">
        <v>3591517</v>
      </c>
      <c r="FW13" s="348">
        <v>29120</v>
      </c>
      <c r="FX13" s="342">
        <v>124649</v>
      </c>
      <c r="FY13" s="346">
        <v>153769</v>
      </c>
      <c r="FZ13" s="347">
        <v>0</v>
      </c>
      <c r="GA13" s="342">
        <v>486290</v>
      </c>
      <c r="GB13" s="342">
        <v>855064</v>
      </c>
      <c r="GC13" s="342">
        <v>620403</v>
      </c>
      <c r="GD13" s="342">
        <v>533791</v>
      </c>
      <c r="GE13" s="342">
        <v>446866</v>
      </c>
      <c r="GF13" s="343">
        <v>2942414</v>
      </c>
      <c r="GG13" s="349">
        <v>3096183</v>
      </c>
      <c r="GH13" s="348">
        <v>0</v>
      </c>
      <c r="GI13" s="342">
        <v>0</v>
      </c>
      <c r="GJ13" s="346">
        <v>0</v>
      </c>
      <c r="GK13" s="347">
        <v>0</v>
      </c>
      <c r="GL13" s="342">
        <v>13300</v>
      </c>
      <c r="GM13" s="342">
        <v>51030</v>
      </c>
      <c r="GN13" s="342">
        <v>18480</v>
      </c>
      <c r="GO13" s="342">
        <v>19404</v>
      </c>
      <c r="GP13" s="342">
        <v>70000</v>
      </c>
      <c r="GQ13" s="343">
        <v>172214</v>
      </c>
      <c r="GR13" s="345">
        <v>172214</v>
      </c>
      <c r="GS13" s="341">
        <v>167300</v>
      </c>
      <c r="GT13" s="342">
        <v>0</v>
      </c>
      <c r="GU13" s="343">
        <v>167300</v>
      </c>
      <c r="GV13" s="341">
        <v>0</v>
      </c>
      <c r="GW13" s="342">
        <v>14000</v>
      </c>
      <c r="GX13" s="342">
        <v>0</v>
      </c>
      <c r="GY13" s="342">
        <v>20720</v>
      </c>
      <c r="GZ13" s="342">
        <v>121100</v>
      </c>
      <c r="HA13" s="342">
        <v>0</v>
      </c>
      <c r="HB13" s="346">
        <v>155820</v>
      </c>
      <c r="HC13" s="345">
        <v>323120</v>
      </c>
      <c r="HD13" s="341">
        <v>536090</v>
      </c>
      <c r="HE13" s="342">
        <v>301221</v>
      </c>
      <c r="HF13" s="346">
        <v>837311</v>
      </c>
      <c r="HG13" s="347">
        <v>0</v>
      </c>
      <c r="HH13" s="342">
        <v>4261323</v>
      </c>
      <c r="HI13" s="342">
        <v>1667973</v>
      </c>
      <c r="HJ13" s="342">
        <v>2596118</v>
      </c>
      <c r="HK13" s="342">
        <v>2306837</v>
      </c>
      <c r="HL13" s="342">
        <v>2426106</v>
      </c>
      <c r="HM13" s="343">
        <v>13258357</v>
      </c>
      <c r="HN13" s="344">
        <v>14095668</v>
      </c>
      <c r="HO13" s="348">
        <v>0</v>
      </c>
      <c r="HP13" s="342">
        <v>0</v>
      </c>
      <c r="HQ13" s="343">
        <v>0</v>
      </c>
      <c r="HR13" s="341">
        <v>0</v>
      </c>
      <c r="HS13" s="342">
        <v>0</v>
      </c>
      <c r="HT13" s="342">
        <v>0</v>
      </c>
      <c r="HU13" s="342">
        <v>0</v>
      </c>
      <c r="HV13" s="342">
        <v>0</v>
      </c>
      <c r="HW13" s="342">
        <v>0</v>
      </c>
      <c r="HX13" s="346">
        <v>0</v>
      </c>
      <c r="HY13" s="345">
        <v>0</v>
      </c>
      <c r="HZ13" s="350">
        <v>0</v>
      </c>
      <c r="IA13" s="351">
        <v>0</v>
      </c>
      <c r="IB13" s="352">
        <v>0</v>
      </c>
      <c r="IC13" s="353">
        <v>0</v>
      </c>
      <c r="ID13" s="351">
        <v>1807145</v>
      </c>
      <c r="IE13" s="354">
        <v>2061965</v>
      </c>
      <c r="IF13" s="352">
        <v>1885890</v>
      </c>
      <c r="IG13" s="351">
        <v>1186402</v>
      </c>
      <c r="IH13" s="352">
        <v>1127299</v>
      </c>
      <c r="II13" s="355">
        <v>8068701</v>
      </c>
      <c r="IJ13" s="356">
        <v>8068701</v>
      </c>
      <c r="IK13" s="357">
        <v>0</v>
      </c>
      <c r="IL13" s="358">
        <v>0</v>
      </c>
      <c r="IM13" s="359">
        <v>0</v>
      </c>
      <c r="IN13" s="436">
        <v>0</v>
      </c>
      <c r="IO13" s="360">
        <v>-24050</v>
      </c>
      <c r="IP13" s="360">
        <v>115075</v>
      </c>
      <c r="IQ13" s="360">
        <v>0</v>
      </c>
      <c r="IR13" s="360">
        <v>0</v>
      </c>
      <c r="IS13" s="360">
        <v>0</v>
      </c>
      <c r="IT13" s="361">
        <v>91025</v>
      </c>
      <c r="IU13" s="362">
        <v>91025</v>
      </c>
      <c r="IV13" s="363">
        <v>0</v>
      </c>
      <c r="IW13" s="360">
        <v>0</v>
      </c>
      <c r="IX13" s="364">
        <v>0</v>
      </c>
      <c r="IY13" s="436">
        <v>0</v>
      </c>
      <c r="IZ13" s="360">
        <v>0</v>
      </c>
      <c r="JA13" s="360">
        <v>0</v>
      </c>
      <c r="JB13" s="360">
        <v>0</v>
      </c>
      <c r="JC13" s="360">
        <v>0</v>
      </c>
      <c r="JD13" s="360">
        <v>0</v>
      </c>
      <c r="JE13" s="364">
        <v>0</v>
      </c>
      <c r="JF13" s="365">
        <v>0</v>
      </c>
      <c r="JG13" s="363">
        <v>0</v>
      </c>
      <c r="JH13" s="360">
        <v>0</v>
      </c>
      <c r="JI13" s="361">
        <v>0</v>
      </c>
      <c r="JJ13" s="366">
        <v>0</v>
      </c>
      <c r="JK13" s="360">
        <v>1165739</v>
      </c>
      <c r="JL13" s="360">
        <v>760110</v>
      </c>
      <c r="JM13" s="360">
        <v>467935</v>
      </c>
      <c r="JN13" s="360">
        <v>120528</v>
      </c>
      <c r="JO13" s="360">
        <v>199523</v>
      </c>
      <c r="JP13" s="364">
        <v>2713835</v>
      </c>
      <c r="JQ13" s="362">
        <v>2713835</v>
      </c>
      <c r="JR13" s="363">
        <v>0</v>
      </c>
      <c r="JS13" s="360">
        <v>0</v>
      </c>
      <c r="JT13" s="361">
        <v>0</v>
      </c>
      <c r="JU13" s="366">
        <v>0</v>
      </c>
      <c r="JV13" s="360">
        <v>257949</v>
      </c>
      <c r="JW13" s="360">
        <v>372097</v>
      </c>
      <c r="JX13" s="360">
        <v>386313</v>
      </c>
      <c r="JY13" s="360">
        <v>107244</v>
      </c>
      <c r="JZ13" s="360">
        <v>0</v>
      </c>
      <c r="KA13" s="364">
        <v>1123603</v>
      </c>
      <c r="KB13" s="362">
        <v>1123603</v>
      </c>
      <c r="KC13" s="367">
        <v>0</v>
      </c>
      <c r="KD13" s="368">
        <v>0</v>
      </c>
      <c r="KE13" s="364">
        <v>0</v>
      </c>
      <c r="KF13" s="366">
        <v>0</v>
      </c>
      <c r="KG13" s="360">
        <v>95746</v>
      </c>
      <c r="KH13" s="360">
        <v>0</v>
      </c>
      <c r="KI13" s="360">
        <v>184144</v>
      </c>
      <c r="KJ13" s="360">
        <v>214105</v>
      </c>
      <c r="KK13" s="360">
        <v>229540</v>
      </c>
      <c r="KL13" s="364">
        <v>723535</v>
      </c>
      <c r="KM13" s="369">
        <v>723535</v>
      </c>
      <c r="KN13" s="357">
        <v>0</v>
      </c>
      <c r="KO13" s="358">
        <v>0</v>
      </c>
      <c r="KP13" s="359">
        <v>0</v>
      </c>
      <c r="KQ13" s="436">
        <v>0</v>
      </c>
      <c r="KR13" s="360">
        <v>194732</v>
      </c>
      <c r="KS13" s="360">
        <v>814683</v>
      </c>
      <c r="KT13" s="360">
        <v>847498</v>
      </c>
      <c r="KU13" s="360">
        <v>744525</v>
      </c>
      <c r="KV13" s="360">
        <v>429733</v>
      </c>
      <c r="KW13" s="364">
        <v>3031171</v>
      </c>
      <c r="KX13" s="362">
        <v>3031171</v>
      </c>
      <c r="KY13" s="363">
        <v>0</v>
      </c>
      <c r="KZ13" s="360">
        <v>0</v>
      </c>
      <c r="LA13" s="364">
        <v>0</v>
      </c>
      <c r="LB13" s="436">
        <v>0</v>
      </c>
      <c r="LC13" s="360">
        <v>0</v>
      </c>
      <c r="LD13" s="360">
        <v>0</v>
      </c>
      <c r="LE13" s="360">
        <v>0</v>
      </c>
      <c r="LF13" s="360">
        <v>0</v>
      </c>
      <c r="LG13" s="360">
        <v>0</v>
      </c>
      <c r="LH13" s="364">
        <v>0</v>
      </c>
      <c r="LI13" s="365">
        <v>0</v>
      </c>
      <c r="LJ13" s="363">
        <v>0</v>
      </c>
      <c r="LK13" s="360">
        <v>0</v>
      </c>
      <c r="LL13" s="364">
        <v>0</v>
      </c>
      <c r="LM13" s="436">
        <v>0</v>
      </c>
      <c r="LN13" s="360">
        <v>0</v>
      </c>
      <c r="LO13" s="360">
        <v>0</v>
      </c>
      <c r="LP13" s="360">
        <v>0</v>
      </c>
      <c r="LQ13" s="360">
        <v>0</v>
      </c>
      <c r="LR13" s="360">
        <v>0</v>
      </c>
      <c r="LS13" s="364">
        <v>0</v>
      </c>
      <c r="LT13" s="362">
        <v>0</v>
      </c>
      <c r="LU13" s="363">
        <v>0</v>
      </c>
      <c r="LV13" s="360">
        <v>0</v>
      </c>
      <c r="LW13" s="364">
        <v>0</v>
      </c>
      <c r="LX13" s="436">
        <v>0</v>
      </c>
      <c r="LY13" s="360">
        <v>117029</v>
      </c>
      <c r="LZ13" s="360">
        <v>0</v>
      </c>
      <c r="MA13" s="360">
        <v>0</v>
      </c>
      <c r="MB13" s="360">
        <v>0</v>
      </c>
      <c r="MC13" s="360">
        <v>268503</v>
      </c>
      <c r="MD13" s="364">
        <v>385532</v>
      </c>
      <c r="ME13" s="365">
        <v>385532</v>
      </c>
      <c r="MF13" s="363">
        <v>0</v>
      </c>
      <c r="MG13" s="360">
        <v>0</v>
      </c>
      <c r="MH13" s="364">
        <v>0</v>
      </c>
      <c r="MI13" s="436">
        <v>0</v>
      </c>
      <c r="MJ13" s="360">
        <v>196655</v>
      </c>
      <c r="MK13" s="360">
        <v>615166</v>
      </c>
      <c r="ML13" s="360">
        <v>1933246</v>
      </c>
      <c r="MM13" s="360">
        <v>3980504</v>
      </c>
      <c r="MN13" s="360">
        <v>2732642</v>
      </c>
      <c r="MO13" s="364">
        <v>9458213</v>
      </c>
      <c r="MP13" s="369">
        <v>9458213</v>
      </c>
      <c r="MQ13" s="363">
        <v>0</v>
      </c>
      <c r="MR13" s="360">
        <v>0</v>
      </c>
      <c r="MS13" s="364">
        <v>0</v>
      </c>
      <c r="MT13" s="436">
        <v>0</v>
      </c>
      <c r="MU13" s="360">
        <v>0</v>
      </c>
      <c r="MV13" s="360">
        <v>196282</v>
      </c>
      <c r="MW13" s="360">
        <v>1245550</v>
      </c>
      <c r="MX13" s="360">
        <v>2622150</v>
      </c>
      <c r="MY13" s="360">
        <v>2303576</v>
      </c>
      <c r="MZ13" s="364">
        <v>6367558</v>
      </c>
      <c r="NA13" s="369">
        <v>6367558</v>
      </c>
      <c r="NB13" s="363">
        <v>0</v>
      </c>
      <c r="NC13" s="360">
        <v>0</v>
      </c>
      <c r="ND13" s="364">
        <v>0</v>
      </c>
      <c r="NE13" s="436">
        <v>0</v>
      </c>
      <c r="NF13" s="360">
        <v>196655</v>
      </c>
      <c r="NG13" s="360">
        <v>418884</v>
      </c>
      <c r="NH13" s="360">
        <v>687696</v>
      </c>
      <c r="NI13" s="360">
        <v>1358354</v>
      </c>
      <c r="NJ13" s="360">
        <v>429066</v>
      </c>
      <c r="NK13" s="364">
        <v>3090655</v>
      </c>
      <c r="NL13" s="362">
        <v>3090655</v>
      </c>
      <c r="NM13" s="363">
        <v>0</v>
      </c>
      <c r="NN13" s="360">
        <v>0</v>
      </c>
      <c r="NO13" s="364">
        <v>0</v>
      </c>
      <c r="NP13" s="436">
        <v>0</v>
      </c>
      <c r="NQ13" s="360">
        <v>0</v>
      </c>
      <c r="NR13" s="360">
        <v>0</v>
      </c>
      <c r="NS13" s="360">
        <v>0</v>
      </c>
      <c r="NT13" s="360">
        <v>0</v>
      </c>
      <c r="NU13" s="360">
        <v>0</v>
      </c>
      <c r="NV13" s="364">
        <v>0</v>
      </c>
      <c r="NW13" s="365">
        <v>0</v>
      </c>
      <c r="NX13" s="363">
        <v>0</v>
      </c>
      <c r="NY13" s="360">
        <v>0</v>
      </c>
      <c r="NZ13" s="364">
        <v>0</v>
      </c>
      <c r="OA13" s="436">
        <v>0</v>
      </c>
      <c r="OB13" s="360">
        <v>0</v>
      </c>
      <c r="OC13" s="360">
        <v>0</v>
      </c>
      <c r="OD13" s="360">
        <v>0</v>
      </c>
      <c r="OE13" s="360">
        <v>0</v>
      </c>
      <c r="OF13" s="360">
        <v>0</v>
      </c>
      <c r="OG13" s="364">
        <v>0</v>
      </c>
      <c r="OH13" s="365">
        <v>0</v>
      </c>
      <c r="OI13" s="363">
        <v>966296</v>
      </c>
      <c r="OJ13" s="360">
        <v>692171</v>
      </c>
      <c r="OK13" s="361">
        <v>1658467</v>
      </c>
      <c r="OL13" s="366">
        <v>0</v>
      </c>
      <c r="OM13" s="360">
        <v>13507920</v>
      </c>
      <c r="ON13" s="360">
        <v>10658577</v>
      </c>
      <c r="OO13" s="360">
        <v>11441766</v>
      </c>
      <c r="OP13" s="360">
        <v>11959734</v>
      </c>
      <c r="OQ13" s="360">
        <v>10184399</v>
      </c>
      <c r="OR13" s="364">
        <v>57752396</v>
      </c>
      <c r="OS13" s="369">
        <v>59410863</v>
      </c>
    </row>
    <row r="14" spans="2:409" s="137" customFormat="1" ht="21" customHeight="1" x14ac:dyDescent="0.2">
      <c r="B14" s="421" t="s">
        <v>8</v>
      </c>
      <c r="C14" s="341">
        <v>779207</v>
      </c>
      <c r="D14" s="342">
        <v>767548</v>
      </c>
      <c r="E14" s="343">
        <v>1546755</v>
      </c>
      <c r="F14" s="344">
        <v>0</v>
      </c>
      <c r="G14" s="342">
        <v>6322588</v>
      </c>
      <c r="H14" s="342">
        <v>7572999</v>
      </c>
      <c r="I14" s="342">
        <v>6577841</v>
      </c>
      <c r="J14" s="342">
        <v>5888913</v>
      </c>
      <c r="K14" s="342">
        <v>4274272</v>
      </c>
      <c r="L14" s="344">
        <v>30636613</v>
      </c>
      <c r="M14" s="345">
        <v>32183368</v>
      </c>
      <c r="N14" s="341">
        <v>103443</v>
      </c>
      <c r="O14" s="342">
        <v>205911</v>
      </c>
      <c r="P14" s="343">
        <v>309354</v>
      </c>
      <c r="Q14" s="341">
        <v>0</v>
      </c>
      <c r="R14" s="342">
        <v>2082301</v>
      </c>
      <c r="S14" s="342">
        <v>2224694</v>
      </c>
      <c r="T14" s="342">
        <v>1875356</v>
      </c>
      <c r="U14" s="342">
        <v>1993669</v>
      </c>
      <c r="V14" s="342">
        <v>2029048</v>
      </c>
      <c r="W14" s="343">
        <v>10205068</v>
      </c>
      <c r="X14" s="345">
        <v>10514422</v>
      </c>
      <c r="Y14" s="341">
        <v>0</v>
      </c>
      <c r="Z14" s="342">
        <v>0</v>
      </c>
      <c r="AA14" s="343">
        <v>0</v>
      </c>
      <c r="AB14" s="341">
        <v>0</v>
      </c>
      <c r="AC14" s="342">
        <v>902528</v>
      </c>
      <c r="AD14" s="342">
        <v>1031509</v>
      </c>
      <c r="AE14" s="342">
        <v>1051346</v>
      </c>
      <c r="AF14" s="342">
        <v>953446</v>
      </c>
      <c r="AG14" s="342">
        <v>1164785</v>
      </c>
      <c r="AH14" s="343">
        <v>5103614</v>
      </c>
      <c r="AI14" s="345">
        <v>5103614</v>
      </c>
      <c r="AJ14" s="341">
        <v>0</v>
      </c>
      <c r="AK14" s="342">
        <v>0</v>
      </c>
      <c r="AL14" s="343">
        <v>0</v>
      </c>
      <c r="AM14" s="341">
        <v>0</v>
      </c>
      <c r="AN14" s="342">
        <v>0</v>
      </c>
      <c r="AO14" s="342">
        <v>0</v>
      </c>
      <c r="AP14" s="342">
        <v>44220</v>
      </c>
      <c r="AQ14" s="342">
        <v>53230</v>
      </c>
      <c r="AR14" s="342">
        <v>146960</v>
      </c>
      <c r="AS14" s="343">
        <v>244410</v>
      </c>
      <c r="AT14" s="345">
        <v>244410</v>
      </c>
      <c r="AU14" s="341">
        <v>46757</v>
      </c>
      <c r="AV14" s="342">
        <v>115724</v>
      </c>
      <c r="AW14" s="343">
        <v>162481</v>
      </c>
      <c r="AX14" s="341">
        <v>0</v>
      </c>
      <c r="AY14" s="342">
        <v>702501</v>
      </c>
      <c r="AZ14" s="342">
        <v>723824</v>
      </c>
      <c r="BA14" s="342">
        <v>537113</v>
      </c>
      <c r="BB14" s="342">
        <v>683625</v>
      </c>
      <c r="BC14" s="342">
        <v>364143</v>
      </c>
      <c r="BD14" s="343">
        <v>3011206</v>
      </c>
      <c r="BE14" s="345">
        <v>3173687</v>
      </c>
      <c r="BF14" s="341">
        <v>0</v>
      </c>
      <c r="BG14" s="342">
        <v>71931</v>
      </c>
      <c r="BH14" s="346">
        <v>71931</v>
      </c>
      <c r="BI14" s="347">
        <v>0</v>
      </c>
      <c r="BJ14" s="342">
        <v>159647</v>
      </c>
      <c r="BK14" s="342">
        <v>157735</v>
      </c>
      <c r="BL14" s="342">
        <v>64632</v>
      </c>
      <c r="BM14" s="342">
        <v>50703</v>
      </c>
      <c r="BN14" s="342">
        <v>153338</v>
      </c>
      <c r="BO14" s="343">
        <v>586055</v>
      </c>
      <c r="BP14" s="345">
        <v>657986</v>
      </c>
      <c r="BQ14" s="341">
        <v>56686</v>
      </c>
      <c r="BR14" s="342">
        <v>18256</v>
      </c>
      <c r="BS14" s="343">
        <v>74942</v>
      </c>
      <c r="BT14" s="341">
        <v>0</v>
      </c>
      <c r="BU14" s="342">
        <v>317625</v>
      </c>
      <c r="BV14" s="342">
        <v>311626</v>
      </c>
      <c r="BW14" s="342">
        <v>178045</v>
      </c>
      <c r="BX14" s="342">
        <v>252665</v>
      </c>
      <c r="BY14" s="342">
        <v>199822</v>
      </c>
      <c r="BZ14" s="343">
        <v>1259783</v>
      </c>
      <c r="CA14" s="345">
        <v>1334725</v>
      </c>
      <c r="CB14" s="341">
        <v>71751</v>
      </c>
      <c r="CC14" s="342">
        <v>172489</v>
      </c>
      <c r="CD14" s="343">
        <v>244240</v>
      </c>
      <c r="CE14" s="341">
        <v>0</v>
      </c>
      <c r="CF14" s="342">
        <v>1575710</v>
      </c>
      <c r="CG14" s="342">
        <v>1934923</v>
      </c>
      <c r="CH14" s="342">
        <v>1645204</v>
      </c>
      <c r="CI14" s="342">
        <v>954841</v>
      </c>
      <c r="CJ14" s="342">
        <v>565804</v>
      </c>
      <c r="CK14" s="343">
        <v>6676482</v>
      </c>
      <c r="CL14" s="345">
        <v>6920722</v>
      </c>
      <c r="CM14" s="341">
        <v>0</v>
      </c>
      <c r="CN14" s="342">
        <v>0</v>
      </c>
      <c r="CO14" s="343">
        <v>0</v>
      </c>
      <c r="CP14" s="347">
        <v>0</v>
      </c>
      <c r="CQ14" s="342">
        <v>1037461</v>
      </c>
      <c r="CR14" s="342">
        <v>1688180</v>
      </c>
      <c r="CS14" s="342">
        <v>1034977</v>
      </c>
      <c r="CT14" s="342">
        <v>593636</v>
      </c>
      <c r="CU14" s="342">
        <v>402627</v>
      </c>
      <c r="CV14" s="343">
        <v>4756881</v>
      </c>
      <c r="CW14" s="345">
        <v>4756881</v>
      </c>
      <c r="CX14" s="341">
        <v>71751</v>
      </c>
      <c r="CY14" s="342">
        <v>172489</v>
      </c>
      <c r="CZ14" s="343">
        <v>244240</v>
      </c>
      <c r="DA14" s="341">
        <v>0</v>
      </c>
      <c r="DB14" s="342">
        <v>538249</v>
      </c>
      <c r="DC14" s="342">
        <v>246743</v>
      </c>
      <c r="DD14" s="342">
        <v>610227</v>
      </c>
      <c r="DE14" s="342">
        <v>361205</v>
      </c>
      <c r="DF14" s="342">
        <v>163177</v>
      </c>
      <c r="DG14" s="343">
        <v>1919601</v>
      </c>
      <c r="DH14" s="345">
        <v>2163841</v>
      </c>
      <c r="DI14" s="341">
        <v>0</v>
      </c>
      <c r="DJ14" s="342">
        <v>61088</v>
      </c>
      <c r="DK14" s="346">
        <v>61088</v>
      </c>
      <c r="DL14" s="347">
        <v>0</v>
      </c>
      <c r="DM14" s="342">
        <v>185873</v>
      </c>
      <c r="DN14" s="342">
        <v>737765</v>
      </c>
      <c r="DO14" s="342">
        <v>1101522</v>
      </c>
      <c r="DP14" s="342">
        <v>549226</v>
      </c>
      <c r="DQ14" s="342">
        <v>616363</v>
      </c>
      <c r="DR14" s="343">
        <v>3190749</v>
      </c>
      <c r="DS14" s="345">
        <v>3251837</v>
      </c>
      <c r="DT14" s="341">
        <v>0</v>
      </c>
      <c r="DU14" s="342">
        <v>61088</v>
      </c>
      <c r="DV14" s="343">
        <v>61088</v>
      </c>
      <c r="DW14" s="341">
        <v>0</v>
      </c>
      <c r="DX14" s="342">
        <v>185873</v>
      </c>
      <c r="DY14" s="342">
        <v>614413</v>
      </c>
      <c r="DZ14" s="342">
        <v>1019851</v>
      </c>
      <c r="EA14" s="342">
        <v>403315</v>
      </c>
      <c r="EB14" s="342">
        <v>616363</v>
      </c>
      <c r="EC14" s="343">
        <v>2839815</v>
      </c>
      <c r="ED14" s="345">
        <v>2900903</v>
      </c>
      <c r="EE14" s="341">
        <v>0</v>
      </c>
      <c r="EF14" s="346">
        <v>0</v>
      </c>
      <c r="EG14" s="343">
        <v>0</v>
      </c>
      <c r="EH14" s="341">
        <v>0</v>
      </c>
      <c r="EI14" s="342">
        <v>0</v>
      </c>
      <c r="EJ14" s="342">
        <v>123352</v>
      </c>
      <c r="EK14" s="342">
        <v>81671</v>
      </c>
      <c r="EL14" s="342">
        <v>145911</v>
      </c>
      <c r="EM14" s="342">
        <v>0</v>
      </c>
      <c r="EN14" s="346">
        <v>350934</v>
      </c>
      <c r="EO14" s="345">
        <v>350934</v>
      </c>
      <c r="EP14" s="341">
        <v>0</v>
      </c>
      <c r="EQ14" s="342">
        <v>0</v>
      </c>
      <c r="ER14" s="346">
        <v>0</v>
      </c>
      <c r="ES14" s="347">
        <v>0</v>
      </c>
      <c r="ET14" s="342">
        <v>0</v>
      </c>
      <c r="EU14" s="342">
        <v>0</v>
      </c>
      <c r="EV14" s="342">
        <v>0</v>
      </c>
      <c r="EW14" s="342">
        <v>0</v>
      </c>
      <c r="EX14" s="342">
        <v>0</v>
      </c>
      <c r="EY14" s="343">
        <v>0</v>
      </c>
      <c r="EZ14" s="345">
        <v>0</v>
      </c>
      <c r="FA14" s="341">
        <v>0</v>
      </c>
      <c r="FB14" s="342">
        <v>0</v>
      </c>
      <c r="FC14" s="346">
        <v>0</v>
      </c>
      <c r="FD14" s="436">
        <v>0</v>
      </c>
      <c r="FE14" s="342">
        <v>0</v>
      </c>
      <c r="FF14" s="342">
        <v>0</v>
      </c>
      <c r="FG14" s="342">
        <v>0</v>
      </c>
      <c r="FH14" s="342">
        <v>0</v>
      </c>
      <c r="FI14" s="342">
        <v>0</v>
      </c>
      <c r="FJ14" s="343">
        <v>0</v>
      </c>
      <c r="FK14" s="345">
        <v>0</v>
      </c>
      <c r="FL14" s="341">
        <v>331197</v>
      </c>
      <c r="FM14" s="342">
        <v>96201</v>
      </c>
      <c r="FN14" s="343">
        <v>427398</v>
      </c>
      <c r="FO14" s="341">
        <v>0</v>
      </c>
      <c r="FP14" s="342">
        <v>465295</v>
      </c>
      <c r="FQ14" s="342">
        <v>1066821</v>
      </c>
      <c r="FR14" s="342">
        <v>506660</v>
      </c>
      <c r="FS14" s="342">
        <v>567497</v>
      </c>
      <c r="FT14" s="342">
        <v>343294</v>
      </c>
      <c r="FU14" s="343">
        <v>2949567</v>
      </c>
      <c r="FV14" s="345">
        <v>3376965</v>
      </c>
      <c r="FW14" s="348">
        <v>98458</v>
      </c>
      <c r="FX14" s="342">
        <v>74431</v>
      </c>
      <c r="FY14" s="346">
        <v>172889</v>
      </c>
      <c r="FZ14" s="347">
        <v>0</v>
      </c>
      <c r="GA14" s="342">
        <v>297575</v>
      </c>
      <c r="GB14" s="342">
        <v>630476</v>
      </c>
      <c r="GC14" s="342">
        <v>469805</v>
      </c>
      <c r="GD14" s="342">
        <v>497497</v>
      </c>
      <c r="GE14" s="342">
        <v>317884</v>
      </c>
      <c r="GF14" s="343">
        <v>2213237</v>
      </c>
      <c r="GG14" s="349">
        <v>2386126</v>
      </c>
      <c r="GH14" s="348">
        <v>20289</v>
      </c>
      <c r="GI14" s="342">
        <v>21770</v>
      </c>
      <c r="GJ14" s="346">
        <v>42059</v>
      </c>
      <c r="GK14" s="347">
        <v>0</v>
      </c>
      <c r="GL14" s="342">
        <v>27720</v>
      </c>
      <c r="GM14" s="342">
        <v>87521</v>
      </c>
      <c r="GN14" s="342">
        <v>36855</v>
      </c>
      <c r="GO14" s="342">
        <v>70000</v>
      </c>
      <c r="GP14" s="342">
        <v>25410</v>
      </c>
      <c r="GQ14" s="343">
        <v>247506</v>
      </c>
      <c r="GR14" s="345">
        <v>289565</v>
      </c>
      <c r="GS14" s="341">
        <v>212450</v>
      </c>
      <c r="GT14" s="342">
        <v>0</v>
      </c>
      <c r="GU14" s="343">
        <v>212450</v>
      </c>
      <c r="GV14" s="341">
        <v>0</v>
      </c>
      <c r="GW14" s="342">
        <v>140000</v>
      </c>
      <c r="GX14" s="342">
        <v>348824</v>
      </c>
      <c r="GY14" s="342">
        <v>0</v>
      </c>
      <c r="GZ14" s="342">
        <v>0</v>
      </c>
      <c r="HA14" s="342">
        <v>0</v>
      </c>
      <c r="HB14" s="346">
        <v>488824</v>
      </c>
      <c r="HC14" s="345">
        <v>701274</v>
      </c>
      <c r="HD14" s="341">
        <v>272816</v>
      </c>
      <c r="HE14" s="342">
        <v>231859</v>
      </c>
      <c r="HF14" s="346">
        <v>504675</v>
      </c>
      <c r="HG14" s="347">
        <v>0</v>
      </c>
      <c r="HH14" s="342">
        <v>2013409</v>
      </c>
      <c r="HI14" s="342">
        <v>1608796</v>
      </c>
      <c r="HJ14" s="342">
        <v>1449099</v>
      </c>
      <c r="HK14" s="342">
        <v>1823680</v>
      </c>
      <c r="HL14" s="342">
        <v>719763</v>
      </c>
      <c r="HM14" s="343">
        <v>7614747</v>
      </c>
      <c r="HN14" s="344">
        <v>8119422</v>
      </c>
      <c r="HO14" s="348">
        <v>0</v>
      </c>
      <c r="HP14" s="342">
        <v>0</v>
      </c>
      <c r="HQ14" s="343">
        <v>0</v>
      </c>
      <c r="HR14" s="341">
        <v>0</v>
      </c>
      <c r="HS14" s="342">
        <v>0</v>
      </c>
      <c r="HT14" s="342">
        <v>0</v>
      </c>
      <c r="HU14" s="342">
        <v>0</v>
      </c>
      <c r="HV14" s="342">
        <v>0</v>
      </c>
      <c r="HW14" s="342">
        <v>0</v>
      </c>
      <c r="HX14" s="346">
        <v>0</v>
      </c>
      <c r="HY14" s="345">
        <v>0</v>
      </c>
      <c r="HZ14" s="350">
        <v>0</v>
      </c>
      <c r="IA14" s="351">
        <v>0</v>
      </c>
      <c r="IB14" s="352">
        <v>0</v>
      </c>
      <c r="IC14" s="370">
        <v>0</v>
      </c>
      <c r="ID14" s="371">
        <v>1397279</v>
      </c>
      <c r="IE14" s="372">
        <v>1660561</v>
      </c>
      <c r="IF14" s="373">
        <v>1616784</v>
      </c>
      <c r="IG14" s="371">
        <v>1728064</v>
      </c>
      <c r="IH14" s="373">
        <v>324038</v>
      </c>
      <c r="II14" s="374">
        <v>6726726</v>
      </c>
      <c r="IJ14" s="356">
        <v>6726726</v>
      </c>
      <c r="IK14" s="357">
        <v>0</v>
      </c>
      <c r="IL14" s="358">
        <v>0</v>
      </c>
      <c r="IM14" s="359">
        <v>0</v>
      </c>
      <c r="IN14" s="436">
        <v>0</v>
      </c>
      <c r="IO14" s="360">
        <v>0</v>
      </c>
      <c r="IP14" s="360">
        <v>0</v>
      </c>
      <c r="IQ14" s="360">
        <v>0</v>
      </c>
      <c r="IR14" s="360">
        <v>196619</v>
      </c>
      <c r="IS14" s="360">
        <v>0</v>
      </c>
      <c r="IT14" s="361">
        <v>196619</v>
      </c>
      <c r="IU14" s="362">
        <v>196619</v>
      </c>
      <c r="IV14" s="363">
        <v>0</v>
      </c>
      <c r="IW14" s="360">
        <v>0</v>
      </c>
      <c r="IX14" s="364">
        <v>0</v>
      </c>
      <c r="IY14" s="436">
        <v>0</v>
      </c>
      <c r="IZ14" s="360">
        <v>0</v>
      </c>
      <c r="JA14" s="360">
        <v>0</v>
      </c>
      <c r="JB14" s="360">
        <v>0</v>
      </c>
      <c r="JC14" s="360">
        <v>0</v>
      </c>
      <c r="JD14" s="360">
        <v>0</v>
      </c>
      <c r="JE14" s="364">
        <v>0</v>
      </c>
      <c r="JF14" s="365">
        <v>0</v>
      </c>
      <c r="JG14" s="363">
        <v>0</v>
      </c>
      <c r="JH14" s="360">
        <v>0</v>
      </c>
      <c r="JI14" s="361">
        <v>0</v>
      </c>
      <c r="JJ14" s="366">
        <v>0</v>
      </c>
      <c r="JK14" s="360">
        <v>1274755</v>
      </c>
      <c r="JL14" s="360">
        <v>846617</v>
      </c>
      <c r="JM14" s="360">
        <v>279427</v>
      </c>
      <c r="JN14" s="360">
        <v>214392</v>
      </c>
      <c r="JO14" s="360">
        <v>131552</v>
      </c>
      <c r="JP14" s="364">
        <v>2746743</v>
      </c>
      <c r="JQ14" s="362">
        <v>2746743</v>
      </c>
      <c r="JR14" s="363">
        <v>0</v>
      </c>
      <c r="JS14" s="360">
        <v>0</v>
      </c>
      <c r="JT14" s="361">
        <v>0</v>
      </c>
      <c r="JU14" s="366">
        <v>0</v>
      </c>
      <c r="JV14" s="360">
        <v>0</v>
      </c>
      <c r="JW14" s="360">
        <v>0</v>
      </c>
      <c r="JX14" s="360">
        <v>0</v>
      </c>
      <c r="JY14" s="360">
        <v>0</v>
      </c>
      <c r="JZ14" s="360">
        <v>0</v>
      </c>
      <c r="KA14" s="364">
        <v>0</v>
      </c>
      <c r="KB14" s="362">
        <v>0</v>
      </c>
      <c r="KC14" s="367">
        <v>0</v>
      </c>
      <c r="KD14" s="368">
        <v>0</v>
      </c>
      <c r="KE14" s="364">
        <v>0</v>
      </c>
      <c r="KF14" s="366">
        <v>0</v>
      </c>
      <c r="KG14" s="360">
        <v>340</v>
      </c>
      <c r="KH14" s="360">
        <v>0</v>
      </c>
      <c r="KI14" s="360">
        <v>916702</v>
      </c>
      <c r="KJ14" s="360">
        <v>246199</v>
      </c>
      <c r="KK14" s="360">
        <v>0</v>
      </c>
      <c r="KL14" s="364">
        <v>1163241</v>
      </c>
      <c r="KM14" s="369">
        <v>1163241</v>
      </c>
      <c r="KN14" s="357">
        <v>0</v>
      </c>
      <c r="KO14" s="358">
        <v>0</v>
      </c>
      <c r="KP14" s="359">
        <v>0</v>
      </c>
      <c r="KQ14" s="436">
        <v>0</v>
      </c>
      <c r="KR14" s="360">
        <v>0</v>
      </c>
      <c r="KS14" s="360">
        <v>813944</v>
      </c>
      <c r="KT14" s="360">
        <v>420655</v>
      </c>
      <c r="KU14" s="360">
        <v>427904</v>
      </c>
      <c r="KV14" s="360">
        <v>0</v>
      </c>
      <c r="KW14" s="364">
        <v>1662503</v>
      </c>
      <c r="KX14" s="362">
        <v>1662503</v>
      </c>
      <c r="KY14" s="363">
        <v>0</v>
      </c>
      <c r="KZ14" s="360">
        <v>0</v>
      </c>
      <c r="LA14" s="364">
        <v>0</v>
      </c>
      <c r="LB14" s="436">
        <v>0</v>
      </c>
      <c r="LC14" s="360">
        <v>0</v>
      </c>
      <c r="LD14" s="360">
        <v>0</v>
      </c>
      <c r="LE14" s="360">
        <v>0</v>
      </c>
      <c r="LF14" s="360">
        <v>180014</v>
      </c>
      <c r="LG14" s="360">
        <v>192486</v>
      </c>
      <c r="LH14" s="364">
        <v>372500</v>
      </c>
      <c r="LI14" s="365">
        <v>372500</v>
      </c>
      <c r="LJ14" s="363">
        <v>0</v>
      </c>
      <c r="LK14" s="360">
        <v>0</v>
      </c>
      <c r="LL14" s="364">
        <v>0</v>
      </c>
      <c r="LM14" s="436">
        <v>0</v>
      </c>
      <c r="LN14" s="360">
        <v>0</v>
      </c>
      <c r="LO14" s="360">
        <v>0</v>
      </c>
      <c r="LP14" s="360">
        <v>0</v>
      </c>
      <c r="LQ14" s="360">
        <v>462936</v>
      </c>
      <c r="LR14" s="360">
        <v>0</v>
      </c>
      <c r="LS14" s="364">
        <v>462936</v>
      </c>
      <c r="LT14" s="362">
        <v>462936</v>
      </c>
      <c r="LU14" s="363">
        <v>0</v>
      </c>
      <c r="LV14" s="360">
        <v>0</v>
      </c>
      <c r="LW14" s="364">
        <v>0</v>
      </c>
      <c r="LX14" s="436">
        <v>0</v>
      </c>
      <c r="LY14" s="360">
        <v>122184</v>
      </c>
      <c r="LZ14" s="360">
        <v>0</v>
      </c>
      <c r="MA14" s="360">
        <v>0</v>
      </c>
      <c r="MB14" s="360">
        <v>0</v>
      </c>
      <c r="MC14" s="360">
        <v>0</v>
      </c>
      <c r="MD14" s="364">
        <v>122184</v>
      </c>
      <c r="ME14" s="365">
        <v>122184</v>
      </c>
      <c r="MF14" s="363">
        <v>0</v>
      </c>
      <c r="MG14" s="360">
        <v>0</v>
      </c>
      <c r="MH14" s="364">
        <v>0</v>
      </c>
      <c r="MI14" s="436">
        <v>0</v>
      </c>
      <c r="MJ14" s="360">
        <v>435051</v>
      </c>
      <c r="MK14" s="360">
        <v>1056460</v>
      </c>
      <c r="ML14" s="360">
        <v>2711632</v>
      </c>
      <c r="MM14" s="360">
        <v>2786179</v>
      </c>
      <c r="MN14" s="360">
        <v>1232869</v>
      </c>
      <c r="MO14" s="364">
        <v>8222191</v>
      </c>
      <c r="MP14" s="369">
        <v>8222191</v>
      </c>
      <c r="MQ14" s="363">
        <v>0</v>
      </c>
      <c r="MR14" s="360">
        <v>0</v>
      </c>
      <c r="MS14" s="364">
        <v>0</v>
      </c>
      <c r="MT14" s="436">
        <v>0</v>
      </c>
      <c r="MU14" s="360">
        <v>0</v>
      </c>
      <c r="MV14" s="360">
        <v>195266</v>
      </c>
      <c r="MW14" s="360">
        <v>1198386</v>
      </c>
      <c r="MX14" s="360">
        <v>1514807</v>
      </c>
      <c r="MY14" s="360">
        <v>973239</v>
      </c>
      <c r="MZ14" s="364">
        <v>3881698</v>
      </c>
      <c r="NA14" s="369">
        <v>3881698</v>
      </c>
      <c r="NB14" s="363">
        <v>0</v>
      </c>
      <c r="NC14" s="360">
        <v>0</v>
      </c>
      <c r="ND14" s="364">
        <v>0</v>
      </c>
      <c r="NE14" s="436">
        <v>0</v>
      </c>
      <c r="NF14" s="360">
        <v>435051</v>
      </c>
      <c r="NG14" s="360">
        <v>641779</v>
      </c>
      <c r="NH14" s="360">
        <v>1513246</v>
      </c>
      <c r="NI14" s="360">
        <v>1271372</v>
      </c>
      <c r="NJ14" s="360">
        <v>259630</v>
      </c>
      <c r="NK14" s="364">
        <v>4121078</v>
      </c>
      <c r="NL14" s="362">
        <v>4121078</v>
      </c>
      <c r="NM14" s="363">
        <v>0</v>
      </c>
      <c r="NN14" s="360">
        <v>0</v>
      </c>
      <c r="NO14" s="364">
        <v>0</v>
      </c>
      <c r="NP14" s="436">
        <v>0</v>
      </c>
      <c r="NQ14" s="360">
        <v>0</v>
      </c>
      <c r="NR14" s="360">
        <v>0</v>
      </c>
      <c r="NS14" s="360">
        <v>0</v>
      </c>
      <c r="NT14" s="360">
        <v>0</v>
      </c>
      <c r="NU14" s="360">
        <v>0</v>
      </c>
      <c r="NV14" s="364">
        <v>0</v>
      </c>
      <c r="NW14" s="365">
        <v>0</v>
      </c>
      <c r="NX14" s="363">
        <v>0</v>
      </c>
      <c r="NY14" s="360">
        <v>0</v>
      </c>
      <c r="NZ14" s="364">
        <v>0</v>
      </c>
      <c r="OA14" s="436">
        <v>0</v>
      </c>
      <c r="OB14" s="360">
        <v>0</v>
      </c>
      <c r="OC14" s="360">
        <v>219415</v>
      </c>
      <c r="OD14" s="360">
        <v>0</v>
      </c>
      <c r="OE14" s="360">
        <v>0</v>
      </c>
      <c r="OF14" s="360">
        <v>0</v>
      </c>
      <c r="OG14" s="364">
        <v>219415</v>
      </c>
      <c r="OH14" s="365">
        <v>219415</v>
      </c>
      <c r="OI14" s="363">
        <v>779207</v>
      </c>
      <c r="OJ14" s="360">
        <v>767548</v>
      </c>
      <c r="OK14" s="361">
        <v>1546755</v>
      </c>
      <c r="OL14" s="366">
        <v>0</v>
      </c>
      <c r="OM14" s="360">
        <v>8154918</v>
      </c>
      <c r="ON14" s="360">
        <v>10290020</v>
      </c>
      <c r="OO14" s="360">
        <v>10906257</v>
      </c>
      <c r="OP14" s="360">
        <v>10403156</v>
      </c>
      <c r="OQ14" s="360">
        <v>5831179</v>
      </c>
      <c r="OR14" s="364">
        <v>45585530</v>
      </c>
      <c r="OS14" s="369">
        <v>47132285</v>
      </c>
    </row>
    <row r="15" spans="2:409" s="137" customFormat="1" ht="21" customHeight="1" x14ac:dyDescent="0.2">
      <c r="B15" s="421" t="s">
        <v>9</v>
      </c>
      <c r="C15" s="341">
        <v>1601102</v>
      </c>
      <c r="D15" s="342">
        <v>1725563</v>
      </c>
      <c r="E15" s="343">
        <v>3326665</v>
      </c>
      <c r="F15" s="347">
        <v>0</v>
      </c>
      <c r="G15" s="342">
        <v>12658989</v>
      </c>
      <c r="H15" s="342">
        <v>11691173</v>
      </c>
      <c r="I15" s="342">
        <v>15368699</v>
      </c>
      <c r="J15" s="342">
        <v>10768725</v>
      </c>
      <c r="K15" s="342">
        <v>8589024</v>
      </c>
      <c r="L15" s="344">
        <v>59076610</v>
      </c>
      <c r="M15" s="345">
        <v>62403275</v>
      </c>
      <c r="N15" s="341">
        <v>477403</v>
      </c>
      <c r="O15" s="342">
        <v>511501</v>
      </c>
      <c r="P15" s="343">
        <v>988904</v>
      </c>
      <c r="Q15" s="341">
        <v>0</v>
      </c>
      <c r="R15" s="342">
        <v>4404287</v>
      </c>
      <c r="S15" s="342">
        <v>4037028</v>
      </c>
      <c r="T15" s="342">
        <v>5563544</v>
      </c>
      <c r="U15" s="342">
        <v>3850537</v>
      </c>
      <c r="V15" s="342">
        <v>5342205</v>
      </c>
      <c r="W15" s="343">
        <v>23197601</v>
      </c>
      <c r="X15" s="345">
        <v>24186505</v>
      </c>
      <c r="Y15" s="341">
        <v>0</v>
      </c>
      <c r="Z15" s="342">
        <v>0</v>
      </c>
      <c r="AA15" s="343">
        <v>0</v>
      </c>
      <c r="AB15" s="341">
        <v>0</v>
      </c>
      <c r="AC15" s="342">
        <v>1909834</v>
      </c>
      <c r="AD15" s="342">
        <v>1376496</v>
      </c>
      <c r="AE15" s="342">
        <v>3106647</v>
      </c>
      <c r="AF15" s="342">
        <v>1464323</v>
      </c>
      <c r="AG15" s="342">
        <v>2988347</v>
      </c>
      <c r="AH15" s="343">
        <v>10845647</v>
      </c>
      <c r="AI15" s="345">
        <v>10845647</v>
      </c>
      <c r="AJ15" s="341">
        <v>0</v>
      </c>
      <c r="AK15" s="342">
        <v>0</v>
      </c>
      <c r="AL15" s="343">
        <v>0</v>
      </c>
      <c r="AM15" s="341">
        <v>0</v>
      </c>
      <c r="AN15" s="342">
        <v>42256</v>
      </c>
      <c r="AO15" s="342">
        <v>0</v>
      </c>
      <c r="AP15" s="342">
        <v>247689</v>
      </c>
      <c r="AQ15" s="342">
        <v>492868</v>
      </c>
      <c r="AR15" s="342">
        <v>762470</v>
      </c>
      <c r="AS15" s="343">
        <v>1545283</v>
      </c>
      <c r="AT15" s="345">
        <v>1545283</v>
      </c>
      <c r="AU15" s="341">
        <v>284989</v>
      </c>
      <c r="AV15" s="342">
        <v>354031</v>
      </c>
      <c r="AW15" s="343">
        <v>639020</v>
      </c>
      <c r="AX15" s="341">
        <v>0</v>
      </c>
      <c r="AY15" s="342">
        <v>1765089</v>
      </c>
      <c r="AZ15" s="342">
        <v>1713433</v>
      </c>
      <c r="BA15" s="342">
        <v>1139394</v>
      </c>
      <c r="BB15" s="342">
        <v>959310</v>
      </c>
      <c r="BC15" s="342">
        <v>1076364</v>
      </c>
      <c r="BD15" s="343">
        <v>6653590</v>
      </c>
      <c r="BE15" s="345">
        <v>7292610</v>
      </c>
      <c r="BF15" s="341">
        <v>18982</v>
      </c>
      <c r="BG15" s="342">
        <v>60933</v>
      </c>
      <c r="BH15" s="346">
        <v>79915</v>
      </c>
      <c r="BI15" s="347">
        <v>0</v>
      </c>
      <c r="BJ15" s="342">
        <v>71136</v>
      </c>
      <c r="BK15" s="342">
        <v>220093</v>
      </c>
      <c r="BL15" s="342">
        <v>259276</v>
      </c>
      <c r="BM15" s="342">
        <v>174410</v>
      </c>
      <c r="BN15" s="342">
        <v>40410</v>
      </c>
      <c r="BO15" s="343">
        <v>765325</v>
      </c>
      <c r="BP15" s="345">
        <v>845240</v>
      </c>
      <c r="BQ15" s="341">
        <v>173432</v>
      </c>
      <c r="BR15" s="342">
        <v>96537</v>
      </c>
      <c r="BS15" s="343">
        <v>269969</v>
      </c>
      <c r="BT15" s="341">
        <v>0</v>
      </c>
      <c r="BU15" s="342">
        <v>615972</v>
      </c>
      <c r="BV15" s="342">
        <v>727006</v>
      </c>
      <c r="BW15" s="342">
        <v>810538</v>
      </c>
      <c r="BX15" s="342">
        <v>759626</v>
      </c>
      <c r="BY15" s="342">
        <v>474614</v>
      </c>
      <c r="BZ15" s="343">
        <v>3387756</v>
      </c>
      <c r="CA15" s="345">
        <v>3657725</v>
      </c>
      <c r="CB15" s="341">
        <v>129484</v>
      </c>
      <c r="CC15" s="342">
        <v>240540</v>
      </c>
      <c r="CD15" s="343">
        <v>370024</v>
      </c>
      <c r="CE15" s="341">
        <v>0</v>
      </c>
      <c r="CF15" s="342">
        <v>2991858</v>
      </c>
      <c r="CG15" s="342">
        <v>2040438</v>
      </c>
      <c r="CH15" s="342">
        <v>2517430</v>
      </c>
      <c r="CI15" s="342">
        <v>1328283</v>
      </c>
      <c r="CJ15" s="342">
        <v>394667</v>
      </c>
      <c r="CK15" s="343">
        <v>9272676</v>
      </c>
      <c r="CL15" s="345">
        <v>9642700</v>
      </c>
      <c r="CM15" s="341">
        <v>0</v>
      </c>
      <c r="CN15" s="342">
        <v>0</v>
      </c>
      <c r="CO15" s="343">
        <v>0</v>
      </c>
      <c r="CP15" s="347">
        <v>0</v>
      </c>
      <c r="CQ15" s="342">
        <v>2364628</v>
      </c>
      <c r="CR15" s="342">
        <v>1166738</v>
      </c>
      <c r="CS15" s="342">
        <v>1899490</v>
      </c>
      <c r="CT15" s="342">
        <v>944842</v>
      </c>
      <c r="CU15" s="342">
        <v>315111</v>
      </c>
      <c r="CV15" s="343">
        <v>6690809</v>
      </c>
      <c r="CW15" s="345">
        <v>6690809</v>
      </c>
      <c r="CX15" s="341">
        <v>129484</v>
      </c>
      <c r="CY15" s="342">
        <v>240540</v>
      </c>
      <c r="CZ15" s="343">
        <v>370024</v>
      </c>
      <c r="DA15" s="341">
        <v>0</v>
      </c>
      <c r="DB15" s="342">
        <v>627230</v>
      </c>
      <c r="DC15" s="342">
        <v>873700</v>
      </c>
      <c r="DD15" s="342">
        <v>617940</v>
      </c>
      <c r="DE15" s="342">
        <v>383441</v>
      </c>
      <c r="DF15" s="342">
        <v>79556</v>
      </c>
      <c r="DG15" s="343">
        <v>2581867</v>
      </c>
      <c r="DH15" s="345">
        <v>2951891</v>
      </c>
      <c r="DI15" s="341">
        <v>0</v>
      </c>
      <c r="DJ15" s="342">
        <v>0</v>
      </c>
      <c r="DK15" s="346">
        <v>0</v>
      </c>
      <c r="DL15" s="347">
        <v>0</v>
      </c>
      <c r="DM15" s="342">
        <v>596855</v>
      </c>
      <c r="DN15" s="342">
        <v>312048</v>
      </c>
      <c r="DO15" s="342">
        <v>1178677</v>
      </c>
      <c r="DP15" s="342">
        <v>576605</v>
      </c>
      <c r="DQ15" s="342">
        <v>182508</v>
      </c>
      <c r="DR15" s="343">
        <v>2846693</v>
      </c>
      <c r="DS15" s="345">
        <v>2846693</v>
      </c>
      <c r="DT15" s="341">
        <v>0</v>
      </c>
      <c r="DU15" s="342">
        <v>0</v>
      </c>
      <c r="DV15" s="343">
        <v>0</v>
      </c>
      <c r="DW15" s="341">
        <v>0</v>
      </c>
      <c r="DX15" s="342">
        <v>567341</v>
      </c>
      <c r="DY15" s="342">
        <v>312048</v>
      </c>
      <c r="DZ15" s="342">
        <v>785465</v>
      </c>
      <c r="EA15" s="342">
        <v>541915</v>
      </c>
      <c r="EB15" s="342">
        <v>182508</v>
      </c>
      <c r="EC15" s="343">
        <v>2389277</v>
      </c>
      <c r="ED15" s="345">
        <v>2389277</v>
      </c>
      <c r="EE15" s="341">
        <v>0</v>
      </c>
      <c r="EF15" s="346">
        <v>0</v>
      </c>
      <c r="EG15" s="343">
        <v>0</v>
      </c>
      <c r="EH15" s="341">
        <v>0</v>
      </c>
      <c r="EI15" s="342">
        <v>29514</v>
      </c>
      <c r="EJ15" s="342">
        <v>0</v>
      </c>
      <c r="EK15" s="342">
        <v>393212</v>
      </c>
      <c r="EL15" s="342">
        <v>34690</v>
      </c>
      <c r="EM15" s="342">
        <v>0</v>
      </c>
      <c r="EN15" s="346">
        <v>457416</v>
      </c>
      <c r="EO15" s="345">
        <v>457416</v>
      </c>
      <c r="EP15" s="341">
        <v>0</v>
      </c>
      <c r="EQ15" s="342">
        <v>0</v>
      </c>
      <c r="ER15" s="346">
        <v>0</v>
      </c>
      <c r="ES15" s="347">
        <v>0</v>
      </c>
      <c r="ET15" s="342">
        <v>0</v>
      </c>
      <c r="EU15" s="342">
        <v>0</v>
      </c>
      <c r="EV15" s="342">
        <v>0</v>
      </c>
      <c r="EW15" s="342">
        <v>0</v>
      </c>
      <c r="EX15" s="342">
        <v>0</v>
      </c>
      <c r="EY15" s="343">
        <v>0</v>
      </c>
      <c r="EZ15" s="345">
        <v>0</v>
      </c>
      <c r="FA15" s="341">
        <v>0</v>
      </c>
      <c r="FB15" s="342">
        <v>0</v>
      </c>
      <c r="FC15" s="346">
        <v>0</v>
      </c>
      <c r="FD15" s="436">
        <v>0</v>
      </c>
      <c r="FE15" s="342">
        <v>0</v>
      </c>
      <c r="FF15" s="342">
        <v>0</v>
      </c>
      <c r="FG15" s="342">
        <v>0</v>
      </c>
      <c r="FH15" s="342">
        <v>0</v>
      </c>
      <c r="FI15" s="342">
        <v>0</v>
      </c>
      <c r="FJ15" s="343">
        <v>0</v>
      </c>
      <c r="FK15" s="345">
        <v>0</v>
      </c>
      <c r="FL15" s="341">
        <v>159460</v>
      </c>
      <c r="FM15" s="342">
        <v>339598</v>
      </c>
      <c r="FN15" s="343">
        <v>499058</v>
      </c>
      <c r="FO15" s="341">
        <v>0</v>
      </c>
      <c r="FP15" s="342">
        <v>1259866</v>
      </c>
      <c r="FQ15" s="342">
        <v>1544627</v>
      </c>
      <c r="FR15" s="342">
        <v>1213086</v>
      </c>
      <c r="FS15" s="342">
        <v>1090061</v>
      </c>
      <c r="FT15" s="342">
        <v>791245</v>
      </c>
      <c r="FU15" s="343">
        <v>5898885</v>
      </c>
      <c r="FV15" s="345">
        <v>6397943</v>
      </c>
      <c r="FW15" s="348">
        <v>134050</v>
      </c>
      <c r="FX15" s="342">
        <v>164598</v>
      </c>
      <c r="FY15" s="346">
        <v>298648</v>
      </c>
      <c r="FZ15" s="347">
        <v>0</v>
      </c>
      <c r="GA15" s="342">
        <v>1074988</v>
      </c>
      <c r="GB15" s="342">
        <v>1121897</v>
      </c>
      <c r="GC15" s="342">
        <v>996607</v>
      </c>
      <c r="GD15" s="342">
        <v>1032661</v>
      </c>
      <c r="GE15" s="342">
        <v>739809</v>
      </c>
      <c r="GF15" s="343">
        <v>4965962</v>
      </c>
      <c r="GG15" s="349">
        <v>5264610</v>
      </c>
      <c r="GH15" s="348">
        <v>25410</v>
      </c>
      <c r="GI15" s="342">
        <v>0</v>
      </c>
      <c r="GJ15" s="346">
        <v>25410</v>
      </c>
      <c r="GK15" s="347">
        <v>0</v>
      </c>
      <c r="GL15" s="342">
        <v>44878</v>
      </c>
      <c r="GM15" s="342">
        <v>91630</v>
      </c>
      <c r="GN15" s="342">
        <v>127579</v>
      </c>
      <c r="GO15" s="342">
        <v>57400</v>
      </c>
      <c r="GP15" s="342">
        <v>43736</v>
      </c>
      <c r="GQ15" s="343">
        <v>365223</v>
      </c>
      <c r="GR15" s="345">
        <v>390633</v>
      </c>
      <c r="GS15" s="341">
        <v>0</v>
      </c>
      <c r="GT15" s="342">
        <v>175000</v>
      </c>
      <c r="GU15" s="343">
        <v>175000</v>
      </c>
      <c r="GV15" s="341">
        <v>0</v>
      </c>
      <c r="GW15" s="342">
        <v>140000</v>
      </c>
      <c r="GX15" s="342">
        <v>331100</v>
      </c>
      <c r="GY15" s="342">
        <v>88900</v>
      </c>
      <c r="GZ15" s="342">
        <v>0</v>
      </c>
      <c r="HA15" s="342">
        <v>7700</v>
      </c>
      <c r="HB15" s="346">
        <v>567700</v>
      </c>
      <c r="HC15" s="345">
        <v>742700</v>
      </c>
      <c r="HD15" s="341">
        <v>834755</v>
      </c>
      <c r="HE15" s="342">
        <v>633924</v>
      </c>
      <c r="HF15" s="346">
        <v>1468679</v>
      </c>
      <c r="HG15" s="347">
        <v>0</v>
      </c>
      <c r="HH15" s="342">
        <v>3406123</v>
      </c>
      <c r="HI15" s="342">
        <v>3757032</v>
      </c>
      <c r="HJ15" s="342">
        <v>4895962</v>
      </c>
      <c r="HK15" s="342">
        <v>3923239</v>
      </c>
      <c r="HL15" s="342">
        <v>1878399</v>
      </c>
      <c r="HM15" s="343">
        <v>17860755</v>
      </c>
      <c r="HN15" s="344">
        <v>19329434</v>
      </c>
      <c r="HO15" s="348">
        <v>0</v>
      </c>
      <c r="HP15" s="342">
        <v>0</v>
      </c>
      <c r="HQ15" s="343">
        <v>0</v>
      </c>
      <c r="HR15" s="341">
        <v>0</v>
      </c>
      <c r="HS15" s="342">
        <v>0</v>
      </c>
      <c r="HT15" s="342">
        <v>0</v>
      </c>
      <c r="HU15" s="342">
        <v>0</v>
      </c>
      <c r="HV15" s="342">
        <v>0</v>
      </c>
      <c r="HW15" s="342">
        <v>0</v>
      </c>
      <c r="HX15" s="346">
        <v>0</v>
      </c>
      <c r="HY15" s="345">
        <v>0</v>
      </c>
      <c r="HZ15" s="375">
        <v>0</v>
      </c>
      <c r="IA15" s="376">
        <v>68145</v>
      </c>
      <c r="IB15" s="377">
        <v>68145</v>
      </c>
      <c r="IC15" s="353">
        <v>0</v>
      </c>
      <c r="ID15" s="351">
        <v>1695322</v>
      </c>
      <c r="IE15" s="354">
        <v>2046244</v>
      </c>
      <c r="IF15" s="352">
        <v>3480666</v>
      </c>
      <c r="IG15" s="351">
        <v>1388325</v>
      </c>
      <c r="IH15" s="352">
        <v>2616887</v>
      </c>
      <c r="II15" s="355">
        <v>11227444</v>
      </c>
      <c r="IJ15" s="378">
        <v>11295589</v>
      </c>
      <c r="IK15" s="357">
        <v>0</v>
      </c>
      <c r="IL15" s="358">
        <v>0</v>
      </c>
      <c r="IM15" s="359">
        <v>0</v>
      </c>
      <c r="IN15" s="436">
        <v>0</v>
      </c>
      <c r="IO15" s="360">
        <v>0</v>
      </c>
      <c r="IP15" s="360">
        <v>111793</v>
      </c>
      <c r="IQ15" s="360">
        <v>90947</v>
      </c>
      <c r="IR15" s="360">
        <v>215520</v>
      </c>
      <c r="IS15" s="360">
        <v>260066</v>
      </c>
      <c r="IT15" s="361">
        <v>678326</v>
      </c>
      <c r="IU15" s="362">
        <v>678326</v>
      </c>
      <c r="IV15" s="363">
        <v>0</v>
      </c>
      <c r="IW15" s="360">
        <v>0</v>
      </c>
      <c r="IX15" s="364">
        <v>0</v>
      </c>
      <c r="IY15" s="436">
        <v>0</v>
      </c>
      <c r="IZ15" s="360">
        <v>0</v>
      </c>
      <c r="JA15" s="360">
        <v>0</v>
      </c>
      <c r="JB15" s="360">
        <v>0</v>
      </c>
      <c r="JC15" s="360">
        <v>0</v>
      </c>
      <c r="JD15" s="360">
        <v>0</v>
      </c>
      <c r="JE15" s="364">
        <v>0</v>
      </c>
      <c r="JF15" s="365">
        <v>0</v>
      </c>
      <c r="JG15" s="363">
        <v>0</v>
      </c>
      <c r="JH15" s="360">
        <v>0</v>
      </c>
      <c r="JI15" s="361">
        <v>0</v>
      </c>
      <c r="JJ15" s="366">
        <v>0</v>
      </c>
      <c r="JK15" s="360">
        <v>1264291</v>
      </c>
      <c r="JL15" s="360">
        <v>887988</v>
      </c>
      <c r="JM15" s="360">
        <v>1395559</v>
      </c>
      <c r="JN15" s="360">
        <v>420341</v>
      </c>
      <c r="JO15" s="360">
        <v>409898</v>
      </c>
      <c r="JP15" s="364">
        <v>4378077</v>
      </c>
      <c r="JQ15" s="362">
        <v>4378077</v>
      </c>
      <c r="JR15" s="363">
        <v>0</v>
      </c>
      <c r="JS15" s="360">
        <v>0</v>
      </c>
      <c r="JT15" s="361">
        <v>0</v>
      </c>
      <c r="JU15" s="366">
        <v>0</v>
      </c>
      <c r="JV15" s="360">
        <v>0</v>
      </c>
      <c r="JW15" s="360">
        <v>39784</v>
      </c>
      <c r="JX15" s="360">
        <v>0</v>
      </c>
      <c r="JY15" s="360">
        <v>0</v>
      </c>
      <c r="JZ15" s="360">
        <v>0</v>
      </c>
      <c r="KA15" s="364">
        <v>39784</v>
      </c>
      <c r="KB15" s="362">
        <v>39784</v>
      </c>
      <c r="KC15" s="367">
        <v>0</v>
      </c>
      <c r="KD15" s="368">
        <v>68145</v>
      </c>
      <c r="KE15" s="364">
        <v>68145</v>
      </c>
      <c r="KF15" s="366">
        <v>0</v>
      </c>
      <c r="KG15" s="360">
        <v>431031</v>
      </c>
      <c r="KH15" s="360">
        <v>0</v>
      </c>
      <c r="KI15" s="360">
        <v>380337</v>
      </c>
      <c r="KJ15" s="360">
        <v>0</v>
      </c>
      <c r="KK15" s="360">
        <v>962162</v>
      </c>
      <c r="KL15" s="364">
        <v>1773530</v>
      </c>
      <c r="KM15" s="369">
        <v>1841675</v>
      </c>
      <c r="KN15" s="357">
        <v>0</v>
      </c>
      <c r="KO15" s="358">
        <v>0</v>
      </c>
      <c r="KP15" s="359">
        <v>0</v>
      </c>
      <c r="KQ15" s="436">
        <v>0</v>
      </c>
      <c r="KR15" s="360">
        <v>0</v>
      </c>
      <c r="KS15" s="360">
        <v>416352</v>
      </c>
      <c r="KT15" s="360">
        <v>1269092</v>
      </c>
      <c r="KU15" s="360">
        <v>752464</v>
      </c>
      <c r="KV15" s="360">
        <v>0</v>
      </c>
      <c r="KW15" s="364">
        <v>2437908</v>
      </c>
      <c r="KX15" s="362">
        <v>2437908</v>
      </c>
      <c r="KY15" s="363">
        <v>0</v>
      </c>
      <c r="KZ15" s="360">
        <v>0</v>
      </c>
      <c r="LA15" s="364">
        <v>0</v>
      </c>
      <c r="LB15" s="436">
        <v>0</v>
      </c>
      <c r="LC15" s="360">
        <v>0</v>
      </c>
      <c r="LD15" s="360">
        <v>309915</v>
      </c>
      <c r="LE15" s="360">
        <v>344731</v>
      </c>
      <c r="LF15" s="360">
        <v>0</v>
      </c>
      <c r="LG15" s="360">
        <v>411396</v>
      </c>
      <c r="LH15" s="364">
        <v>1066042</v>
      </c>
      <c r="LI15" s="365">
        <v>1066042</v>
      </c>
      <c r="LJ15" s="363">
        <v>0</v>
      </c>
      <c r="LK15" s="360">
        <v>0</v>
      </c>
      <c r="LL15" s="364">
        <v>0</v>
      </c>
      <c r="LM15" s="436">
        <v>0</v>
      </c>
      <c r="LN15" s="360">
        <v>0</v>
      </c>
      <c r="LO15" s="360">
        <v>0</v>
      </c>
      <c r="LP15" s="360">
        <v>0</v>
      </c>
      <c r="LQ15" s="360">
        <v>0</v>
      </c>
      <c r="LR15" s="360">
        <v>0</v>
      </c>
      <c r="LS15" s="364">
        <v>0</v>
      </c>
      <c r="LT15" s="362">
        <v>0</v>
      </c>
      <c r="LU15" s="363">
        <v>0</v>
      </c>
      <c r="LV15" s="360">
        <v>0</v>
      </c>
      <c r="LW15" s="364">
        <v>0</v>
      </c>
      <c r="LX15" s="436">
        <v>0</v>
      </c>
      <c r="LY15" s="360">
        <v>0</v>
      </c>
      <c r="LZ15" s="360">
        <v>280412</v>
      </c>
      <c r="MA15" s="360">
        <v>0</v>
      </c>
      <c r="MB15" s="360">
        <v>0</v>
      </c>
      <c r="MC15" s="360">
        <v>573365</v>
      </c>
      <c r="MD15" s="364">
        <v>853777</v>
      </c>
      <c r="ME15" s="365">
        <v>853777</v>
      </c>
      <c r="MF15" s="363">
        <v>0</v>
      </c>
      <c r="MG15" s="360">
        <v>0</v>
      </c>
      <c r="MH15" s="364">
        <v>0</v>
      </c>
      <c r="MI15" s="436">
        <v>0</v>
      </c>
      <c r="MJ15" s="360">
        <v>386007</v>
      </c>
      <c r="MK15" s="360">
        <v>1427177</v>
      </c>
      <c r="ML15" s="360">
        <v>2799755</v>
      </c>
      <c r="MM15" s="360">
        <v>5349421</v>
      </c>
      <c r="MN15" s="360">
        <v>4474222</v>
      </c>
      <c r="MO15" s="364">
        <v>14436582</v>
      </c>
      <c r="MP15" s="369">
        <v>14436582</v>
      </c>
      <c r="MQ15" s="363">
        <v>0</v>
      </c>
      <c r="MR15" s="360">
        <v>0</v>
      </c>
      <c r="MS15" s="364">
        <v>0</v>
      </c>
      <c r="MT15" s="436">
        <v>0</v>
      </c>
      <c r="MU15" s="360">
        <v>184679</v>
      </c>
      <c r="MV15" s="360">
        <v>0</v>
      </c>
      <c r="MW15" s="360">
        <v>814619</v>
      </c>
      <c r="MX15" s="360">
        <v>3622566</v>
      </c>
      <c r="MY15" s="360">
        <v>2916912</v>
      </c>
      <c r="MZ15" s="364">
        <v>7538776</v>
      </c>
      <c r="NA15" s="369">
        <v>7538776</v>
      </c>
      <c r="NB15" s="363">
        <v>0</v>
      </c>
      <c r="NC15" s="360">
        <v>0</v>
      </c>
      <c r="ND15" s="364">
        <v>0</v>
      </c>
      <c r="NE15" s="436">
        <v>0</v>
      </c>
      <c r="NF15" s="360">
        <v>201328</v>
      </c>
      <c r="NG15" s="360">
        <v>1427177</v>
      </c>
      <c r="NH15" s="360">
        <v>1985136</v>
      </c>
      <c r="NI15" s="360">
        <v>1726855</v>
      </c>
      <c r="NJ15" s="360">
        <v>1557310</v>
      </c>
      <c r="NK15" s="364">
        <v>6897806</v>
      </c>
      <c r="NL15" s="362">
        <v>6897806</v>
      </c>
      <c r="NM15" s="363">
        <v>0</v>
      </c>
      <c r="NN15" s="360">
        <v>0</v>
      </c>
      <c r="NO15" s="364">
        <v>0</v>
      </c>
      <c r="NP15" s="436">
        <v>0</v>
      </c>
      <c r="NQ15" s="360">
        <v>0</v>
      </c>
      <c r="NR15" s="360">
        <v>0</v>
      </c>
      <c r="NS15" s="360">
        <v>0</v>
      </c>
      <c r="NT15" s="360">
        <v>0</v>
      </c>
      <c r="NU15" s="360">
        <v>0</v>
      </c>
      <c r="NV15" s="364">
        <v>0</v>
      </c>
      <c r="NW15" s="365">
        <v>0</v>
      </c>
      <c r="NX15" s="363">
        <v>0</v>
      </c>
      <c r="NY15" s="360">
        <v>0</v>
      </c>
      <c r="NZ15" s="364">
        <v>0</v>
      </c>
      <c r="OA15" s="436">
        <v>0</v>
      </c>
      <c r="OB15" s="360">
        <v>0</v>
      </c>
      <c r="OC15" s="360">
        <v>0</v>
      </c>
      <c r="OD15" s="360">
        <v>0</v>
      </c>
      <c r="OE15" s="360">
        <v>0</v>
      </c>
      <c r="OF15" s="360">
        <v>0</v>
      </c>
      <c r="OG15" s="364">
        <v>0</v>
      </c>
      <c r="OH15" s="365">
        <v>0</v>
      </c>
      <c r="OI15" s="363">
        <v>1601102</v>
      </c>
      <c r="OJ15" s="360">
        <v>1793708</v>
      </c>
      <c r="OK15" s="361">
        <v>3394810</v>
      </c>
      <c r="OL15" s="366">
        <v>0</v>
      </c>
      <c r="OM15" s="360">
        <v>14740318</v>
      </c>
      <c r="ON15" s="360">
        <v>15164594</v>
      </c>
      <c r="OO15" s="360">
        <v>21649120</v>
      </c>
      <c r="OP15" s="360">
        <v>17506471</v>
      </c>
      <c r="OQ15" s="360">
        <v>15680133</v>
      </c>
      <c r="OR15" s="364">
        <v>84740636</v>
      </c>
      <c r="OS15" s="369">
        <v>88135446</v>
      </c>
    </row>
    <row r="16" spans="2:409" s="137" customFormat="1" ht="21" customHeight="1" x14ac:dyDescent="0.2">
      <c r="B16" s="421" t="s">
        <v>10</v>
      </c>
      <c r="C16" s="341">
        <v>1543522</v>
      </c>
      <c r="D16" s="342">
        <v>2458010</v>
      </c>
      <c r="E16" s="343">
        <v>4001532</v>
      </c>
      <c r="F16" s="379">
        <v>0</v>
      </c>
      <c r="G16" s="342">
        <v>17866750</v>
      </c>
      <c r="H16" s="342">
        <v>16187701</v>
      </c>
      <c r="I16" s="342">
        <v>15714145</v>
      </c>
      <c r="J16" s="342">
        <v>15652237</v>
      </c>
      <c r="K16" s="342">
        <v>13485914</v>
      </c>
      <c r="L16" s="344">
        <v>78906747</v>
      </c>
      <c r="M16" s="345">
        <v>82908279</v>
      </c>
      <c r="N16" s="341">
        <v>471058</v>
      </c>
      <c r="O16" s="342">
        <v>732112</v>
      </c>
      <c r="P16" s="343">
        <v>1203170</v>
      </c>
      <c r="Q16" s="341">
        <v>0</v>
      </c>
      <c r="R16" s="342">
        <v>6730947</v>
      </c>
      <c r="S16" s="342">
        <v>5534235</v>
      </c>
      <c r="T16" s="342">
        <v>5720683</v>
      </c>
      <c r="U16" s="342">
        <v>5241160</v>
      </c>
      <c r="V16" s="342">
        <v>6007100</v>
      </c>
      <c r="W16" s="343">
        <v>29234125</v>
      </c>
      <c r="X16" s="345">
        <v>30437295</v>
      </c>
      <c r="Y16" s="341">
        <v>0</v>
      </c>
      <c r="Z16" s="342">
        <v>0</v>
      </c>
      <c r="AA16" s="343">
        <v>0</v>
      </c>
      <c r="AB16" s="341">
        <v>0</v>
      </c>
      <c r="AC16" s="342">
        <v>3196388</v>
      </c>
      <c r="AD16" s="342">
        <v>2699240</v>
      </c>
      <c r="AE16" s="342">
        <v>3791403</v>
      </c>
      <c r="AF16" s="342">
        <v>2982744</v>
      </c>
      <c r="AG16" s="342">
        <v>4057052</v>
      </c>
      <c r="AH16" s="343">
        <v>16726827</v>
      </c>
      <c r="AI16" s="345">
        <v>16726827</v>
      </c>
      <c r="AJ16" s="341">
        <v>0</v>
      </c>
      <c r="AK16" s="342">
        <v>0</v>
      </c>
      <c r="AL16" s="343">
        <v>0</v>
      </c>
      <c r="AM16" s="341">
        <v>0</v>
      </c>
      <c r="AN16" s="342">
        <v>41452</v>
      </c>
      <c r="AO16" s="342">
        <v>124365</v>
      </c>
      <c r="AP16" s="342">
        <v>158534</v>
      </c>
      <c r="AQ16" s="342">
        <v>361088</v>
      </c>
      <c r="AR16" s="342">
        <v>297944</v>
      </c>
      <c r="AS16" s="343">
        <v>983383</v>
      </c>
      <c r="AT16" s="345">
        <v>983383</v>
      </c>
      <c r="AU16" s="341">
        <v>262110</v>
      </c>
      <c r="AV16" s="342">
        <v>483228</v>
      </c>
      <c r="AW16" s="343">
        <v>745338</v>
      </c>
      <c r="AX16" s="341">
        <v>0</v>
      </c>
      <c r="AY16" s="342">
        <v>2189547</v>
      </c>
      <c r="AZ16" s="342">
        <v>1358090</v>
      </c>
      <c r="BA16" s="342">
        <v>715728</v>
      </c>
      <c r="BB16" s="342">
        <v>961337</v>
      </c>
      <c r="BC16" s="342">
        <v>600088</v>
      </c>
      <c r="BD16" s="343">
        <v>5824790</v>
      </c>
      <c r="BE16" s="345">
        <v>6570128</v>
      </c>
      <c r="BF16" s="341">
        <v>42040</v>
      </c>
      <c r="BG16" s="342">
        <v>41488</v>
      </c>
      <c r="BH16" s="346">
        <v>83528</v>
      </c>
      <c r="BI16" s="347">
        <v>0</v>
      </c>
      <c r="BJ16" s="342">
        <v>148644</v>
      </c>
      <c r="BK16" s="342">
        <v>274799</v>
      </c>
      <c r="BL16" s="342">
        <v>62656</v>
      </c>
      <c r="BM16" s="342">
        <v>32697</v>
      </c>
      <c r="BN16" s="342">
        <v>65037</v>
      </c>
      <c r="BO16" s="343">
        <v>583833</v>
      </c>
      <c r="BP16" s="345">
        <v>667361</v>
      </c>
      <c r="BQ16" s="341">
        <v>166908</v>
      </c>
      <c r="BR16" s="342">
        <v>207396</v>
      </c>
      <c r="BS16" s="343">
        <v>374304</v>
      </c>
      <c r="BT16" s="341">
        <v>0</v>
      </c>
      <c r="BU16" s="342">
        <v>1154916</v>
      </c>
      <c r="BV16" s="342">
        <v>1077741</v>
      </c>
      <c r="BW16" s="342">
        <v>992362</v>
      </c>
      <c r="BX16" s="342">
        <v>903294</v>
      </c>
      <c r="BY16" s="342">
        <v>986979</v>
      </c>
      <c r="BZ16" s="343">
        <v>5115292</v>
      </c>
      <c r="CA16" s="345">
        <v>5489596</v>
      </c>
      <c r="CB16" s="341">
        <v>54869</v>
      </c>
      <c r="CC16" s="342">
        <v>233632</v>
      </c>
      <c r="CD16" s="343">
        <v>288501</v>
      </c>
      <c r="CE16" s="341">
        <v>0</v>
      </c>
      <c r="CF16" s="342">
        <v>5139321</v>
      </c>
      <c r="CG16" s="342">
        <v>4327083</v>
      </c>
      <c r="CH16" s="342">
        <v>3035068</v>
      </c>
      <c r="CI16" s="342">
        <v>1145566</v>
      </c>
      <c r="CJ16" s="342">
        <v>446748</v>
      </c>
      <c r="CK16" s="343">
        <v>14093786</v>
      </c>
      <c r="CL16" s="345">
        <v>14382287</v>
      </c>
      <c r="CM16" s="341">
        <v>0</v>
      </c>
      <c r="CN16" s="342">
        <v>0</v>
      </c>
      <c r="CO16" s="343">
        <v>0</v>
      </c>
      <c r="CP16" s="347">
        <v>0</v>
      </c>
      <c r="CQ16" s="342">
        <v>4207201</v>
      </c>
      <c r="CR16" s="342">
        <v>3410854</v>
      </c>
      <c r="CS16" s="342">
        <v>2605534</v>
      </c>
      <c r="CT16" s="342">
        <v>1021370</v>
      </c>
      <c r="CU16" s="342">
        <v>366153</v>
      </c>
      <c r="CV16" s="343">
        <v>11611112</v>
      </c>
      <c r="CW16" s="345">
        <v>11611112</v>
      </c>
      <c r="CX16" s="341">
        <v>54869</v>
      </c>
      <c r="CY16" s="342">
        <v>233632</v>
      </c>
      <c r="CZ16" s="343">
        <v>288501</v>
      </c>
      <c r="DA16" s="341">
        <v>0</v>
      </c>
      <c r="DB16" s="342">
        <v>932120</v>
      </c>
      <c r="DC16" s="342">
        <v>916229</v>
      </c>
      <c r="DD16" s="342">
        <v>429534</v>
      </c>
      <c r="DE16" s="342">
        <v>124196</v>
      </c>
      <c r="DF16" s="342">
        <v>80595</v>
      </c>
      <c r="DG16" s="343">
        <v>2482674</v>
      </c>
      <c r="DH16" s="345">
        <v>2771175</v>
      </c>
      <c r="DI16" s="341">
        <v>29355</v>
      </c>
      <c r="DJ16" s="342">
        <v>79625</v>
      </c>
      <c r="DK16" s="346">
        <v>108980</v>
      </c>
      <c r="DL16" s="347">
        <v>0</v>
      </c>
      <c r="DM16" s="342">
        <v>838083</v>
      </c>
      <c r="DN16" s="342">
        <v>549753</v>
      </c>
      <c r="DO16" s="342">
        <v>1337873</v>
      </c>
      <c r="DP16" s="342">
        <v>1612774</v>
      </c>
      <c r="DQ16" s="342">
        <v>84915</v>
      </c>
      <c r="DR16" s="343">
        <v>4423398</v>
      </c>
      <c r="DS16" s="345">
        <v>4532378</v>
      </c>
      <c r="DT16" s="341">
        <v>29355</v>
      </c>
      <c r="DU16" s="342">
        <v>79625</v>
      </c>
      <c r="DV16" s="343">
        <v>108980</v>
      </c>
      <c r="DW16" s="341">
        <v>0</v>
      </c>
      <c r="DX16" s="342">
        <v>838083</v>
      </c>
      <c r="DY16" s="342">
        <v>526978</v>
      </c>
      <c r="DZ16" s="342">
        <v>1148643</v>
      </c>
      <c r="EA16" s="342">
        <v>1578666</v>
      </c>
      <c r="EB16" s="342">
        <v>29079</v>
      </c>
      <c r="EC16" s="343">
        <v>4121449</v>
      </c>
      <c r="ED16" s="345">
        <v>4230429</v>
      </c>
      <c r="EE16" s="341">
        <v>0</v>
      </c>
      <c r="EF16" s="346">
        <v>0</v>
      </c>
      <c r="EG16" s="343">
        <v>0</v>
      </c>
      <c r="EH16" s="341">
        <v>0</v>
      </c>
      <c r="EI16" s="342">
        <v>0</v>
      </c>
      <c r="EJ16" s="342">
        <v>22775</v>
      </c>
      <c r="EK16" s="342">
        <v>189230</v>
      </c>
      <c r="EL16" s="342">
        <v>34108</v>
      </c>
      <c r="EM16" s="342">
        <v>55836</v>
      </c>
      <c r="EN16" s="346">
        <v>301949</v>
      </c>
      <c r="EO16" s="345">
        <v>301949</v>
      </c>
      <c r="EP16" s="341">
        <v>0</v>
      </c>
      <c r="EQ16" s="342">
        <v>0</v>
      </c>
      <c r="ER16" s="346">
        <v>0</v>
      </c>
      <c r="ES16" s="347">
        <v>0</v>
      </c>
      <c r="ET16" s="342">
        <v>0</v>
      </c>
      <c r="EU16" s="342">
        <v>0</v>
      </c>
      <c r="EV16" s="342">
        <v>0</v>
      </c>
      <c r="EW16" s="342">
        <v>0</v>
      </c>
      <c r="EX16" s="342">
        <v>0</v>
      </c>
      <c r="EY16" s="343">
        <v>0</v>
      </c>
      <c r="EZ16" s="345">
        <v>0</v>
      </c>
      <c r="FA16" s="341">
        <v>0</v>
      </c>
      <c r="FB16" s="342">
        <v>0</v>
      </c>
      <c r="FC16" s="346">
        <v>0</v>
      </c>
      <c r="FD16" s="436">
        <v>0</v>
      </c>
      <c r="FE16" s="342">
        <v>0</v>
      </c>
      <c r="FF16" s="342">
        <v>0</v>
      </c>
      <c r="FG16" s="342">
        <v>0</v>
      </c>
      <c r="FH16" s="342">
        <v>0</v>
      </c>
      <c r="FI16" s="342">
        <v>0</v>
      </c>
      <c r="FJ16" s="343">
        <v>0</v>
      </c>
      <c r="FK16" s="345">
        <v>0</v>
      </c>
      <c r="FL16" s="341">
        <v>504644</v>
      </c>
      <c r="FM16" s="342">
        <v>725445</v>
      </c>
      <c r="FN16" s="343">
        <v>1230089</v>
      </c>
      <c r="FO16" s="341">
        <v>0</v>
      </c>
      <c r="FP16" s="342">
        <v>976328</v>
      </c>
      <c r="FQ16" s="342">
        <v>1255607</v>
      </c>
      <c r="FR16" s="342">
        <v>1235367</v>
      </c>
      <c r="FS16" s="342">
        <v>665350</v>
      </c>
      <c r="FT16" s="342">
        <v>563220</v>
      </c>
      <c r="FU16" s="343">
        <v>4695872</v>
      </c>
      <c r="FV16" s="345">
        <v>5925961</v>
      </c>
      <c r="FW16" s="348">
        <v>205674</v>
      </c>
      <c r="FX16" s="342">
        <v>482195</v>
      </c>
      <c r="FY16" s="346">
        <v>687869</v>
      </c>
      <c r="FZ16" s="347">
        <v>0</v>
      </c>
      <c r="GA16" s="342">
        <v>839118</v>
      </c>
      <c r="GB16" s="342">
        <v>1234957</v>
      </c>
      <c r="GC16" s="342">
        <v>1022917</v>
      </c>
      <c r="GD16" s="342">
        <v>665350</v>
      </c>
      <c r="GE16" s="342">
        <v>563220</v>
      </c>
      <c r="GF16" s="343">
        <v>4325562</v>
      </c>
      <c r="GG16" s="349">
        <v>5013431</v>
      </c>
      <c r="GH16" s="348">
        <v>0</v>
      </c>
      <c r="GI16" s="342">
        <v>0</v>
      </c>
      <c r="GJ16" s="346">
        <v>0</v>
      </c>
      <c r="GK16" s="347">
        <v>0</v>
      </c>
      <c r="GL16" s="342">
        <v>25882</v>
      </c>
      <c r="GM16" s="342">
        <v>7280</v>
      </c>
      <c r="GN16" s="342">
        <v>49280</v>
      </c>
      <c r="GO16" s="342">
        <v>0</v>
      </c>
      <c r="GP16" s="342">
        <v>0</v>
      </c>
      <c r="GQ16" s="343">
        <v>82442</v>
      </c>
      <c r="GR16" s="345">
        <v>82442</v>
      </c>
      <c r="GS16" s="341">
        <v>298970</v>
      </c>
      <c r="GT16" s="342">
        <v>243250</v>
      </c>
      <c r="GU16" s="343">
        <v>542220</v>
      </c>
      <c r="GV16" s="341">
        <v>0</v>
      </c>
      <c r="GW16" s="342">
        <v>111328</v>
      </c>
      <c r="GX16" s="342">
        <v>13370</v>
      </c>
      <c r="GY16" s="342">
        <v>163170</v>
      </c>
      <c r="GZ16" s="342">
        <v>0</v>
      </c>
      <c r="HA16" s="342">
        <v>0</v>
      </c>
      <c r="HB16" s="346">
        <v>287868</v>
      </c>
      <c r="HC16" s="345">
        <v>830088</v>
      </c>
      <c r="HD16" s="341">
        <v>483596</v>
      </c>
      <c r="HE16" s="342">
        <v>687196</v>
      </c>
      <c r="HF16" s="346">
        <v>1170792</v>
      </c>
      <c r="HG16" s="347">
        <v>0</v>
      </c>
      <c r="HH16" s="342">
        <v>4182071</v>
      </c>
      <c r="HI16" s="342">
        <v>4521023</v>
      </c>
      <c r="HJ16" s="342">
        <v>4385154</v>
      </c>
      <c r="HK16" s="342">
        <v>6987387</v>
      </c>
      <c r="HL16" s="342">
        <v>6383931</v>
      </c>
      <c r="HM16" s="343">
        <v>26459566</v>
      </c>
      <c r="HN16" s="344">
        <v>27630358</v>
      </c>
      <c r="HO16" s="348">
        <v>0</v>
      </c>
      <c r="HP16" s="342">
        <v>0</v>
      </c>
      <c r="HQ16" s="343">
        <v>0</v>
      </c>
      <c r="HR16" s="341">
        <v>0</v>
      </c>
      <c r="HS16" s="342">
        <v>0</v>
      </c>
      <c r="HT16" s="342">
        <v>0</v>
      </c>
      <c r="HU16" s="342">
        <v>0</v>
      </c>
      <c r="HV16" s="342">
        <v>0</v>
      </c>
      <c r="HW16" s="342">
        <v>0</v>
      </c>
      <c r="HX16" s="346">
        <v>0</v>
      </c>
      <c r="HY16" s="345">
        <v>0</v>
      </c>
      <c r="HZ16" s="373">
        <v>40399</v>
      </c>
      <c r="IA16" s="371">
        <v>70030</v>
      </c>
      <c r="IB16" s="373">
        <v>110429</v>
      </c>
      <c r="IC16" s="370">
        <v>0</v>
      </c>
      <c r="ID16" s="371">
        <v>2549175</v>
      </c>
      <c r="IE16" s="372">
        <v>2941742</v>
      </c>
      <c r="IF16" s="373">
        <v>3007235</v>
      </c>
      <c r="IG16" s="371">
        <v>3747248</v>
      </c>
      <c r="IH16" s="373">
        <v>2362549</v>
      </c>
      <c r="II16" s="374">
        <v>14607949</v>
      </c>
      <c r="IJ16" s="373">
        <v>14718378</v>
      </c>
      <c r="IK16" s="357">
        <v>0</v>
      </c>
      <c r="IL16" s="358">
        <v>0</v>
      </c>
      <c r="IM16" s="359">
        <v>0</v>
      </c>
      <c r="IN16" s="436">
        <v>0</v>
      </c>
      <c r="IO16" s="360">
        <v>120443</v>
      </c>
      <c r="IP16" s="360">
        <v>207493</v>
      </c>
      <c r="IQ16" s="360">
        <v>171685</v>
      </c>
      <c r="IR16" s="360">
        <v>204086</v>
      </c>
      <c r="IS16" s="360">
        <v>0</v>
      </c>
      <c r="IT16" s="361">
        <v>703707</v>
      </c>
      <c r="IU16" s="362">
        <v>703707</v>
      </c>
      <c r="IV16" s="363">
        <v>0</v>
      </c>
      <c r="IW16" s="360">
        <v>0</v>
      </c>
      <c r="IX16" s="364">
        <v>0</v>
      </c>
      <c r="IY16" s="436">
        <v>0</v>
      </c>
      <c r="IZ16" s="360">
        <v>0</v>
      </c>
      <c r="JA16" s="360">
        <v>0</v>
      </c>
      <c r="JB16" s="360">
        <v>0</v>
      </c>
      <c r="JC16" s="360">
        <v>9355</v>
      </c>
      <c r="JD16" s="360">
        <v>0</v>
      </c>
      <c r="JE16" s="364">
        <v>9355</v>
      </c>
      <c r="JF16" s="365">
        <v>9355</v>
      </c>
      <c r="JG16" s="363">
        <v>0</v>
      </c>
      <c r="JH16" s="360">
        <v>0</v>
      </c>
      <c r="JI16" s="361">
        <v>0</v>
      </c>
      <c r="JJ16" s="366">
        <v>0</v>
      </c>
      <c r="JK16" s="360">
        <v>1174577</v>
      </c>
      <c r="JL16" s="360">
        <v>614449</v>
      </c>
      <c r="JM16" s="360">
        <v>217447</v>
      </c>
      <c r="JN16" s="360">
        <v>278315</v>
      </c>
      <c r="JO16" s="360">
        <v>0</v>
      </c>
      <c r="JP16" s="364">
        <v>2284788</v>
      </c>
      <c r="JQ16" s="362">
        <v>2284788</v>
      </c>
      <c r="JR16" s="363">
        <v>0</v>
      </c>
      <c r="JS16" s="360">
        <v>0</v>
      </c>
      <c r="JT16" s="361">
        <v>0</v>
      </c>
      <c r="JU16" s="366">
        <v>0</v>
      </c>
      <c r="JV16" s="360">
        <v>53181</v>
      </c>
      <c r="JW16" s="360">
        <v>0</v>
      </c>
      <c r="JX16" s="360">
        <v>144598</v>
      </c>
      <c r="JY16" s="360">
        <v>259661</v>
      </c>
      <c r="JZ16" s="360">
        <v>0</v>
      </c>
      <c r="KA16" s="364">
        <v>457440</v>
      </c>
      <c r="KB16" s="362">
        <v>457440</v>
      </c>
      <c r="KC16" s="367">
        <v>40399</v>
      </c>
      <c r="KD16" s="368">
        <v>70030</v>
      </c>
      <c r="KE16" s="364">
        <v>110429</v>
      </c>
      <c r="KF16" s="366">
        <v>0</v>
      </c>
      <c r="KG16" s="360">
        <v>282875</v>
      </c>
      <c r="KH16" s="360">
        <v>288576</v>
      </c>
      <c r="KI16" s="360">
        <v>414463</v>
      </c>
      <c r="KJ16" s="360">
        <v>1221540</v>
      </c>
      <c r="KK16" s="360">
        <v>235612</v>
      </c>
      <c r="KL16" s="364">
        <v>2443066</v>
      </c>
      <c r="KM16" s="369">
        <v>2553495</v>
      </c>
      <c r="KN16" s="357">
        <v>0</v>
      </c>
      <c r="KO16" s="358">
        <v>0</v>
      </c>
      <c r="KP16" s="359">
        <v>0</v>
      </c>
      <c r="KQ16" s="436">
        <v>0</v>
      </c>
      <c r="KR16" s="360">
        <v>787775</v>
      </c>
      <c r="KS16" s="360">
        <v>1360910</v>
      </c>
      <c r="KT16" s="360">
        <v>977272</v>
      </c>
      <c r="KU16" s="360">
        <v>1085957</v>
      </c>
      <c r="KV16" s="360">
        <v>1539783</v>
      </c>
      <c r="KW16" s="364">
        <v>5751697</v>
      </c>
      <c r="KX16" s="362">
        <v>5751697</v>
      </c>
      <c r="KY16" s="363">
        <v>0</v>
      </c>
      <c r="KZ16" s="360">
        <v>0</v>
      </c>
      <c r="LA16" s="364">
        <v>0</v>
      </c>
      <c r="LB16" s="436">
        <v>0</v>
      </c>
      <c r="LC16" s="360">
        <v>130324</v>
      </c>
      <c r="LD16" s="360">
        <v>292801</v>
      </c>
      <c r="LE16" s="360">
        <v>853247</v>
      </c>
      <c r="LF16" s="360">
        <v>246202</v>
      </c>
      <c r="LG16" s="360">
        <v>587154</v>
      </c>
      <c r="LH16" s="364">
        <v>2109728</v>
      </c>
      <c r="LI16" s="365">
        <v>2109728</v>
      </c>
      <c r="LJ16" s="363">
        <v>0</v>
      </c>
      <c r="LK16" s="360">
        <v>0</v>
      </c>
      <c r="LL16" s="364">
        <v>0</v>
      </c>
      <c r="LM16" s="436">
        <v>0</v>
      </c>
      <c r="LN16" s="360">
        <v>0</v>
      </c>
      <c r="LO16" s="360">
        <v>0</v>
      </c>
      <c r="LP16" s="360">
        <v>0</v>
      </c>
      <c r="LQ16" s="360">
        <v>442132</v>
      </c>
      <c r="LR16" s="360">
        <v>0</v>
      </c>
      <c r="LS16" s="364">
        <v>442132</v>
      </c>
      <c r="LT16" s="362">
        <v>442132</v>
      </c>
      <c r="LU16" s="363">
        <v>0</v>
      </c>
      <c r="LV16" s="360">
        <v>0</v>
      </c>
      <c r="LW16" s="364">
        <v>0</v>
      </c>
      <c r="LX16" s="436">
        <v>0</v>
      </c>
      <c r="LY16" s="360">
        <v>0</v>
      </c>
      <c r="LZ16" s="360">
        <v>177513</v>
      </c>
      <c r="MA16" s="360">
        <v>228523</v>
      </c>
      <c r="MB16" s="360">
        <v>0</v>
      </c>
      <c r="MC16" s="360">
        <v>0</v>
      </c>
      <c r="MD16" s="364">
        <v>406036</v>
      </c>
      <c r="ME16" s="365">
        <v>406036</v>
      </c>
      <c r="MF16" s="363">
        <v>0</v>
      </c>
      <c r="MG16" s="360">
        <v>0</v>
      </c>
      <c r="MH16" s="364">
        <v>0</v>
      </c>
      <c r="MI16" s="436">
        <v>0</v>
      </c>
      <c r="MJ16" s="360">
        <v>186301</v>
      </c>
      <c r="MK16" s="360">
        <v>505219</v>
      </c>
      <c r="ML16" s="360">
        <v>4134252</v>
      </c>
      <c r="MM16" s="360">
        <v>6291932</v>
      </c>
      <c r="MN16" s="360">
        <v>4895214</v>
      </c>
      <c r="MO16" s="364">
        <v>16012918</v>
      </c>
      <c r="MP16" s="369">
        <v>16012918</v>
      </c>
      <c r="MQ16" s="363">
        <v>0</v>
      </c>
      <c r="MR16" s="360">
        <v>0</v>
      </c>
      <c r="MS16" s="364">
        <v>0</v>
      </c>
      <c r="MT16" s="436">
        <v>0</v>
      </c>
      <c r="MU16" s="360">
        <v>0</v>
      </c>
      <c r="MV16" s="360">
        <v>173803</v>
      </c>
      <c r="MW16" s="360">
        <v>3087257</v>
      </c>
      <c r="MX16" s="360">
        <v>3463435</v>
      </c>
      <c r="MY16" s="360">
        <v>4116680</v>
      </c>
      <c r="MZ16" s="364">
        <v>10841175</v>
      </c>
      <c r="NA16" s="369">
        <v>10841175</v>
      </c>
      <c r="NB16" s="363">
        <v>0</v>
      </c>
      <c r="NC16" s="360">
        <v>0</v>
      </c>
      <c r="ND16" s="364">
        <v>0</v>
      </c>
      <c r="NE16" s="436">
        <v>0</v>
      </c>
      <c r="NF16" s="360">
        <v>186301</v>
      </c>
      <c r="NG16" s="360">
        <v>331416</v>
      </c>
      <c r="NH16" s="360">
        <v>1046995</v>
      </c>
      <c r="NI16" s="360">
        <v>2828497</v>
      </c>
      <c r="NJ16" s="360">
        <v>483185</v>
      </c>
      <c r="NK16" s="364">
        <v>4876394</v>
      </c>
      <c r="NL16" s="362">
        <v>4876394</v>
      </c>
      <c r="NM16" s="363">
        <v>0</v>
      </c>
      <c r="NN16" s="360">
        <v>0</v>
      </c>
      <c r="NO16" s="364">
        <v>0</v>
      </c>
      <c r="NP16" s="436">
        <v>0</v>
      </c>
      <c r="NQ16" s="360">
        <v>0</v>
      </c>
      <c r="NR16" s="360">
        <v>0</v>
      </c>
      <c r="NS16" s="360">
        <v>0</v>
      </c>
      <c r="NT16" s="360">
        <v>0</v>
      </c>
      <c r="NU16" s="360">
        <v>0</v>
      </c>
      <c r="NV16" s="364">
        <v>0</v>
      </c>
      <c r="NW16" s="365">
        <v>0</v>
      </c>
      <c r="NX16" s="363">
        <v>0</v>
      </c>
      <c r="NY16" s="360">
        <v>0</v>
      </c>
      <c r="NZ16" s="364">
        <v>0</v>
      </c>
      <c r="OA16" s="436">
        <v>0</v>
      </c>
      <c r="OB16" s="360">
        <v>0</v>
      </c>
      <c r="OC16" s="360">
        <v>0</v>
      </c>
      <c r="OD16" s="360">
        <v>0</v>
      </c>
      <c r="OE16" s="360">
        <v>0</v>
      </c>
      <c r="OF16" s="360">
        <v>295349</v>
      </c>
      <c r="OG16" s="364">
        <v>295349</v>
      </c>
      <c r="OH16" s="365">
        <v>295349</v>
      </c>
      <c r="OI16" s="363">
        <v>1583921</v>
      </c>
      <c r="OJ16" s="360">
        <v>2528040</v>
      </c>
      <c r="OK16" s="361">
        <v>4111961</v>
      </c>
      <c r="OL16" s="366">
        <v>0</v>
      </c>
      <c r="OM16" s="360">
        <v>20602226</v>
      </c>
      <c r="ON16" s="360">
        <v>19634662</v>
      </c>
      <c r="OO16" s="360">
        <v>22855632</v>
      </c>
      <c r="OP16" s="360">
        <v>25691417</v>
      </c>
      <c r="OQ16" s="360">
        <v>20743677</v>
      </c>
      <c r="OR16" s="364">
        <v>109527614</v>
      </c>
      <c r="OS16" s="369">
        <v>113639575</v>
      </c>
    </row>
    <row r="17" spans="2:409" s="137" customFormat="1" ht="21" customHeight="1" x14ac:dyDescent="0.2">
      <c r="B17" s="421" t="s">
        <v>11</v>
      </c>
      <c r="C17" s="341">
        <v>267319</v>
      </c>
      <c r="D17" s="342">
        <v>444627</v>
      </c>
      <c r="E17" s="380">
        <v>711946</v>
      </c>
      <c r="F17" s="347">
        <v>0</v>
      </c>
      <c r="G17" s="342">
        <v>5821400</v>
      </c>
      <c r="H17" s="342">
        <v>3765192</v>
      </c>
      <c r="I17" s="342">
        <v>4665007</v>
      </c>
      <c r="J17" s="342">
        <v>6461161</v>
      </c>
      <c r="K17" s="342">
        <v>3619633</v>
      </c>
      <c r="L17" s="344">
        <v>24332393</v>
      </c>
      <c r="M17" s="345">
        <v>25044339</v>
      </c>
      <c r="N17" s="341">
        <v>53720</v>
      </c>
      <c r="O17" s="342">
        <v>49630</v>
      </c>
      <c r="P17" s="343">
        <v>103350</v>
      </c>
      <c r="Q17" s="341">
        <v>0</v>
      </c>
      <c r="R17" s="342">
        <v>1574917</v>
      </c>
      <c r="S17" s="342">
        <v>1147376</v>
      </c>
      <c r="T17" s="342">
        <v>1062889</v>
      </c>
      <c r="U17" s="342">
        <v>2429404</v>
      </c>
      <c r="V17" s="342">
        <v>1315391</v>
      </c>
      <c r="W17" s="343">
        <v>7529977</v>
      </c>
      <c r="X17" s="345">
        <v>7633327</v>
      </c>
      <c r="Y17" s="341">
        <v>0</v>
      </c>
      <c r="Z17" s="342">
        <v>0</v>
      </c>
      <c r="AA17" s="343">
        <v>0</v>
      </c>
      <c r="AB17" s="341">
        <v>0</v>
      </c>
      <c r="AC17" s="342">
        <v>443862</v>
      </c>
      <c r="AD17" s="342">
        <v>300152</v>
      </c>
      <c r="AE17" s="342">
        <v>680894</v>
      </c>
      <c r="AF17" s="342">
        <v>1101221</v>
      </c>
      <c r="AG17" s="342">
        <v>657408</v>
      </c>
      <c r="AH17" s="343">
        <v>3183537</v>
      </c>
      <c r="AI17" s="345">
        <v>3183537</v>
      </c>
      <c r="AJ17" s="341">
        <v>0</v>
      </c>
      <c r="AK17" s="342">
        <v>0</v>
      </c>
      <c r="AL17" s="343">
        <v>0</v>
      </c>
      <c r="AM17" s="341">
        <v>0</v>
      </c>
      <c r="AN17" s="342">
        <v>0</v>
      </c>
      <c r="AO17" s="342">
        <v>0</v>
      </c>
      <c r="AP17" s="342">
        <v>0</v>
      </c>
      <c r="AQ17" s="342">
        <v>276350</v>
      </c>
      <c r="AR17" s="342">
        <v>118953</v>
      </c>
      <c r="AS17" s="343">
        <v>395303</v>
      </c>
      <c r="AT17" s="345">
        <v>395303</v>
      </c>
      <c r="AU17" s="341">
        <v>35695</v>
      </c>
      <c r="AV17" s="342">
        <v>24626</v>
      </c>
      <c r="AW17" s="343">
        <v>60321</v>
      </c>
      <c r="AX17" s="341">
        <v>0</v>
      </c>
      <c r="AY17" s="342">
        <v>881627</v>
      </c>
      <c r="AZ17" s="342">
        <v>564724</v>
      </c>
      <c r="BA17" s="342">
        <v>206547</v>
      </c>
      <c r="BB17" s="342">
        <v>797012</v>
      </c>
      <c r="BC17" s="342">
        <v>383609</v>
      </c>
      <c r="BD17" s="343">
        <v>2833519</v>
      </c>
      <c r="BE17" s="345">
        <v>2893840</v>
      </c>
      <c r="BF17" s="341">
        <v>0</v>
      </c>
      <c r="BG17" s="342">
        <v>0</v>
      </c>
      <c r="BH17" s="346">
        <v>0</v>
      </c>
      <c r="BI17" s="347">
        <v>0</v>
      </c>
      <c r="BJ17" s="342">
        <v>81008</v>
      </c>
      <c r="BK17" s="342">
        <v>94039</v>
      </c>
      <c r="BL17" s="342">
        <v>0</v>
      </c>
      <c r="BM17" s="342">
        <v>26768</v>
      </c>
      <c r="BN17" s="342">
        <v>46487</v>
      </c>
      <c r="BO17" s="343">
        <v>248302</v>
      </c>
      <c r="BP17" s="345">
        <v>248302</v>
      </c>
      <c r="BQ17" s="341">
        <v>18025</v>
      </c>
      <c r="BR17" s="342">
        <v>25004</v>
      </c>
      <c r="BS17" s="343">
        <v>43029</v>
      </c>
      <c r="BT17" s="341">
        <v>0</v>
      </c>
      <c r="BU17" s="342">
        <v>168420</v>
      </c>
      <c r="BV17" s="342">
        <v>188461</v>
      </c>
      <c r="BW17" s="342">
        <v>175448</v>
      </c>
      <c r="BX17" s="342">
        <v>228053</v>
      </c>
      <c r="BY17" s="342">
        <v>108934</v>
      </c>
      <c r="BZ17" s="343">
        <v>869316</v>
      </c>
      <c r="CA17" s="345">
        <v>912345</v>
      </c>
      <c r="CB17" s="341">
        <v>0</v>
      </c>
      <c r="CC17" s="342">
        <v>229747</v>
      </c>
      <c r="CD17" s="343">
        <v>229747</v>
      </c>
      <c r="CE17" s="341">
        <v>0</v>
      </c>
      <c r="CF17" s="342">
        <v>1241574</v>
      </c>
      <c r="CG17" s="342">
        <v>924040</v>
      </c>
      <c r="CH17" s="342">
        <v>1405097</v>
      </c>
      <c r="CI17" s="342">
        <v>1087559</v>
      </c>
      <c r="CJ17" s="342">
        <v>280497</v>
      </c>
      <c r="CK17" s="343">
        <v>4938767</v>
      </c>
      <c r="CL17" s="345">
        <v>5168514</v>
      </c>
      <c r="CM17" s="341">
        <v>0</v>
      </c>
      <c r="CN17" s="342">
        <v>0</v>
      </c>
      <c r="CO17" s="343">
        <v>0</v>
      </c>
      <c r="CP17" s="347">
        <v>0</v>
      </c>
      <c r="CQ17" s="342">
        <v>776001</v>
      </c>
      <c r="CR17" s="342">
        <v>679409</v>
      </c>
      <c r="CS17" s="342">
        <v>693992</v>
      </c>
      <c r="CT17" s="342">
        <v>1035409</v>
      </c>
      <c r="CU17" s="342">
        <v>191650</v>
      </c>
      <c r="CV17" s="343">
        <v>3376461</v>
      </c>
      <c r="CW17" s="345">
        <v>3376461</v>
      </c>
      <c r="CX17" s="341">
        <v>0</v>
      </c>
      <c r="CY17" s="342">
        <v>229747</v>
      </c>
      <c r="CZ17" s="343">
        <v>229747</v>
      </c>
      <c r="DA17" s="341">
        <v>0</v>
      </c>
      <c r="DB17" s="342">
        <v>465573</v>
      </c>
      <c r="DC17" s="342">
        <v>244631</v>
      </c>
      <c r="DD17" s="342">
        <v>711105</v>
      </c>
      <c r="DE17" s="342">
        <v>52150</v>
      </c>
      <c r="DF17" s="342">
        <v>88847</v>
      </c>
      <c r="DG17" s="343">
        <v>1562306</v>
      </c>
      <c r="DH17" s="345">
        <v>1792053</v>
      </c>
      <c r="DI17" s="341">
        <v>0</v>
      </c>
      <c r="DJ17" s="342">
        <v>0</v>
      </c>
      <c r="DK17" s="346">
        <v>0</v>
      </c>
      <c r="DL17" s="347">
        <v>0</v>
      </c>
      <c r="DM17" s="342">
        <v>120090</v>
      </c>
      <c r="DN17" s="342">
        <v>65991</v>
      </c>
      <c r="DO17" s="342">
        <v>447401</v>
      </c>
      <c r="DP17" s="342">
        <v>141998</v>
      </c>
      <c r="DQ17" s="342">
        <v>522214</v>
      </c>
      <c r="DR17" s="343">
        <v>1297694</v>
      </c>
      <c r="DS17" s="345">
        <v>1297694</v>
      </c>
      <c r="DT17" s="341">
        <v>0</v>
      </c>
      <c r="DU17" s="342">
        <v>0</v>
      </c>
      <c r="DV17" s="343">
        <v>0</v>
      </c>
      <c r="DW17" s="341">
        <v>0</v>
      </c>
      <c r="DX17" s="342">
        <v>120090</v>
      </c>
      <c r="DY17" s="342">
        <v>65991</v>
      </c>
      <c r="DZ17" s="342">
        <v>287784</v>
      </c>
      <c r="EA17" s="342">
        <v>65593</v>
      </c>
      <c r="EB17" s="342">
        <v>360752</v>
      </c>
      <c r="EC17" s="343">
        <v>900210</v>
      </c>
      <c r="ED17" s="345">
        <v>900210</v>
      </c>
      <c r="EE17" s="341">
        <v>0</v>
      </c>
      <c r="EF17" s="346">
        <v>0</v>
      </c>
      <c r="EG17" s="343">
        <v>0</v>
      </c>
      <c r="EH17" s="341">
        <v>0</v>
      </c>
      <c r="EI17" s="342">
        <v>0</v>
      </c>
      <c r="EJ17" s="342">
        <v>0</v>
      </c>
      <c r="EK17" s="342">
        <v>159617</v>
      </c>
      <c r="EL17" s="342">
        <v>76405</v>
      </c>
      <c r="EM17" s="342">
        <v>161462</v>
      </c>
      <c r="EN17" s="346">
        <v>397484</v>
      </c>
      <c r="EO17" s="345">
        <v>397484</v>
      </c>
      <c r="EP17" s="341">
        <v>0</v>
      </c>
      <c r="EQ17" s="342">
        <v>0</v>
      </c>
      <c r="ER17" s="346">
        <v>0</v>
      </c>
      <c r="ES17" s="347">
        <v>0</v>
      </c>
      <c r="ET17" s="342">
        <v>0</v>
      </c>
      <c r="EU17" s="342">
        <v>0</v>
      </c>
      <c r="EV17" s="342">
        <v>0</v>
      </c>
      <c r="EW17" s="342">
        <v>0</v>
      </c>
      <c r="EX17" s="342">
        <v>0</v>
      </c>
      <c r="EY17" s="343">
        <v>0</v>
      </c>
      <c r="EZ17" s="345">
        <v>0</v>
      </c>
      <c r="FA17" s="341">
        <v>0</v>
      </c>
      <c r="FB17" s="342">
        <v>0</v>
      </c>
      <c r="FC17" s="346">
        <v>0</v>
      </c>
      <c r="FD17" s="436">
        <v>0</v>
      </c>
      <c r="FE17" s="342">
        <v>0</v>
      </c>
      <c r="FF17" s="342">
        <v>0</v>
      </c>
      <c r="FG17" s="342">
        <v>0</v>
      </c>
      <c r="FH17" s="342">
        <v>0</v>
      </c>
      <c r="FI17" s="342">
        <v>0</v>
      </c>
      <c r="FJ17" s="343">
        <v>0</v>
      </c>
      <c r="FK17" s="345">
        <v>0</v>
      </c>
      <c r="FL17" s="341">
        <v>78918</v>
      </c>
      <c r="FM17" s="342">
        <v>89460</v>
      </c>
      <c r="FN17" s="343">
        <v>168378</v>
      </c>
      <c r="FO17" s="341">
        <v>0</v>
      </c>
      <c r="FP17" s="342">
        <v>350350</v>
      </c>
      <c r="FQ17" s="342">
        <v>403529</v>
      </c>
      <c r="FR17" s="342">
        <v>457884</v>
      </c>
      <c r="FS17" s="342">
        <v>562261</v>
      </c>
      <c r="FT17" s="342">
        <v>280168</v>
      </c>
      <c r="FU17" s="343">
        <v>2054192</v>
      </c>
      <c r="FV17" s="345">
        <v>2222570</v>
      </c>
      <c r="FW17" s="348">
        <v>78918</v>
      </c>
      <c r="FX17" s="342">
        <v>63560</v>
      </c>
      <c r="FY17" s="346">
        <v>142478</v>
      </c>
      <c r="FZ17" s="347">
        <v>0</v>
      </c>
      <c r="GA17" s="342">
        <v>238770</v>
      </c>
      <c r="GB17" s="342">
        <v>403529</v>
      </c>
      <c r="GC17" s="342">
        <v>457884</v>
      </c>
      <c r="GD17" s="342">
        <v>467936</v>
      </c>
      <c r="GE17" s="342">
        <v>219947</v>
      </c>
      <c r="GF17" s="343">
        <v>1788066</v>
      </c>
      <c r="GG17" s="349">
        <v>1930544</v>
      </c>
      <c r="GH17" s="348">
        <v>0</v>
      </c>
      <c r="GI17" s="342">
        <v>0</v>
      </c>
      <c r="GJ17" s="346">
        <v>0</v>
      </c>
      <c r="GK17" s="347">
        <v>0</v>
      </c>
      <c r="GL17" s="342">
        <v>111580</v>
      </c>
      <c r="GM17" s="342">
        <v>0</v>
      </c>
      <c r="GN17" s="342">
        <v>0</v>
      </c>
      <c r="GO17" s="342">
        <v>24255</v>
      </c>
      <c r="GP17" s="342">
        <v>60221</v>
      </c>
      <c r="GQ17" s="343">
        <v>196056</v>
      </c>
      <c r="GR17" s="345">
        <v>196056</v>
      </c>
      <c r="GS17" s="341">
        <v>0</v>
      </c>
      <c r="GT17" s="342">
        <v>25900</v>
      </c>
      <c r="GU17" s="343">
        <v>25900</v>
      </c>
      <c r="GV17" s="341">
        <v>0</v>
      </c>
      <c r="GW17" s="342">
        <v>0</v>
      </c>
      <c r="GX17" s="342">
        <v>0</v>
      </c>
      <c r="GY17" s="342">
        <v>0</v>
      </c>
      <c r="GZ17" s="342">
        <v>70070</v>
      </c>
      <c r="HA17" s="342">
        <v>0</v>
      </c>
      <c r="HB17" s="346">
        <v>70070</v>
      </c>
      <c r="HC17" s="345">
        <v>95970</v>
      </c>
      <c r="HD17" s="341">
        <v>134681</v>
      </c>
      <c r="HE17" s="342">
        <v>75790</v>
      </c>
      <c r="HF17" s="346">
        <v>210471</v>
      </c>
      <c r="HG17" s="347">
        <v>0</v>
      </c>
      <c r="HH17" s="342">
        <v>2534469</v>
      </c>
      <c r="HI17" s="342">
        <v>1224256</v>
      </c>
      <c r="HJ17" s="342">
        <v>1291736</v>
      </c>
      <c r="HK17" s="342">
        <v>2239939</v>
      </c>
      <c r="HL17" s="342">
        <v>1221363</v>
      </c>
      <c r="HM17" s="343">
        <v>8511763</v>
      </c>
      <c r="HN17" s="344">
        <v>8722234</v>
      </c>
      <c r="HO17" s="348">
        <v>0</v>
      </c>
      <c r="HP17" s="342">
        <v>0</v>
      </c>
      <c r="HQ17" s="343">
        <v>0</v>
      </c>
      <c r="HR17" s="341">
        <v>0</v>
      </c>
      <c r="HS17" s="342">
        <v>0</v>
      </c>
      <c r="HT17" s="342">
        <v>0</v>
      </c>
      <c r="HU17" s="342">
        <v>0</v>
      </c>
      <c r="HV17" s="342">
        <v>0</v>
      </c>
      <c r="HW17" s="342">
        <v>0</v>
      </c>
      <c r="HX17" s="346">
        <v>0</v>
      </c>
      <c r="HY17" s="345">
        <v>0</v>
      </c>
      <c r="HZ17" s="350">
        <v>0</v>
      </c>
      <c r="IA17" s="351">
        <v>61362</v>
      </c>
      <c r="IB17" s="352">
        <v>61362</v>
      </c>
      <c r="IC17" s="353">
        <v>0</v>
      </c>
      <c r="ID17" s="351">
        <v>1715429</v>
      </c>
      <c r="IE17" s="354">
        <v>1474568</v>
      </c>
      <c r="IF17" s="352">
        <v>632042</v>
      </c>
      <c r="IG17" s="351">
        <v>1076520</v>
      </c>
      <c r="IH17" s="352">
        <v>709333</v>
      </c>
      <c r="II17" s="355">
        <v>5607892</v>
      </c>
      <c r="IJ17" s="356">
        <v>5669254</v>
      </c>
      <c r="IK17" s="357">
        <v>0</v>
      </c>
      <c r="IL17" s="358">
        <v>0</v>
      </c>
      <c r="IM17" s="359">
        <v>0</v>
      </c>
      <c r="IN17" s="436">
        <v>0</v>
      </c>
      <c r="IO17" s="360">
        <v>68271</v>
      </c>
      <c r="IP17" s="360">
        <v>110554</v>
      </c>
      <c r="IQ17" s="360">
        <v>0</v>
      </c>
      <c r="IR17" s="360">
        <v>0</v>
      </c>
      <c r="IS17" s="360">
        <v>479277</v>
      </c>
      <c r="IT17" s="361">
        <v>658102</v>
      </c>
      <c r="IU17" s="362">
        <v>658102</v>
      </c>
      <c r="IV17" s="363">
        <v>0</v>
      </c>
      <c r="IW17" s="360">
        <v>0</v>
      </c>
      <c r="IX17" s="364">
        <v>0</v>
      </c>
      <c r="IY17" s="436">
        <v>0</v>
      </c>
      <c r="IZ17" s="360">
        <v>14732</v>
      </c>
      <c r="JA17" s="360">
        <v>0</v>
      </c>
      <c r="JB17" s="360">
        <v>0</v>
      </c>
      <c r="JC17" s="360">
        <v>14732</v>
      </c>
      <c r="JD17" s="360">
        <v>0</v>
      </c>
      <c r="JE17" s="364">
        <v>29464</v>
      </c>
      <c r="JF17" s="365">
        <v>29464</v>
      </c>
      <c r="JG17" s="363">
        <v>0</v>
      </c>
      <c r="JH17" s="360">
        <v>0</v>
      </c>
      <c r="JI17" s="361">
        <v>0</v>
      </c>
      <c r="JJ17" s="366">
        <v>0</v>
      </c>
      <c r="JK17" s="360">
        <v>1140661</v>
      </c>
      <c r="JL17" s="360">
        <v>592703</v>
      </c>
      <c r="JM17" s="360">
        <v>212382</v>
      </c>
      <c r="JN17" s="360">
        <v>391633</v>
      </c>
      <c r="JO17" s="360">
        <v>230056</v>
      </c>
      <c r="JP17" s="364">
        <v>2567435</v>
      </c>
      <c r="JQ17" s="362">
        <v>2567435</v>
      </c>
      <c r="JR17" s="363">
        <v>0</v>
      </c>
      <c r="JS17" s="360">
        <v>0</v>
      </c>
      <c r="JT17" s="361">
        <v>0</v>
      </c>
      <c r="JU17" s="366">
        <v>0</v>
      </c>
      <c r="JV17" s="360">
        <v>85783</v>
      </c>
      <c r="JW17" s="360">
        <v>0</v>
      </c>
      <c r="JX17" s="360">
        <v>0</v>
      </c>
      <c r="JY17" s="360">
        <v>0</v>
      </c>
      <c r="JZ17" s="360">
        <v>0</v>
      </c>
      <c r="KA17" s="364">
        <v>85783</v>
      </c>
      <c r="KB17" s="362">
        <v>85783</v>
      </c>
      <c r="KC17" s="367">
        <v>0</v>
      </c>
      <c r="KD17" s="368">
        <v>61362</v>
      </c>
      <c r="KE17" s="364">
        <v>61362</v>
      </c>
      <c r="KF17" s="366">
        <v>0</v>
      </c>
      <c r="KG17" s="360">
        <v>209304</v>
      </c>
      <c r="KH17" s="360">
        <v>245964</v>
      </c>
      <c r="KI17" s="360">
        <v>0</v>
      </c>
      <c r="KJ17" s="360">
        <v>456126</v>
      </c>
      <c r="KK17" s="360">
        <v>0</v>
      </c>
      <c r="KL17" s="364">
        <v>911394</v>
      </c>
      <c r="KM17" s="369">
        <v>972756</v>
      </c>
      <c r="KN17" s="357">
        <v>0</v>
      </c>
      <c r="KO17" s="358">
        <v>0</v>
      </c>
      <c r="KP17" s="359">
        <v>0</v>
      </c>
      <c r="KQ17" s="436">
        <v>0</v>
      </c>
      <c r="KR17" s="360">
        <v>196678</v>
      </c>
      <c r="KS17" s="360">
        <v>525347</v>
      </c>
      <c r="KT17" s="360">
        <v>419660</v>
      </c>
      <c r="KU17" s="360">
        <v>214029</v>
      </c>
      <c r="KV17" s="360">
        <v>0</v>
      </c>
      <c r="KW17" s="364">
        <v>1355714</v>
      </c>
      <c r="KX17" s="362">
        <v>1355714</v>
      </c>
      <c r="KY17" s="363">
        <v>0</v>
      </c>
      <c r="KZ17" s="360">
        <v>0</v>
      </c>
      <c r="LA17" s="364">
        <v>0</v>
      </c>
      <c r="LB17" s="436">
        <v>0</v>
      </c>
      <c r="LC17" s="360">
        <v>0</v>
      </c>
      <c r="LD17" s="360">
        <v>0</v>
      </c>
      <c r="LE17" s="360">
        <v>0</v>
      </c>
      <c r="LF17" s="360">
        <v>0</v>
      </c>
      <c r="LG17" s="360">
        <v>0</v>
      </c>
      <c r="LH17" s="364">
        <v>0</v>
      </c>
      <c r="LI17" s="365">
        <v>0</v>
      </c>
      <c r="LJ17" s="363">
        <v>0</v>
      </c>
      <c r="LK17" s="360">
        <v>0</v>
      </c>
      <c r="LL17" s="364">
        <v>0</v>
      </c>
      <c r="LM17" s="436">
        <v>0</v>
      </c>
      <c r="LN17" s="360">
        <v>0</v>
      </c>
      <c r="LO17" s="360">
        <v>0</v>
      </c>
      <c r="LP17" s="360">
        <v>0</v>
      </c>
      <c r="LQ17" s="360">
        <v>0</v>
      </c>
      <c r="LR17" s="360">
        <v>0</v>
      </c>
      <c r="LS17" s="364">
        <v>0</v>
      </c>
      <c r="LT17" s="362">
        <v>0</v>
      </c>
      <c r="LU17" s="363">
        <v>0</v>
      </c>
      <c r="LV17" s="360">
        <v>0</v>
      </c>
      <c r="LW17" s="364">
        <v>0</v>
      </c>
      <c r="LX17" s="436">
        <v>0</v>
      </c>
      <c r="LY17" s="360">
        <v>0</v>
      </c>
      <c r="LZ17" s="360">
        <v>0</v>
      </c>
      <c r="MA17" s="360">
        <v>0</v>
      </c>
      <c r="MB17" s="360">
        <v>0</v>
      </c>
      <c r="MC17" s="360">
        <v>0</v>
      </c>
      <c r="MD17" s="364">
        <v>0</v>
      </c>
      <c r="ME17" s="365">
        <v>0</v>
      </c>
      <c r="MF17" s="363">
        <v>0</v>
      </c>
      <c r="MG17" s="360">
        <v>0</v>
      </c>
      <c r="MH17" s="364">
        <v>0</v>
      </c>
      <c r="MI17" s="436">
        <v>0</v>
      </c>
      <c r="MJ17" s="360">
        <v>188763</v>
      </c>
      <c r="MK17" s="360">
        <v>694754</v>
      </c>
      <c r="ML17" s="360">
        <v>2150995</v>
      </c>
      <c r="MM17" s="360">
        <v>2166925</v>
      </c>
      <c r="MN17" s="360">
        <v>1641299</v>
      </c>
      <c r="MO17" s="364">
        <v>6842736</v>
      </c>
      <c r="MP17" s="369">
        <v>6842736</v>
      </c>
      <c r="MQ17" s="363">
        <v>0</v>
      </c>
      <c r="MR17" s="360">
        <v>0</v>
      </c>
      <c r="MS17" s="364">
        <v>0</v>
      </c>
      <c r="MT17" s="436">
        <v>0</v>
      </c>
      <c r="MU17" s="360">
        <v>0</v>
      </c>
      <c r="MV17" s="360">
        <v>0</v>
      </c>
      <c r="MW17" s="360">
        <v>1296119</v>
      </c>
      <c r="MX17" s="360">
        <v>1716468</v>
      </c>
      <c r="MY17" s="360">
        <v>1428996</v>
      </c>
      <c r="MZ17" s="364">
        <v>4441583</v>
      </c>
      <c r="NA17" s="369">
        <v>4441583</v>
      </c>
      <c r="NB17" s="363">
        <v>0</v>
      </c>
      <c r="NC17" s="360">
        <v>0</v>
      </c>
      <c r="ND17" s="364">
        <v>0</v>
      </c>
      <c r="NE17" s="436">
        <v>0</v>
      </c>
      <c r="NF17" s="360">
        <v>188763</v>
      </c>
      <c r="NG17" s="360">
        <v>694754</v>
      </c>
      <c r="NH17" s="360">
        <v>854876</v>
      </c>
      <c r="NI17" s="360">
        <v>450457</v>
      </c>
      <c r="NJ17" s="360">
        <v>212303</v>
      </c>
      <c r="NK17" s="364">
        <v>2401153</v>
      </c>
      <c r="NL17" s="362">
        <v>2401153</v>
      </c>
      <c r="NM17" s="363">
        <v>0</v>
      </c>
      <c r="NN17" s="360">
        <v>0</v>
      </c>
      <c r="NO17" s="364">
        <v>0</v>
      </c>
      <c r="NP17" s="436">
        <v>0</v>
      </c>
      <c r="NQ17" s="360">
        <v>0</v>
      </c>
      <c r="NR17" s="360">
        <v>0</v>
      </c>
      <c r="NS17" s="360">
        <v>0</v>
      </c>
      <c r="NT17" s="360">
        <v>0</v>
      </c>
      <c r="NU17" s="360">
        <v>0</v>
      </c>
      <c r="NV17" s="364">
        <v>0</v>
      </c>
      <c r="NW17" s="365">
        <v>0</v>
      </c>
      <c r="NX17" s="363">
        <v>0</v>
      </c>
      <c r="NY17" s="360">
        <v>0</v>
      </c>
      <c r="NZ17" s="364">
        <v>0</v>
      </c>
      <c r="OA17" s="436">
        <v>0</v>
      </c>
      <c r="OB17" s="360">
        <v>0</v>
      </c>
      <c r="OC17" s="360">
        <v>0</v>
      </c>
      <c r="OD17" s="360">
        <v>0</v>
      </c>
      <c r="OE17" s="360">
        <v>0</v>
      </c>
      <c r="OF17" s="360">
        <v>0</v>
      </c>
      <c r="OG17" s="364">
        <v>0</v>
      </c>
      <c r="OH17" s="365">
        <v>0</v>
      </c>
      <c r="OI17" s="363">
        <v>267319</v>
      </c>
      <c r="OJ17" s="360">
        <v>505989</v>
      </c>
      <c r="OK17" s="361">
        <v>773308</v>
      </c>
      <c r="OL17" s="366">
        <v>0</v>
      </c>
      <c r="OM17" s="360">
        <v>7725592</v>
      </c>
      <c r="ON17" s="360">
        <v>5934514</v>
      </c>
      <c r="OO17" s="360">
        <v>7448044</v>
      </c>
      <c r="OP17" s="360">
        <v>9704606</v>
      </c>
      <c r="OQ17" s="360">
        <v>5970265</v>
      </c>
      <c r="OR17" s="364">
        <v>36783021</v>
      </c>
      <c r="OS17" s="369">
        <v>37556329</v>
      </c>
    </row>
    <row r="18" spans="2:409" s="137" customFormat="1" ht="21" customHeight="1" x14ac:dyDescent="0.2">
      <c r="B18" s="421" t="s">
        <v>12</v>
      </c>
      <c r="C18" s="341">
        <v>737580</v>
      </c>
      <c r="D18" s="342">
        <v>1606522</v>
      </c>
      <c r="E18" s="343">
        <v>2344102</v>
      </c>
      <c r="F18" s="344">
        <v>0</v>
      </c>
      <c r="G18" s="342">
        <v>6093537</v>
      </c>
      <c r="H18" s="381">
        <v>7185287</v>
      </c>
      <c r="I18" s="381">
        <v>6769978</v>
      </c>
      <c r="J18" s="381">
        <v>6255497</v>
      </c>
      <c r="K18" s="381">
        <v>6622942</v>
      </c>
      <c r="L18" s="346">
        <v>32927241</v>
      </c>
      <c r="M18" s="345">
        <v>35271343</v>
      </c>
      <c r="N18" s="341">
        <v>214130</v>
      </c>
      <c r="O18" s="342">
        <v>766709</v>
      </c>
      <c r="P18" s="343">
        <v>980839</v>
      </c>
      <c r="Q18" s="341">
        <v>0</v>
      </c>
      <c r="R18" s="342">
        <v>2066930</v>
      </c>
      <c r="S18" s="342">
        <v>3141100</v>
      </c>
      <c r="T18" s="342">
        <v>1992302</v>
      </c>
      <c r="U18" s="342">
        <v>2086276</v>
      </c>
      <c r="V18" s="342">
        <v>3463844</v>
      </c>
      <c r="W18" s="343">
        <v>12750452</v>
      </c>
      <c r="X18" s="345">
        <v>13731291</v>
      </c>
      <c r="Y18" s="341">
        <v>0</v>
      </c>
      <c r="Z18" s="342">
        <v>0</v>
      </c>
      <c r="AA18" s="343">
        <v>0</v>
      </c>
      <c r="AB18" s="341">
        <v>0</v>
      </c>
      <c r="AC18" s="342">
        <v>1240542</v>
      </c>
      <c r="AD18" s="342">
        <v>1696673</v>
      </c>
      <c r="AE18" s="342">
        <v>1227825</v>
      </c>
      <c r="AF18" s="342">
        <v>1271949</v>
      </c>
      <c r="AG18" s="342">
        <v>2381705</v>
      </c>
      <c r="AH18" s="343">
        <v>7818694</v>
      </c>
      <c r="AI18" s="345">
        <v>7818694</v>
      </c>
      <c r="AJ18" s="341">
        <v>0</v>
      </c>
      <c r="AK18" s="342">
        <v>0</v>
      </c>
      <c r="AL18" s="343">
        <v>0</v>
      </c>
      <c r="AM18" s="341">
        <v>0</v>
      </c>
      <c r="AN18" s="342">
        <v>0</v>
      </c>
      <c r="AO18" s="342">
        <v>93228</v>
      </c>
      <c r="AP18" s="342">
        <v>81842</v>
      </c>
      <c r="AQ18" s="342">
        <v>83505</v>
      </c>
      <c r="AR18" s="342">
        <v>310377</v>
      </c>
      <c r="AS18" s="343">
        <v>568952</v>
      </c>
      <c r="AT18" s="345">
        <v>568952</v>
      </c>
      <c r="AU18" s="341">
        <v>146101</v>
      </c>
      <c r="AV18" s="342">
        <v>658741</v>
      </c>
      <c r="AW18" s="343">
        <v>804842</v>
      </c>
      <c r="AX18" s="341">
        <v>0</v>
      </c>
      <c r="AY18" s="342">
        <v>628260</v>
      </c>
      <c r="AZ18" s="342">
        <v>914936</v>
      </c>
      <c r="BA18" s="342">
        <v>296243</v>
      </c>
      <c r="BB18" s="342">
        <v>500907</v>
      </c>
      <c r="BC18" s="342">
        <v>569168</v>
      </c>
      <c r="BD18" s="343">
        <v>2909514</v>
      </c>
      <c r="BE18" s="345">
        <v>3714356</v>
      </c>
      <c r="BF18" s="341">
        <v>27737</v>
      </c>
      <c r="BG18" s="342">
        <v>18137</v>
      </c>
      <c r="BH18" s="346">
        <v>45874</v>
      </c>
      <c r="BI18" s="347">
        <v>0</v>
      </c>
      <c r="BJ18" s="342">
        <v>23114</v>
      </c>
      <c r="BK18" s="342">
        <v>84492</v>
      </c>
      <c r="BL18" s="342">
        <v>80716</v>
      </c>
      <c r="BM18" s="342">
        <v>0</v>
      </c>
      <c r="BN18" s="342">
        <v>14245</v>
      </c>
      <c r="BO18" s="343">
        <v>202567</v>
      </c>
      <c r="BP18" s="345">
        <v>248441</v>
      </c>
      <c r="BQ18" s="341">
        <v>40292</v>
      </c>
      <c r="BR18" s="342">
        <v>89831</v>
      </c>
      <c r="BS18" s="343">
        <v>130123</v>
      </c>
      <c r="BT18" s="341">
        <v>0</v>
      </c>
      <c r="BU18" s="342">
        <v>175014</v>
      </c>
      <c r="BV18" s="342">
        <v>351771</v>
      </c>
      <c r="BW18" s="342">
        <v>305676</v>
      </c>
      <c r="BX18" s="342">
        <v>229915</v>
      </c>
      <c r="BY18" s="342">
        <v>188349</v>
      </c>
      <c r="BZ18" s="343">
        <v>1250725</v>
      </c>
      <c r="CA18" s="345">
        <v>1380848</v>
      </c>
      <c r="CB18" s="341">
        <v>221847</v>
      </c>
      <c r="CC18" s="342">
        <v>269407</v>
      </c>
      <c r="CD18" s="343">
        <v>491254</v>
      </c>
      <c r="CE18" s="341">
        <v>0</v>
      </c>
      <c r="CF18" s="342">
        <v>2046513</v>
      </c>
      <c r="CG18" s="342">
        <v>1580587</v>
      </c>
      <c r="CH18" s="342">
        <v>1961984</v>
      </c>
      <c r="CI18" s="342">
        <v>773207</v>
      </c>
      <c r="CJ18" s="342">
        <v>814693</v>
      </c>
      <c r="CK18" s="343">
        <v>7176984</v>
      </c>
      <c r="CL18" s="345">
        <v>7668238</v>
      </c>
      <c r="CM18" s="341">
        <v>0</v>
      </c>
      <c r="CN18" s="342">
        <v>0</v>
      </c>
      <c r="CO18" s="343">
        <v>0</v>
      </c>
      <c r="CP18" s="347">
        <v>0</v>
      </c>
      <c r="CQ18" s="342">
        <v>1629364</v>
      </c>
      <c r="CR18" s="342">
        <v>1297528</v>
      </c>
      <c r="CS18" s="342">
        <v>1090278</v>
      </c>
      <c r="CT18" s="342">
        <v>477530</v>
      </c>
      <c r="CU18" s="342">
        <v>714018</v>
      </c>
      <c r="CV18" s="343">
        <v>5208718</v>
      </c>
      <c r="CW18" s="345">
        <v>5208718</v>
      </c>
      <c r="CX18" s="341">
        <v>221847</v>
      </c>
      <c r="CY18" s="342">
        <v>269407</v>
      </c>
      <c r="CZ18" s="343">
        <v>491254</v>
      </c>
      <c r="DA18" s="341">
        <v>0</v>
      </c>
      <c r="DB18" s="342">
        <v>417149</v>
      </c>
      <c r="DC18" s="342">
        <v>283059</v>
      </c>
      <c r="DD18" s="342">
        <v>871706</v>
      </c>
      <c r="DE18" s="342">
        <v>295677</v>
      </c>
      <c r="DF18" s="342">
        <v>100675</v>
      </c>
      <c r="DG18" s="343">
        <v>1968266</v>
      </c>
      <c r="DH18" s="345">
        <v>2459520</v>
      </c>
      <c r="DI18" s="341">
        <v>0</v>
      </c>
      <c r="DJ18" s="342">
        <v>61612</v>
      </c>
      <c r="DK18" s="346">
        <v>61612</v>
      </c>
      <c r="DL18" s="347">
        <v>0</v>
      </c>
      <c r="DM18" s="342">
        <v>426235</v>
      </c>
      <c r="DN18" s="342">
        <v>245197</v>
      </c>
      <c r="DO18" s="342">
        <v>503272</v>
      </c>
      <c r="DP18" s="342">
        <v>462827</v>
      </c>
      <c r="DQ18" s="342">
        <v>412876</v>
      </c>
      <c r="DR18" s="343">
        <v>2050407</v>
      </c>
      <c r="DS18" s="345">
        <v>2112019</v>
      </c>
      <c r="DT18" s="341">
        <v>0</v>
      </c>
      <c r="DU18" s="342">
        <v>61612</v>
      </c>
      <c r="DV18" s="343">
        <v>61612</v>
      </c>
      <c r="DW18" s="341">
        <v>0</v>
      </c>
      <c r="DX18" s="342">
        <v>349989</v>
      </c>
      <c r="DY18" s="342">
        <v>245197</v>
      </c>
      <c r="DZ18" s="342">
        <v>503272</v>
      </c>
      <c r="EA18" s="342">
        <v>462827</v>
      </c>
      <c r="EB18" s="342">
        <v>412876</v>
      </c>
      <c r="EC18" s="343">
        <v>1974161</v>
      </c>
      <c r="ED18" s="345">
        <v>2035773</v>
      </c>
      <c r="EE18" s="341">
        <v>0</v>
      </c>
      <c r="EF18" s="346">
        <v>0</v>
      </c>
      <c r="EG18" s="343">
        <v>0</v>
      </c>
      <c r="EH18" s="341">
        <v>0</v>
      </c>
      <c r="EI18" s="342">
        <v>76246</v>
      </c>
      <c r="EJ18" s="342">
        <v>0</v>
      </c>
      <c r="EK18" s="342">
        <v>0</v>
      </c>
      <c r="EL18" s="342">
        <v>0</v>
      </c>
      <c r="EM18" s="342">
        <v>0</v>
      </c>
      <c r="EN18" s="346">
        <v>76246</v>
      </c>
      <c r="EO18" s="345">
        <v>76246</v>
      </c>
      <c r="EP18" s="341">
        <v>0</v>
      </c>
      <c r="EQ18" s="342">
        <v>0</v>
      </c>
      <c r="ER18" s="346">
        <v>0</v>
      </c>
      <c r="ES18" s="347">
        <v>0</v>
      </c>
      <c r="ET18" s="342">
        <v>0</v>
      </c>
      <c r="EU18" s="342">
        <v>0</v>
      </c>
      <c r="EV18" s="342">
        <v>0</v>
      </c>
      <c r="EW18" s="342">
        <v>0</v>
      </c>
      <c r="EX18" s="342">
        <v>0</v>
      </c>
      <c r="EY18" s="343">
        <v>0</v>
      </c>
      <c r="EZ18" s="345">
        <v>0</v>
      </c>
      <c r="FA18" s="341">
        <v>0</v>
      </c>
      <c r="FB18" s="342">
        <v>0</v>
      </c>
      <c r="FC18" s="346">
        <v>0</v>
      </c>
      <c r="FD18" s="436">
        <v>0</v>
      </c>
      <c r="FE18" s="342">
        <v>0</v>
      </c>
      <c r="FF18" s="342">
        <v>0</v>
      </c>
      <c r="FG18" s="342">
        <v>0</v>
      </c>
      <c r="FH18" s="342">
        <v>0</v>
      </c>
      <c r="FI18" s="342">
        <v>0</v>
      </c>
      <c r="FJ18" s="343">
        <v>0</v>
      </c>
      <c r="FK18" s="345">
        <v>0</v>
      </c>
      <c r="FL18" s="341">
        <v>114632</v>
      </c>
      <c r="FM18" s="342">
        <v>319584</v>
      </c>
      <c r="FN18" s="343">
        <v>434216</v>
      </c>
      <c r="FO18" s="341">
        <v>0</v>
      </c>
      <c r="FP18" s="342">
        <v>259896</v>
      </c>
      <c r="FQ18" s="342">
        <v>602476</v>
      </c>
      <c r="FR18" s="342">
        <v>487214</v>
      </c>
      <c r="FS18" s="342">
        <v>569786</v>
      </c>
      <c r="FT18" s="342">
        <v>749163</v>
      </c>
      <c r="FU18" s="343">
        <v>2668535</v>
      </c>
      <c r="FV18" s="345">
        <v>3102751</v>
      </c>
      <c r="FW18" s="348">
        <v>114632</v>
      </c>
      <c r="FX18" s="342">
        <v>258342</v>
      </c>
      <c r="FY18" s="346">
        <v>372974</v>
      </c>
      <c r="FZ18" s="347">
        <v>0</v>
      </c>
      <c r="GA18" s="342">
        <v>259896</v>
      </c>
      <c r="GB18" s="342">
        <v>569856</v>
      </c>
      <c r="GC18" s="342">
        <v>464114</v>
      </c>
      <c r="GD18" s="342">
        <v>569786</v>
      </c>
      <c r="GE18" s="342">
        <v>509418</v>
      </c>
      <c r="GF18" s="343">
        <v>2373070</v>
      </c>
      <c r="GG18" s="349">
        <v>2746044</v>
      </c>
      <c r="GH18" s="348">
        <v>0</v>
      </c>
      <c r="GI18" s="342">
        <v>61242</v>
      </c>
      <c r="GJ18" s="346">
        <v>61242</v>
      </c>
      <c r="GK18" s="347">
        <v>0</v>
      </c>
      <c r="GL18" s="342">
        <v>0</v>
      </c>
      <c r="GM18" s="342">
        <v>32620</v>
      </c>
      <c r="GN18" s="342">
        <v>23100</v>
      </c>
      <c r="GO18" s="342">
        <v>0</v>
      </c>
      <c r="GP18" s="342">
        <v>51436</v>
      </c>
      <c r="GQ18" s="343">
        <v>107156</v>
      </c>
      <c r="GR18" s="345">
        <v>168398</v>
      </c>
      <c r="GS18" s="341">
        <v>0</v>
      </c>
      <c r="GT18" s="342">
        <v>0</v>
      </c>
      <c r="GU18" s="343">
        <v>0</v>
      </c>
      <c r="GV18" s="341">
        <v>0</v>
      </c>
      <c r="GW18" s="342">
        <v>0</v>
      </c>
      <c r="GX18" s="342">
        <v>0</v>
      </c>
      <c r="GY18" s="342">
        <v>0</v>
      </c>
      <c r="GZ18" s="342">
        <v>0</v>
      </c>
      <c r="HA18" s="342">
        <v>188309</v>
      </c>
      <c r="HB18" s="346">
        <v>188309</v>
      </c>
      <c r="HC18" s="345">
        <v>188309</v>
      </c>
      <c r="HD18" s="341">
        <v>186971</v>
      </c>
      <c r="HE18" s="342">
        <v>189210</v>
      </c>
      <c r="HF18" s="346">
        <v>376181</v>
      </c>
      <c r="HG18" s="347">
        <v>0</v>
      </c>
      <c r="HH18" s="342">
        <v>1293963</v>
      </c>
      <c r="HI18" s="342">
        <v>1615927</v>
      </c>
      <c r="HJ18" s="342">
        <v>1825206</v>
      </c>
      <c r="HK18" s="342">
        <v>2363401</v>
      </c>
      <c r="HL18" s="342">
        <v>1182366</v>
      </c>
      <c r="HM18" s="343">
        <v>8280863</v>
      </c>
      <c r="HN18" s="344">
        <v>8657044</v>
      </c>
      <c r="HO18" s="348">
        <v>0</v>
      </c>
      <c r="HP18" s="342">
        <v>0</v>
      </c>
      <c r="HQ18" s="343">
        <v>0</v>
      </c>
      <c r="HR18" s="341">
        <v>0</v>
      </c>
      <c r="HS18" s="342">
        <v>0</v>
      </c>
      <c r="HT18" s="342">
        <v>0</v>
      </c>
      <c r="HU18" s="342">
        <v>0</v>
      </c>
      <c r="HV18" s="342">
        <v>0</v>
      </c>
      <c r="HW18" s="342">
        <v>0</v>
      </c>
      <c r="HX18" s="346">
        <v>0</v>
      </c>
      <c r="HY18" s="345">
        <v>0</v>
      </c>
      <c r="HZ18" s="373">
        <v>0</v>
      </c>
      <c r="IA18" s="371">
        <v>0</v>
      </c>
      <c r="IB18" s="373">
        <v>0</v>
      </c>
      <c r="IC18" s="370">
        <v>0</v>
      </c>
      <c r="ID18" s="371">
        <v>915234</v>
      </c>
      <c r="IE18" s="372">
        <v>1596412</v>
      </c>
      <c r="IF18" s="373">
        <v>1136621</v>
      </c>
      <c r="IG18" s="371">
        <v>1350095</v>
      </c>
      <c r="IH18" s="373">
        <v>736463</v>
      </c>
      <c r="II18" s="374">
        <v>5734825</v>
      </c>
      <c r="IJ18" s="373">
        <v>5734825</v>
      </c>
      <c r="IK18" s="357">
        <v>0</v>
      </c>
      <c r="IL18" s="358">
        <v>0</v>
      </c>
      <c r="IM18" s="359">
        <v>0</v>
      </c>
      <c r="IN18" s="436">
        <v>0</v>
      </c>
      <c r="IO18" s="360">
        <v>0</v>
      </c>
      <c r="IP18" s="360">
        <v>0</v>
      </c>
      <c r="IQ18" s="360">
        <v>0</v>
      </c>
      <c r="IR18" s="360">
        <v>0</v>
      </c>
      <c r="IS18" s="360">
        <v>0</v>
      </c>
      <c r="IT18" s="361">
        <v>0</v>
      </c>
      <c r="IU18" s="362">
        <v>0</v>
      </c>
      <c r="IV18" s="363">
        <v>0</v>
      </c>
      <c r="IW18" s="360">
        <v>0</v>
      </c>
      <c r="IX18" s="364">
        <v>0</v>
      </c>
      <c r="IY18" s="436">
        <v>0</v>
      </c>
      <c r="IZ18" s="360">
        <v>0</v>
      </c>
      <c r="JA18" s="360">
        <v>0</v>
      </c>
      <c r="JB18" s="360">
        <v>0</v>
      </c>
      <c r="JC18" s="360">
        <v>0</v>
      </c>
      <c r="JD18" s="360">
        <v>0</v>
      </c>
      <c r="JE18" s="364">
        <v>0</v>
      </c>
      <c r="JF18" s="365">
        <v>0</v>
      </c>
      <c r="JG18" s="363">
        <v>0</v>
      </c>
      <c r="JH18" s="360">
        <v>0</v>
      </c>
      <c r="JI18" s="361">
        <v>0</v>
      </c>
      <c r="JJ18" s="366">
        <v>0</v>
      </c>
      <c r="JK18" s="360">
        <v>612054</v>
      </c>
      <c r="JL18" s="360">
        <v>667391</v>
      </c>
      <c r="JM18" s="360">
        <v>258098</v>
      </c>
      <c r="JN18" s="360">
        <v>138309</v>
      </c>
      <c r="JO18" s="360">
        <v>517928</v>
      </c>
      <c r="JP18" s="364">
        <v>2193780</v>
      </c>
      <c r="JQ18" s="362">
        <v>2193780</v>
      </c>
      <c r="JR18" s="363">
        <v>0</v>
      </c>
      <c r="JS18" s="360">
        <v>0</v>
      </c>
      <c r="JT18" s="361">
        <v>0</v>
      </c>
      <c r="JU18" s="366">
        <v>0</v>
      </c>
      <c r="JV18" s="360">
        <v>0</v>
      </c>
      <c r="JW18" s="360">
        <v>0</v>
      </c>
      <c r="JX18" s="360">
        <v>0</v>
      </c>
      <c r="JY18" s="360">
        <v>0</v>
      </c>
      <c r="JZ18" s="360">
        <v>0</v>
      </c>
      <c r="KA18" s="364">
        <v>0</v>
      </c>
      <c r="KB18" s="362">
        <v>0</v>
      </c>
      <c r="KC18" s="367">
        <v>0</v>
      </c>
      <c r="KD18" s="368">
        <v>0</v>
      </c>
      <c r="KE18" s="364">
        <v>0</v>
      </c>
      <c r="KF18" s="366">
        <v>0</v>
      </c>
      <c r="KG18" s="360">
        <v>108448</v>
      </c>
      <c r="KH18" s="360">
        <v>162454</v>
      </c>
      <c r="KI18" s="360">
        <v>645254</v>
      </c>
      <c r="KJ18" s="360">
        <v>461724</v>
      </c>
      <c r="KK18" s="360">
        <v>0</v>
      </c>
      <c r="KL18" s="364">
        <v>1377880</v>
      </c>
      <c r="KM18" s="369">
        <v>1377880</v>
      </c>
      <c r="KN18" s="357">
        <v>0</v>
      </c>
      <c r="KO18" s="358">
        <v>0</v>
      </c>
      <c r="KP18" s="359">
        <v>0</v>
      </c>
      <c r="KQ18" s="436">
        <v>0</v>
      </c>
      <c r="KR18" s="360">
        <v>194732</v>
      </c>
      <c r="KS18" s="360">
        <v>417655</v>
      </c>
      <c r="KT18" s="360">
        <v>0</v>
      </c>
      <c r="KU18" s="360">
        <v>0</v>
      </c>
      <c r="KV18" s="360">
        <v>218535</v>
      </c>
      <c r="KW18" s="364">
        <v>830922</v>
      </c>
      <c r="KX18" s="362">
        <v>830922</v>
      </c>
      <c r="KY18" s="363">
        <v>0</v>
      </c>
      <c r="KZ18" s="360">
        <v>0</v>
      </c>
      <c r="LA18" s="364">
        <v>0</v>
      </c>
      <c r="LB18" s="436">
        <v>0</v>
      </c>
      <c r="LC18" s="360">
        <v>0</v>
      </c>
      <c r="LD18" s="360">
        <v>154163</v>
      </c>
      <c r="LE18" s="360">
        <v>0</v>
      </c>
      <c r="LF18" s="360">
        <v>186093</v>
      </c>
      <c r="LG18" s="360">
        <v>0</v>
      </c>
      <c r="LH18" s="364">
        <v>340256</v>
      </c>
      <c r="LI18" s="365">
        <v>340256</v>
      </c>
      <c r="LJ18" s="363">
        <v>0</v>
      </c>
      <c r="LK18" s="360">
        <v>0</v>
      </c>
      <c r="LL18" s="364">
        <v>0</v>
      </c>
      <c r="LM18" s="436">
        <v>0</v>
      </c>
      <c r="LN18" s="360">
        <v>0</v>
      </c>
      <c r="LO18" s="360">
        <v>0</v>
      </c>
      <c r="LP18" s="360">
        <v>0</v>
      </c>
      <c r="LQ18" s="360">
        <v>0</v>
      </c>
      <c r="LR18" s="360">
        <v>0</v>
      </c>
      <c r="LS18" s="364">
        <v>0</v>
      </c>
      <c r="LT18" s="362">
        <v>0</v>
      </c>
      <c r="LU18" s="363">
        <v>0</v>
      </c>
      <c r="LV18" s="360">
        <v>0</v>
      </c>
      <c r="LW18" s="364">
        <v>0</v>
      </c>
      <c r="LX18" s="436">
        <v>0</v>
      </c>
      <c r="LY18" s="360">
        <v>0</v>
      </c>
      <c r="LZ18" s="360">
        <v>194749</v>
      </c>
      <c r="MA18" s="360">
        <v>233269</v>
      </c>
      <c r="MB18" s="360">
        <v>563969</v>
      </c>
      <c r="MC18" s="360">
        <v>0</v>
      </c>
      <c r="MD18" s="364">
        <v>991987</v>
      </c>
      <c r="ME18" s="365">
        <v>991987</v>
      </c>
      <c r="MF18" s="363">
        <v>0</v>
      </c>
      <c r="MG18" s="360">
        <v>0</v>
      </c>
      <c r="MH18" s="364">
        <v>0</v>
      </c>
      <c r="MI18" s="436">
        <v>0</v>
      </c>
      <c r="MJ18" s="360">
        <v>230897</v>
      </c>
      <c r="MK18" s="360">
        <v>596913</v>
      </c>
      <c r="ML18" s="360">
        <v>1175920</v>
      </c>
      <c r="MM18" s="360">
        <v>4181076</v>
      </c>
      <c r="MN18" s="360">
        <v>1639352</v>
      </c>
      <c r="MO18" s="364">
        <v>7824158</v>
      </c>
      <c r="MP18" s="369">
        <v>7824158</v>
      </c>
      <c r="MQ18" s="363">
        <v>0</v>
      </c>
      <c r="MR18" s="360">
        <v>0</v>
      </c>
      <c r="MS18" s="364">
        <v>0</v>
      </c>
      <c r="MT18" s="436">
        <v>0</v>
      </c>
      <c r="MU18" s="360">
        <v>0</v>
      </c>
      <c r="MV18" s="360">
        <v>0</v>
      </c>
      <c r="MW18" s="360">
        <v>215865</v>
      </c>
      <c r="MX18" s="360">
        <v>2202364</v>
      </c>
      <c r="MY18" s="360">
        <v>1039594</v>
      </c>
      <c r="MZ18" s="364">
        <v>3457823</v>
      </c>
      <c r="NA18" s="369">
        <v>3457823</v>
      </c>
      <c r="NB18" s="363">
        <v>0</v>
      </c>
      <c r="NC18" s="360">
        <v>0</v>
      </c>
      <c r="ND18" s="364">
        <v>0</v>
      </c>
      <c r="NE18" s="436">
        <v>0</v>
      </c>
      <c r="NF18" s="360">
        <v>230897</v>
      </c>
      <c r="NG18" s="360">
        <v>596913</v>
      </c>
      <c r="NH18" s="360">
        <v>960055</v>
      </c>
      <c r="NI18" s="360">
        <v>1098155</v>
      </c>
      <c r="NJ18" s="360">
        <v>599758</v>
      </c>
      <c r="NK18" s="364">
        <v>3485778</v>
      </c>
      <c r="NL18" s="362">
        <v>3485778</v>
      </c>
      <c r="NM18" s="363">
        <v>0</v>
      </c>
      <c r="NN18" s="360">
        <v>0</v>
      </c>
      <c r="NO18" s="364">
        <v>0</v>
      </c>
      <c r="NP18" s="436">
        <v>0</v>
      </c>
      <c r="NQ18" s="360">
        <v>0</v>
      </c>
      <c r="NR18" s="360">
        <v>0</v>
      </c>
      <c r="NS18" s="360">
        <v>0</v>
      </c>
      <c r="NT18" s="360">
        <v>0</v>
      </c>
      <c r="NU18" s="360">
        <v>0</v>
      </c>
      <c r="NV18" s="364">
        <v>0</v>
      </c>
      <c r="NW18" s="365">
        <v>0</v>
      </c>
      <c r="NX18" s="363">
        <v>0</v>
      </c>
      <c r="NY18" s="360">
        <v>0</v>
      </c>
      <c r="NZ18" s="364">
        <v>0</v>
      </c>
      <c r="OA18" s="436">
        <v>0</v>
      </c>
      <c r="OB18" s="360">
        <v>0</v>
      </c>
      <c r="OC18" s="360">
        <v>0</v>
      </c>
      <c r="OD18" s="360">
        <v>0</v>
      </c>
      <c r="OE18" s="360">
        <v>880557</v>
      </c>
      <c r="OF18" s="360">
        <v>0</v>
      </c>
      <c r="OG18" s="364">
        <v>880557</v>
      </c>
      <c r="OH18" s="365">
        <v>880557</v>
      </c>
      <c r="OI18" s="363">
        <v>737580</v>
      </c>
      <c r="OJ18" s="360">
        <v>1606522</v>
      </c>
      <c r="OK18" s="361">
        <v>2344102</v>
      </c>
      <c r="OL18" s="366">
        <v>0</v>
      </c>
      <c r="OM18" s="360">
        <v>7239668</v>
      </c>
      <c r="ON18" s="360">
        <v>9378612</v>
      </c>
      <c r="OO18" s="360">
        <v>9082519</v>
      </c>
      <c r="OP18" s="360">
        <v>11786668</v>
      </c>
      <c r="OQ18" s="360">
        <v>8998757</v>
      </c>
      <c r="OR18" s="364">
        <v>46486224</v>
      </c>
      <c r="OS18" s="369">
        <v>48830326</v>
      </c>
    </row>
    <row r="19" spans="2:409" s="137" customFormat="1" ht="21" customHeight="1" x14ac:dyDescent="0.2">
      <c r="B19" s="421" t="s">
        <v>13</v>
      </c>
      <c r="C19" s="341">
        <v>298936</v>
      </c>
      <c r="D19" s="342">
        <v>881641</v>
      </c>
      <c r="E19" s="343">
        <v>1180577</v>
      </c>
      <c r="F19" s="341">
        <v>0</v>
      </c>
      <c r="G19" s="381">
        <v>4019470</v>
      </c>
      <c r="H19" s="342">
        <v>4732224</v>
      </c>
      <c r="I19" s="342">
        <v>4441060</v>
      </c>
      <c r="J19" s="342">
        <v>3399966</v>
      </c>
      <c r="K19" s="342">
        <v>4665829</v>
      </c>
      <c r="L19" s="346">
        <v>21258549</v>
      </c>
      <c r="M19" s="345">
        <v>22439126</v>
      </c>
      <c r="N19" s="341">
        <v>92261</v>
      </c>
      <c r="O19" s="342">
        <v>181246</v>
      </c>
      <c r="P19" s="343">
        <v>273507</v>
      </c>
      <c r="Q19" s="341">
        <v>0</v>
      </c>
      <c r="R19" s="342">
        <v>1619595</v>
      </c>
      <c r="S19" s="342">
        <v>1865544</v>
      </c>
      <c r="T19" s="342">
        <v>1755463</v>
      </c>
      <c r="U19" s="342">
        <v>1230616</v>
      </c>
      <c r="V19" s="342">
        <v>2762205</v>
      </c>
      <c r="W19" s="343">
        <v>9233423</v>
      </c>
      <c r="X19" s="345">
        <v>9506930</v>
      </c>
      <c r="Y19" s="341">
        <v>0</v>
      </c>
      <c r="Z19" s="342">
        <v>0</v>
      </c>
      <c r="AA19" s="343">
        <v>0</v>
      </c>
      <c r="AB19" s="341">
        <v>0</v>
      </c>
      <c r="AC19" s="342">
        <v>657915</v>
      </c>
      <c r="AD19" s="342">
        <v>852025</v>
      </c>
      <c r="AE19" s="342">
        <v>996643</v>
      </c>
      <c r="AF19" s="342">
        <v>774899</v>
      </c>
      <c r="AG19" s="342">
        <v>1952864</v>
      </c>
      <c r="AH19" s="343">
        <v>5234346</v>
      </c>
      <c r="AI19" s="345">
        <v>5234346</v>
      </c>
      <c r="AJ19" s="341">
        <v>0</v>
      </c>
      <c r="AK19" s="342">
        <v>0</v>
      </c>
      <c r="AL19" s="343">
        <v>0</v>
      </c>
      <c r="AM19" s="341">
        <v>0</v>
      </c>
      <c r="AN19" s="342">
        <v>0</v>
      </c>
      <c r="AO19" s="342">
        <v>0</v>
      </c>
      <c r="AP19" s="342">
        <v>0</v>
      </c>
      <c r="AQ19" s="342">
        <v>21131</v>
      </c>
      <c r="AR19" s="342">
        <v>82370</v>
      </c>
      <c r="AS19" s="343">
        <v>103501</v>
      </c>
      <c r="AT19" s="345">
        <v>103501</v>
      </c>
      <c r="AU19" s="341">
        <v>33104</v>
      </c>
      <c r="AV19" s="342">
        <v>87312</v>
      </c>
      <c r="AW19" s="343">
        <v>120416</v>
      </c>
      <c r="AX19" s="341">
        <v>0</v>
      </c>
      <c r="AY19" s="342">
        <v>640114</v>
      </c>
      <c r="AZ19" s="342">
        <v>619833</v>
      </c>
      <c r="BA19" s="342">
        <v>538330</v>
      </c>
      <c r="BB19" s="342">
        <v>189058</v>
      </c>
      <c r="BC19" s="342">
        <v>372510</v>
      </c>
      <c r="BD19" s="343">
        <v>2359845</v>
      </c>
      <c r="BE19" s="345">
        <v>2480261</v>
      </c>
      <c r="BF19" s="341">
        <v>0</v>
      </c>
      <c r="BG19" s="342">
        <v>14302</v>
      </c>
      <c r="BH19" s="346">
        <v>14302</v>
      </c>
      <c r="BI19" s="347">
        <v>0</v>
      </c>
      <c r="BJ19" s="342">
        <v>23639</v>
      </c>
      <c r="BK19" s="342">
        <v>63902</v>
      </c>
      <c r="BL19" s="342">
        <v>28473</v>
      </c>
      <c r="BM19" s="342">
        <v>12610</v>
      </c>
      <c r="BN19" s="342">
        <v>63268</v>
      </c>
      <c r="BO19" s="343">
        <v>191892</v>
      </c>
      <c r="BP19" s="345">
        <v>206194</v>
      </c>
      <c r="BQ19" s="341">
        <v>59157</v>
      </c>
      <c r="BR19" s="342">
        <v>79632</v>
      </c>
      <c r="BS19" s="343">
        <v>138789</v>
      </c>
      <c r="BT19" s="341">
        <v>0</v>
      </c>
      <c r="BU19" s="342">
        <v>297927</v>
      </c>
      <c r="BV19" s="342">
        <v>329784</v>
      </c>
      <c r="BW19" s="342">
        <v>192017</v>
      </c>
      <c r="BX19" s="342">
        <v>232918</v>
      </c>
      <c r="BY19" s="342">
        <v>291193</v>
      </c>
      <c r="BZ19" s="343">
        <v>1343839</v>
      </c>
      <c r="CA19" s="345">
        <v>1482628</v>
      </c>
      <c r="CB19" s="341">
        <v>18431</v>
      </c>
      <c r="CC19" s="342">
        <v>31518</v>
      </c>
      <c r="CD19" s="343">
        <v>49949</v>
      </c>
      <c r="CE19" s="341">
        <v>0</v>
      </c>
      <c r="CF19" s="342">
        <v>607604</v>
      </c>
      <c r="CG19" s="342">
        <v>980444</v>
      </c>
      <c r="CH19" s="342">
        <v>723765</v>
      </c>
      <c r="CI19" s="342">
        <v>186415</v>
      </c>
      <c r="CJ19" s="342">
        <v>108142</v>
      </c>
      <c r="CK19" s="343">
        <v>2606370</v>
      </c>
      <c r="CL19" s="345">
        <v>2656319</v>
      </c>
      <c r="CM19" s="341">
        <v>0</v>
      </c>
      <c r="CN19" s="342">
        <v>0</v>
      </c>
      <c r="CO19" s="343">
        <v>0</v>
      </c>
      <c r="CP19" s="347">
        <v>0</v>
      </c>
      <c r="CQ19" s="342">
        <v>541651</v>
      </c>
      <c r="CR19" s="342">
        <v>740564</v>
      </c>
      <c r="CS19" s="342">
        <v>599755</v>
      </c>
      <c r="CT19" s="342">
        <v>0</v>
      </c>
      <c r="CU19" s="342">
        <v>11720</v>
      </c>
      <c r="CV19" s="343">
        <v>1893690</v>
      </c>
      <c r="CW19" s="345">
        <v>1893690</v>
      </c>
      <c r="CX19" s="341">
        <v>18431</v>
      </c>
      <c r="CY19" s="342">
        <v>31518</v>
      </c>
      <c r="CZ19" s="343">
        <v>49949</v>
      </c>
      <c r="DA19" s="341">
        <v>0</v>
      </c>
      <c r="DB19" s="342">
        <v>65953</v>
      </c>
      <c r="DC19" s="342">
        <v>239880</v>
      </c>
      <c r="DD19" s="342">
        <v>124010</v>
      </c>
      <c r="DE19" s="342">
        <v>186415</v>
      </c>
      <c r="DF19" s="342">
        <v>96422</v>
      </c>
      <c r="DG19" s="343">
        <v>712680</v>
      </c>
      <c r="DH19" s="345">
        <v>762629</v>
      </c>
      <c r="DI19" s="341">
        <v>0</v>
      </c>
      <c r="DJ19" s="342">
        <v>0</v>
      </c>
      <c r="DK19" s="346">
        <v>0</v>
      </c>
      <c r="DL19" s="347">
        <v>0</v>
      </c>
      <c r="DM19" s="342">
        <v>0</v>
      </c>
      <c r="DN19" s="342">
        <v>86310</v>
      </c>
      <c r="DO19" s="342">
        <v>204698</v>
      </c>
      <c r="DP19" s="342">
        <v>60398</v>
      </c>
      <c r="DQ19" s="342">
        <v>121046</v>
      </c>
      <c r="DR19" s="343">
        <v>472452</v>
      </c>
      <c r="DS19" s="345">
        <v>472452</v>
      </c>
      <c r="DT19" s="341">
        <v>0</v>
      </c>
      <c r="DU19" s="342">
        <v>0</v>
      </c>
      <c r="DV19" s="343">
        <v>0</v>
      </c>
      <c r="DW19" s="341">
        <v>0</v>
      </c>
      <c r="DX19" s="342">
        <v>0</v>
      </c>
      <c r="DY19" s="342">
        <v>86310</v>
      </c>
      <c r="DZ19" s="342">
        <v>204698</v>
      </c>
      <c r="EA19" s="342">
        <v>60398</v>
      </c>
      <c r="EB19" s="342">
        <v>121046</v>
      </c>
      <c r="EC19" s="343">
        <v>472452</v>
      </c>
      <c r="ED19" s="345">
        <v>472452</v>
      </c>
      <c r="EE19" s="341">
        <v>0</v>
      </c>
      <c r="EF19" s="346">
        <v>0</v>
      </c>
      <c r="EG19" s="343">
        <v>0</v>
      </c>
      <c r="EH19" s="341">
        <v>0</v>
      </c>
      <c r="EI19" s="342">
        <v>0</v>
      </c>
      <c r="EJ19" s="342">
        <v>0</v>
      </c>
      <c r="EK19" s="342">
        <v>0</v>
      </c>
      <c r="EL19" s="342">
        <v>0</v>
      </c>
      <c r="EM19" s="342">
        <v>0</v>
      </c>
      <c r="EN19" s="346">
        <v>0</v>
      </c>
      <c r="EO19" s="345">
        <v>0</v>
      </c>
      <c r="EP19" s="341">
        <v>0</v>
      </c>
      <c r="EQ19" s="342">
        <v>0</v>
      </c>
      <c r="ER19" s="346">
        <v>0</v>
      </c>
      <c r="ES19" s="347">
        <v>0</v>
      </c>
      <c r="ET19" s="342">
        <v>0</v>
      </c>
      <c r="EU19" s="342">
        <v>0</v>
      </c>
      <c r="EV19" s="342">
        <v>0</v>
      </c>
      <c r="EW19" s="342">
        <v>0</v>
      </c>
      <c r="EX19" s="342">
        <v>0</v>
      </c>
      <c r="EY19" s="343">
        <v>0</v>
      </c>
      <c r="EZ19" s="345">
        <v>0</v>
      </c>
      <c r="FA19" s="341">
        <v>0</v>
      </c>
      <c r="FB19" s="342">
        <v>0</v>
      </c>
      <c r="FC19" s="346">
        <v>0</v>
      </c>
      <c r="FD19" s="436">
        <v>0</v>
      </c>
      <c r="FE19" s="342">
        <v>0</v>
      </c>
      <c r="FF19" s="342">
        <v>0</v>
      </c>
      <c r="FG19" s="342">
        <v>0</v>
      </c>
      <c r="FH19" s="342">
        <v>0</v>
      </c>
      <c r="FI19" s="342">
        <v>0</v>
      </c>
      <c r="FJ19" s="343">
        <v>0</v>
      </c>
      <c r="FK19" s="345">
        <v>0</v>
      </c>
      <c r="FL19" s="341">
        <v>8400</v>
      </c>
      <c r="FM19" s="342">
        <v>170492</v>
      </c>
      <c r="FN19" s="343">
        <v>178892</v>
      </c>
      <c r="FO19" s="341">
        <v>0</v>
      </c>
      <c r="FP19" s="342">
        <v>199381</v>
      </c>
      <c r="FQ19" s="342">
        <v>462770</v>
      </c>
      <c r="FR19" s="342">
        <v>485765</v>
      </c>
      <c r="FS19" s="342">
        <v>286293</v>
      </c>
      <c r="FT19" s="342">
        <v>292873</v>
      </c>
      <c r="FU19" s="343">
        <v>1727082</v>
      </c>
      <c r="FV19" s="345">
        <v>1905974</v>
      </c>
      <c r="FW19" s="348">
        <v>8400</v>
      </c>
      <c r="FX19" s="342">
        <v>158242</v>
      </c>
      <c r="FY19" s="346">
        <v>166642</v>
      </c>
      <c r="FZ19" s="347">
        <v>0</v>
      </c>
      <c r="GA19" s="342">
        <v>134778</v>
      </c>
      <c r="GB19" s="342">
        <v>399350</v>
      </c>
      <c r="GC19" s="342">
        <v>485765</v>
      </c>
      <c r="GD19" s="342">
        <v>240247</v>
      </c>
      <c r="GE19" s="342">
        <v>292873</v>
      </c>
      <c r="GF19" s="343">
        <v>1553013</v>
      </c>
      <c r="GG19" s="349">
        <v>1719655</v>
      </c>
      <c r="GH19" s="348">
        <v>0</v>
      </c>
      <c r="GI19" s="342">
        <v>12250</v>
      </c>
      <c r="GJ19" s="346">
        <v>12250</v>
      </c>
      <c r="GK19" s="347">
        <v>0</v>
      </c>
      <c r="GL19" s="342">
        <v>0</v>
      </c>
      <c r="GM19" s="342">
        <v>12320</v>
      </c>
      <c r="GN19" s="342">
        <v>0</v>
      </c>
      <c r="GO19" s="342">
        <v>46046</v>
      </c>
      <c r="GP19" s="342">
        <v>0</v>
      </c>
      <c r="GQ19" s="343">
        <v>58366</v>
      </c>
      <c r="GR19" s="345">
        <v>70616</v>
      </c>
      <c r="GS19" s="341">
        <v>0</v>
      </c>
      <c r="GT19" s="342">
        <v>0</v>
      </c>
      <c r="GU19" s="343">
        <v>0</v>
      </c>
      <c r="GV19" s="341">
        <v>0</v>
      </c>
      <c r="GW19" s="342">
        <v>64603</v>
      </c>
      <c r="GX19" s="342">
        <v>51100</v>
      </c>
      <c r="GY19" s="342">
        <v>0</v>
      </c>
      <c r="GZ19" s="342">
        <v>0</v>
      </c>
      <c r="HA19" s="342">
        <v>0</v>
      </c>
      <c r="HB19" s="346">
        <v>115703</v>
      </c>
      <c r="HC19" s="345">
        <v>115703</v>
      </c>
      <c r="HD19" s="341">
        <v>179844</v>
      </c>
      <c r="HE19" s="342">
        <v>498385</v>
      </c>
      <c r="HF19" s="346">
        <v>678229</v>
      </c>
      <c r="HG19" s="347">
        <v>0</v>
      </c>
      <c r="HH19" s="342">
        <v>1592890</v>
      </c>
      <c r="HI19" s="342">
        <v>1337156</v>
      </c>
      <c r="HJ19" s="342">
        <v>1271369</v>
      </c>
      <c r="HK19" s="342">
        <v>1636244</v>
      </c>
      <c r="HL19" s="342">
        <v>1381563</v>
      </c>
      <c r="HM19" s="343">
        <v>7219222</v>
      </c>
      <c r="HN19" s="344">
        <v>7897451</v>
      </c>
      <c r="HO19" s="348">
        <v>0</v>
      </c>
      <c r="HP19" s="342">
        <v>0</v>
      </c>
      <c r="HQ19" s="343">
        <v>0</v>
      </c>
      <c r="HR19" s="341">
        <v>0</v>
      </c>
      <c r="HS19" s="342">
        <v>0</v>
      </c>
      <c r="HT19" s="342">
        <v>0</v>
      </c>
      <c r="HU19" s="342">
        <v>0</v>
      </c>
      <c r="HV19" s="342">
        <v>0</v>
      </c>
      <c r="HW19" s="342">
        <v>0</v>
      </c>
      <c r="HX19" s="346">
        <v>0</v>
      </c>
      <c r="HY19" s="345">
        <v>0</v>
      </c>
      <c r="HZ19" s="350">
        <v>0</v>
      </c>
      <c r="IA19" s="351">
        <v>0</v>
      </c>
      <c r="IB19" s="352">
        <v>0</v>
      </c>
      <c r="IC19" s="353">
        <v>0</v>
      </c>
      <c r="ID19" s="351">
        <v>553137</v>
      </c>
      <c r="IE19" s="354">
        <v>634393</v>
      </c>
      <c r="IF19" s="352">
        <v>573437</v>
      </c>
      <c r="IG19" s="351">
        <v>114233</v>
      </c>
      <c r="IH19" s="352">
        <v>162918</v>
      </c>
      <c r="II19" s="355">
        <v>2038118</v>
      </c>
      <c r="IJ19" s="356">
        <v>2038118</v>
      </c>
      <c r="IK19" s="357">
        <v>0</v>
      </c>
      <c r="IL19" s="358">
        <v>0</v>
      </c>
      <c r="IM19" s="359">
        <v>0</v>
      </c>
      <c r="IN19" s="436">
        <v>0</v>
      </c>
      <c r="IO19" s="360">
        <v>0</v>
      </c>
      <c r="IP19" s="360">
        <v>0</v>
      </c>
      <c r="IQ19" s="360">
        <v>0</v>
      </c>
      <c r="IR19" s="360">
        <v>0</v>
      </c>
      <c r="IS19" s="360">
        <v>0</v>
      </c>
      <c r="IT19" s="361">
        <v>0</v>
      </c>
      <c r="IU19" s="362">
        <v>0</v>
      </c>
      <c r="IV19" s="363">
        <v>0</v>
      </c>
      <c r="IW19" s="360">
        <v>0</v>
      </c>
      <c r="IX19" s="364">
        <v>0</v>
      </c>
      <c r="IY19" s="436">
        <v>0</v>
      </c>
      <c r="IZ19" s="360">
        <v>0</v>
      </c>
      <c r="JA19" s="360">
        <v>0</v>
      </c>
      <c r="JB19" s="360">
        <v>0</v>
      </c>
      <c r="JC19" s="360">
        <v>0</v>
      </c>
      <c r="JD19" s="360">
        <v>0</v>
      </c>
      <c r="JE19" s="364">
        <v>0</v>
      </c>
      <c r="JF19" s="365">
        <v>0</v>
      </c>
      <c r="JG19" s="363">
        <v>0</v>
      </c>
      <c r="JH19" s="360">
        <v>0</v>
      </c>
      <c r="JI19" s="361">
        <v>0</v>
      </c>
      <c r="JJ19" s="366">
        <v>0</v>
      </c>
      <c r="JK19" s="360">
        <v>315187</v>
      </c>
      <c r="JL19" s="360">
        <v>634393</v>
      </c>
      <c r="JM19" s="360">
        <v>372523</v>
      </c>
      <c r="JN19" s="360">
        <v>114233</v>
      </c>
      <c r="JO19" s="360">
        <v>162918</v>
      </c>
      <c r="JP19" s="364">
        <v>1599254</v>
      </c>
      <c r="JQ19" s="362">
        <v>1599254</v>
      </c>
      <c r="JR19" s="363">
        <v>0</v>
      </c>
      <c r="JS19" s="360">
        <v>0</v>
      </c>
      <c r="JT19" s="361">
        <v>0</v>
      </c>
      <c r="JU19" s="366">
        <v>0</v>
      </c>
      <c r="JV19" s="360">
        <v>36295</v>
      </c>
      <c r="JW19" s="360">
        <v>0</v>
      </c>
      <c r="JX19" s="360">
        <v>0</v>
      </c>
      <c r="JY19" s="360">
        <v>0</v>
      </c>
      <c r="JZ19" s="360">
        <v>0</v>
      </c>
      <c r="KA19" s="364">
        <v>36295</v>
      </c>
      <c r="KB19" s="362">
        <v>36295</v>
      </c>
      <c r="KC19" s="367">
        <v>0</v>
      </c>
      <c r="KD19" s="368">
        <v>0</v>
      </c>
      <c r="KE19" s="364">
        <v>0</v>
      </c>
      <c r="KF19" s="366">
        <v>0</v>
      </c>
      <c r="KG19" s="360">
        <v>0</v>
      </c>
      <c r="KH19" s="360">
        <v>0</v>
      </c>
      <c r="KI19" s="360">
        <v>200914</v>
      </c>
      <c r="KJ19" s="360">
        <v>0</v>
      </c>
      <c r="KK19" s="360">
        <v>0</v>
      </c>
      <c r="KL19" s="364">
        <v>200914</v>
      </c>
      <c r="KM19" s="369">
        <v>200914</v>
      </c>
      <c r="KN19" s="357">
        <v>0</v>
      </c>
      <c r="KO19" s="358">
        <v>0</v>
      </c>
      <c r="KP19" s="359">
        <v>0</v>
      </c>
      <c r="KQ19" s="436">
        <v>0</v>
      </c>
      <c r="KR19" s="360">
        <v>201655</v>
      </c>
      <c r="KS19" s="360">
        <v>0</v>
      </c>
      <c r="KT19" s="360">
        <v>0</v>
      </c>
      <c r="KU19" s="360">
        <v>0</v>
      </c>
      <c r="KV19" s="360">
        <v>0</v>
      </c>
      <c r="KW19" s="364">
        <v>201655</v>
      </c>
      <c r="KX19" s="362">
        <v>201655</v>
      </c>
      <c r="KY19" s="363">
        <v>0</v>
      </c>
      <c r="KZ19" s="360">
        <v>0</v>
      </c>
      <c r="LA19" s="364">
        <v>0</v>
      </c>
      <c r="LB19" s="436">
        <v>0</v>
      </c>
      <c r="LC19" s="360">
        <v>0</v>
      </c>
      <c r="LD19" s="360">
        <v>0</v>
      </c>
      <c r="LE19" s="360">
        <v>0</v>
      </c>
      <c r="LF19" s="360">
        <v>0</v>
      </c>
      <c r="LG19" s="360">
        <v>0</v>
      </c>
      <c r="LH19" s="364">
        <v>0</v>
      </c>
      <c r="LI19" s="365">
        <v>0</v>
      </c>
      <c r="LJ19" s="363">
        <v>0</v>
      </c>
      <c r="LK19" s="360">
        <v>0</v>
      </c>
      <c r="LL19" s="364">
        <v>0</v>
      </c>
      <c r="LM19" s="436">
        <v>0</v>
      </c>
      <c r="LN19" s="360">
        <v>0</v>
      </c>
      <c r="LO19" s="360">
        <v>0</v>
      </c>
      <c r="LP19" s="360">
        <v>0</v>
      </c>
      <c r="LQ19" s="360">
        <v>0</v>
      </c>
      <c r="LR19" s="360">
        <v>0</v>
      </c>
      <c r="LS19" s="364">
        <v>0</v>
      </c>
      <c r="LT19" s="362">
        <v>0</v>
      </c>
      <c r="LU19" s="363">
        <v>0</v>
      </c>
      <c r="LV19" s="360">
        <v>0</v>
      </c>
      <c r="LW19" s="364">
        <v>0</v>
      </c>
      <c r="LX19" s="436">
        <v>0</v>
      </c>
      <c r="LY19" s="360">
        <v>0</v>
      </c>
      <c r="LZ19" s="360">
        <v>0</v>
      </c>
      <c r="MA19" s="360">
        <v>0</v>
      </c>
      <c r="MB19" s="360">
        <v>0</v>
      </c>
      <c r="MC19" s="360">
        <v>0</v>
      </c>
      <c r="MD19" s="364">
        <v>0</v>
      </c>
      <c r="ME19" s="365">
        <v>0</v>
      </c>
      <c r="MF19" s="363">
        <v>0</v>
      </c>
      <c r="MG19" s="360">
        <v>0</v>
      </c>
      <c r="MH19" s="364">
        <v>0</v>
      </c>
      <c r="MI19" s="436">
        <v>0</v>
      </c>
      <c r="MJ19" s="360">
        <v>0</v>
      </c>
      <c r="MK19" s="360">
        <v>0</v>
      </c>
      <c r="ML19" s="360">
        <v>242300</v>
      </c>
      <c r="MM19" s="360">
        <v>1559388</v>
      </c>
      <c r="MN19" s="360">
        <v>1666338</v>
      </c>
      <c r="MO19" s="364">
        <v>3468026</v>
      </c>
      <c r="MP19" s="369">
        <v>3468026</v>
      </c>
      <c r="MQ19" s="363">
        <v>0</v>
      </c>
      <c r="MR19" s="360">
        <v>0</v>
      </c>
      <c r="MS19" s="364">
        <v>0</v>
      </c>
      <c r="MT19" s="436">
        <v>0</v>
      </c>
      <c r="MU19" s="360">
        <v>0</v>
      </c>
      <c r="MV19" s="360">
        <v>0</v>
      </c>
      <c r="MW19" s="360">
        <v>0</v>
      </c>
      <c r="MX19" s="360">
        <v>1296444</v>
      </c>
      <c r="MY19" s="360">
        <v>1390761</v>
      </c>
      <c r="MZ19" s="364">
        <v>2687205</v>
      </c>
      <c r="NA19" s="369">
        <v>2687205</v>
      </c>
      <c r="NB19" s="363">
        <v>0</v>
      </c>
      <c r="NC19" s="360">
        <v>0</v>
      </c>
      <c r="ND19" s="364">
        <v>0</v>
      </c>
      <c r="NE19" s="436">
        <v>0</v>
      </c>
      <c r="NF19" s="360">
        <v>0</v>
      </c>
      <c r="NG19" s="360">
        <v>0</v>
      </c>
      <c r="NH19" s="360">
        <v>242300</v>
      </c>
      <c r="NI19" s="360">
        <v>262944</v>
      </c>
      <c r="NJ19" s="360">
        <v>275577</v>
      </c>
      <c r="NK19" s="364">
        <v>780821</v>
      </c>
      <c r="NL19" s="362">
        <v>780821</v>
      </c>
      <c r="NM19" s="363">
        <v>0</v>
      </c>
      <c r="NN19" s="360">
        <v>0</v>
      </c>
      <c r="NO19" s="364">
        <v>0</v>
      </c>
      <c r="NP19" s="436">
        <v>0</v>
      </c>
      <c r="NQ19" s="360">
        <v>0</v>
      </c>
      <c r="NR19" s="360">
        <v>0</v>
      </c>
      <c r="NS19" s="360">
        <v>0</v>
      </c>
      <c r="NT19" s="360">
        <v>0</v>
      </c>
      <c r="NU19" s="360">
        <v>0</v>
      </c>
      <c r="NV19" s="364">
        <v>0</v>
      </c>
      <c r="NW19" s="365">
        <v>0</v>
      </c>
      <c r="NX19" s="363">
        <v>0</v>
      </c>
      <c r="NY19" s="360">
        <v>0</v>
      </c>
      <c r="NZ19" s="364">
        <v>0</v>
      </c>
      <c r="OA19" s="436">
        <v>0</v>
      </c>
      <c r="OB19" s="360">
        <v>0</v>
      </c>
      <c r="OC19" s="360">
        <v>0</v>
      </c>
      <c r="OD19" s="360">
        <v>0</v>
      </c>
      <c r="OE19" s="360">
        <v>0</v>
      </c>
      <c r="OF19" s="360">
        <v>0</v>
      </c>
      <c r="OG19" s="364">
        <v>0</v>
      </c>
      <c r="OH19" s="365">
        <v>0</v>
      </c>
      <c r="OI19" s="363">
        <v>298936</v>
      </c>
      <c r="OJ19" s="360">
        <v>881641</v>
      </c>
      <c r="OK19" s="361">
        <v>1180577</v>
      </c>
      <c r="OL19" s="366">
        <v>0</v>
      </c>
      <c r="OM19" s="360">
        <v>4572607</v>
      </c>
      <c r="ON19" s="360">
        <v>5366617</v>
      </c>
      <c r="OO19" s="360">
        <v>5256797</v>
      </c>
      <c r="OP19" s="360">
        <v>5073587</v>
      </c>
      <c r="OQ19" s="360">
        <v>6495085</v>
      </c>
      <c r="OR19" s="364">
        <v>26764693</v>
      </c>
      <c r="OS19" s="369">
        <v>27945270</v>
      </c>
    </row>
    <row r="20" spans="2:409" s="137" customFormat="1" ht="21" customHeight="1" x14ac:dyDescent="0.2">
      <c r="B20" s="421" t="s">
        <v>15</v>
      </c>
      <c r="C20" s="341">
        <v>49669</v>
      </c>
      <c r="D20" s="342">
        <v>147809</v>
      </c>
      <c r="E20" s="343">
        <v>197478</v>
      </c>
      <c r="F20" s="344">
        <v>0</v>
      </c>
      <c r="G20" s="342">
        <v>935250</v>
      </c>
      <c r="H20" s="342">
        <v>1569710</v>
      </c>
      <c r="I20" s="342">
        <v>817574</v>
      </c>
      <c r="J20" s="342">
        <v>1771506</v>
      </c>
      <c r="K20" s="342">
        <v>752796</v>
      </c>
      <c r="L20" s="344">
        <v>5846836</v>
      </c>
      <c r="M20" s="345">
        <v>6044314</v>
      </c>
      <c r="N20" s="341">
        <v>0</v>
      </c>
      <c r="O20" s="342">
        <v>42318</v>
      </c>
      <c r="P20" s="343">
        <v>42318</v>
      </c>
      <c r="Q20" s="341">
        <v>0</v>
      </c>
      <c r="R20" s="342">
        <v>227823</v>
      </c>
      <c r="S20" s="342">
        <v>413062</v>
      </c>
      <c r="T20" s="342">
        <v>15225</v>
      </c>
      <c r="U20" s="342">
        <v>533283</v>
      </c>
      <c r="V20" s="342">
        <v>347298</v>
      </c>
      <c r="W20" s="343">
        <v>1536691</v>
      </c>
      <c r="X20" s="345">
        <v>1579009</v>
      </c>
      <c r="Y20" s="341">
        <v>0</v>
      </c>
      <c r="Z20" s="342">
        <v>0</v>
      </c>
      <c r="AA20" s="343">
        <v>0</v>
      </c>
      <c r="AB20" s="341">
        <v>0</v>
      </c>
      <c r="AC20" s="342">
        <v>125624</v>
      </c>
      <c r="AD20" s="342">
        <v>158635</v>
      </c>
      <c r="AE20" s="342">
        <v>0</v>
      </c>
      <c r="AF20" s="342">
        <v>233670</v>
      </c>
      <c r="AG20" s="342">
        <v>47227</v>
      </c>
      <c r="AH20" s="343">
        <v>565156</v>
      </c>
      <c r="AI20" s="345">
        <v>565156</v>
      </c>
      <c r="AJ20" s="341">
        <v>0</v>
      </c>
      <c r="AK20" s="342">
        <v>0</v>
      </c>
      <c r="AL20" s="343">
        <v>0</v>
      </c>
      <c r="AM20" s="341">
        <v>0</v>
      </c>
      <c r="AN20" s="342">
        <v>0</v>
      </c>
      <c r="AO20" s="342">
        <v>40917</v>
      </c>
      <c r="AP20" s="342">
        <v>0</v>
      </c>
      <c r="AQ20" s="342">
        <v>73236</v>
      </c>
      <c r="AR20" s="342">
        <v>132991</v>
      </c>
      <c r="AS20" s="343">
        <v>247144</v>
      </c>
      <c r="AT20" s="345">
        <v>247144</v>
      </c>
      <c r="AU20" s="341">
        <v>0</v>
      </c>
      <c r="AV20" s="342">
        <v>38146</v>
      </c>
      <c r="AW20" s="343">
        <v>38146</v>
      </c>
      <c r="AX20" s="341">
        <v>0</v>
      </c>
      <c r="AY20" s="342">
        <v>46521</v>
      </c>
      <c r="AZ20" s="342">
        <v>119837</v>
      </c>
      <c r="BA20" s="342">
        <v>0</v>
      </c>
      <c r="BB20" s="342">
        <v>117688</v>
      </c>
      <c r="BC20" s="342">
        <v>103948</v>
      </c>
      <c r="BD20" s="343">
        <v>387994</v>
      </c>
      <c r="BE20" s="345">
        <v>426140</v>
      </c>
      <c r="BF20" s="341">
        <v>0</v>
      </c>
      <c r="BG20" s="342">
        <v>0</v>
      </c>
      <c r="BH20" s="346">
        <v>0</v>
      </c>
      <c r="BI20" s="347">
        <v>0</v>
      </c>
      <c r="BJ20" s="342">
        <v>0</v>
      </c>
      <c r="BK20" s="342">
        <v>27159</v>
      </c>
      <c r="BL20" s="342">
        <v>0</v>
      </c>
      <c r="BM20" s="342">
        <v>0</v>
      </c>
      <c r="BN20" s="342">
        <v>27159</v>
      </c>
      <c r="BO20" s="343">
        <v>54318</v>
      </c>
      <c r="BP20" s="345">
        <v>54318</v>
      </c>
      <c r="BQ20" s="341">
        <v>0</v>
      </c>
      <c r="BR20" s="342">
        <v>4172</v>
      </c>
      <c r="BS20" s="343">
        <v>4172</v>
      </c>
      <c r="BT20" s="341">
        <v>0</v>
      </c>
      <c r="BU20" s="342">
        <v>55678</v>
      </c>
      <c r="BV20" s="342">
        <v>66514</v>
      </c>
      <c r="BW20" s="342">
        <v>15225</v>
      </c>
      <c r="BX20" s="342">
        <v>108689</v>
      </c>
      <c r="BY20" s="342">
        <v>35973</v>
      </c>
      <c r="BZ20" s="343">
        <v>282079</v>
      </c>
      <c r="CA20" s="345">
        <v>286251</v>
      </c>
      <c r="CB20" s="341">
        <v>0</v>
      </c>
      <c r="CC20" s="342">
        <v>0</v>
      </c>
      <c r="CD20" s="343">
        <v>0</v>
      </c>
      <c r="CE20" s="341">
        <v>0</v>
      </c>
      <c r="CF20" s="342">
        <v>158891</v>
      </c>
      <c r="CG20" s="342">
        <v>428716</v>
      </c>
      <c r="CH20" s="342">
        <v>428504</v>
      </c>
      <c r="CI20" s="342">
        <v>208699</v>
      </c>
      <c r="CJ20" s="342">
        <v>89700</v>
      </c>
      <c r="CK20" s="343">
        <v>1314510</v>
      </c>
      <c r="CL20" s="345">
        <v>1314510</v>
      </c>
      <c r="CM20" s="341">
        <v>0</v>
      </c>
      <c r="CN20" s="342">
        <v>0</v>
      </c>
      <c r="CO20" s="343">
        <v>0</v>
      </c>
      <c r="CP20" s="347">
        <v>0</v>
      </c>
      <c r="CQ20" s="342">
        <v>134825</v>
      </c>
      <c r="CR20" s="342">
        <v>289479</v>
      </c>
      <c r="CS20" s="342">
        <v>301282</v>
      </c>
      <c r="CT20" s="342">
        <v>71659</v>
      </c>
      <c r="CU20" s="342">
        <v>0</v>
      </c>
      <c r="CV20" s="343">
        <v>797245</v>
      </c>
      <c r="CW20" s="345">
        <v>797245</v>
      </c>
      <c r="CX20" s="341">
        <v>0</v>
      </c>
      <c r="CY20" s="342">
        <v>0</v>
      </c>
      <c r="CZ20" s="343">
        <v>0</v>
      </c>
      <c r="DA20" s="341">
        <v>0</v>
      </c>
      <c r="DB20" s="342">
        <v>24066</v>
      </c>
      <c r="DC20" s="342">
        <v>139237</v>
      </c>
      <c r="DD20" s="342">
        <v>127222</v>
      </c>
      <c r="DE20" s="342">
        <v>137040</v>
      </c>
      <c r="DF20" s="342">
        <v>89700</v>
      </c>
      <c r="DG20" s="343">
        <v>517265</v>
      </c>
      <c r="DH20" s="345">
        <v>517265</v>
      </c>
      <c r="DI20" s="341">
        <v>0</v>
      </c>
      <c r="DJ20" s="342">
        <v>0</v>
      </c>
      <c r="DK20" s="346">
        <v>0</v>
      </c>
      <c r="DL20" s="347">
        <v>0</v>
      </c>
      <c r="DM20" s="342">
        <v>0</v>
      </c>
      <c r="DN20" s="342">
        <v>252729</v>
      </c>
      <c r="DO20" s="342">
        <v>148391</v>
      </c>
      <c r="DP20" s="342">
        <v>316578</v>
      </c>
      <c r="DQ20" s="342">
        <v>66590</v>
      </c>
      <c r="DR20" s="343">
        <v>784288</v>
      </c>
      <c r="DS20" s="345">
        <v>784288</v>
      </c>
      <c r="DT20" s="341">
        <v>0</v>
      </c>
      <c r="DU20" s="342">
        <v>0</v>
      </c>
      <c r="DV20" s="343">
        <v>0</v>
      </c>
      <c r="DW20" s="341">
        <v>0</v>
      </c>
      <c r="DX20" s="342">
        <v>0</v>
      </c>
      <c r="DY20" s="342">
        <v>222170</v>
      </c>
      <c r="DZ20" s="342">
        <v>148391</v>
      </c>
      <c r="EA20" s="342">
        <v>316578</v>
      </c>
      <c r="EB20" s="342">
        <v>66590</v>
      </c>
      <c r="EC20" s="343">
        <v>753729</v>
      </c>
      <c r="ED20" s="345">
        <v>753729</v>
      </c>
      <c r="EE20" s="341">
        <v>0</v>
      </c>
      <c r="EF20" s="346">
        <v>0</v>
      </c>
      <c r="EG20" s="343">
        <v>0</v>
      </c>
      <c r="EH20" s="341">
        <v>0</v>
      </c>
      <c r="EI20" s="342">
        <v>0</v>
      </c>
      <c r="EJ20" s="342">
        <v>30559</v>
      </c>
      <c r="EK20" s="342">
        <v>0</v>
      </c>
      <c r="EL20" s="342">
        <v>0</v>
      </c>
      <c r="EM20" s="342">
        <v>0</v>
      </c>
      <c r="EN20" s="346">
        <v>30559</v>
      </c>
      <c r="EO20" s="345">
        <v>30559</v>
      </c>
      <c r="EP20" s="341">
        <v>0</v>
      </c>
      <c r="EQ20" s="342">
        <v>0</v>
      </c>
      <c r="ER20" s="346">
        <v>0</v>
      </c>
      <c r="ES20" s="347">
        <v>0</v>
      </c>
      <c r="ET20" s="342">
        <v>0</v>
      </c>
      <c r="EU20" s="342">
        <v>0</v>
      </c>
      <c r="EV20" s="342">
        <v>0</v>
      </c>
      <c r="EW20" s="342">
        <v>0</v>
      </c>
      <c r="EX20" s="342">
        <v>0</v>
      </c>
      <c r="EY20" s="343">
        <v>0</v>
      </c>
      <c r="EZ20" s="345">
        <v>0</v>
      </c>
      <c r="FA20" s="341">
        <v>0</v>
      </c>
      <c r="FB20" s="342">
        <v>0</v>
      </c>
      <c r="FC20" s="346">
        <v>0</v>
      </c>
      <c r="FD20" s="436">
        <v>0</v>
      </c>
      <c r="FE20" s="342">
        <v>0</v>
      </c>
      <c r="FF20" s="342">
        <v>0</v>
      </c>
      <c r="FG20" s="342">
        <v>0</v>
      </c>
      <c r="FH20" s="342">
        <v>0</v>
      </c>
      <c r="FI20" s="342">
        <v>0</v>
      </c>
      <c r="FJ20" s="343">
        <v>0</v>
      </c>
      <c r="FK20" s="345">
        <v>0</v>
      </c>
      <c r="FL20" s="341">
        <v>1050</v>
      </c>
      <c r="FM20" s="342">
        <v>26880</v>
      </c>
      <c r="FN20" s="343">
        <v>27930</v>
      </c>
      <c r="FO20" s="341">
        <v>0</v>
      </c>
      <c r="FP20" s="342">
        <v>17444</v>
      </c>
      <c r="FQ20" s="342">
        <v>125146</v>
      </c>
      <c r="FR20" s="342">
        <v>56147</v>
      </c>
      <c r="FS20" s="342">
        <v>179242</v>
      </c>
      <c r="FT20" s="342">
        <v>43372</v>
      </c>
      <c r="FU20" s="343">
        <v>421351</v>
      </c>
      <c r="FV20" s="345">
        <v>449281</v>
      </c>
      <c r="FW20" s="348">
        <v>1050</v>
      </c>
      <c r="FX20" s="342">
        <v>26880</v>
      </c>
      <c r="FY20" s="346">
        <v>27930</v>
      </c>
      <c r="FZ20" s="347">
        <v>0</v>
      </c>
      <c r="GA20" s="342">
        <v>17444</v>
      </c>
      <c r="GB20" s="342">
        <v>125146</v>
      </c>
      <c r="GC20" s="342">
        <v>56147</v>
      </c>
      <c r="GD20" s="342">
        <v>179242</v>
      </c>
      <c r="GE20" s="342">
        <v>43372</v>
      </c>
      <c r="GF20" s="343">
        <v>421351</v>
      </c>
      <c r="GG20" s="349">
        <v>449281</v>
      </c>
      <c r="GH20" s="348">
        <v>0</v>
      </c>
      <c r="GI20" s="342">
        <v>0</v>
      </c>
      <c r="GJ20" s="346">
        <v>0</v>
      </c>
      <c r="GK20" s="347">
        <v>0</v>
      </c>
      <c r="GL20" s="342">
        <v>0</v>
      </c>
      <c r="GM20" s="342">
        <v>0</v>
      </c>
      <c r="GN20" s="342">
        <v>0</v>
      </c>
      <c r="GO20" s="342">
        <v>0</v>
      </c>
      <c r="GP20" s="342">
        <v>0</v>
      </c>
      <c r="GQ20" s="343">
        <v>0</v>
      </c>
      <c r="GR20" s="345">
        <v>0</v>
      </c>
      <c r="GS20" s="341">
        <v>0</v>
      </c>
      <c r="GT20" s="342">
        <v>0</v>
      </c>
      <c r="GU20" s="343">
        <v>0</v>
      </c>
      <c r="GV20" s="341">
        <v>0</v>
      </c>
      <c r="GW20" s="342">
        <v>0</v>
      </c>
      <c r="GX20" s="342">
        <v>0</v>
      </c>
      <c r="GY20" s="342">
        <v>0</v>
      </c>
      <c r="GZ20" s="342">
        <v>0</v>
      </c>
      <c r="HA20" s="342">
        <v>0</v>
      </c>
      <c r="HB20" s="346">
        <v>0</v>
      </c>
      <c r="HC20" s="345">
        <v>0</v>
      </c>
      <c r="HD20" s="341">
        <v>48619</v>
      </c>
      <c r="HE20" s="342">
        <v>78611</v>
      </c>
      <c r="HF20" s="346">
        <v>127230</v>
      </c>
      <c r="HG20" s="347">
        <v>0</v>
      </c>
      <c r="HH20" s="342">
        <v>531092</v>
      </c>
      <c r="HI20" s="342">
        <v>350057</v>
      </c>
      <c r="HJ20" s="342">
        <v>169307</v>
      </c>
      <c r="HK20" s="342">
        <v>533704</v>
      </c>
      <c r="HL20" s="342">
        <v>205836</v>
      </c>
      <c r="HM20" s="343">
        <v>1789996</v>
      </c>
      <c r="HN20" s="344">
        <v>1917226</v>
      </c>
      <c r="HO20" s="348">
        <v>0</v>
      </c>
      <c r="HP20" s="342">
        <v>0</v>
      </c>
      <c r="HQ20" s="343">
        <v>0</v>
      </c>
      <c r="HR20" s="341">
        <v>0</v>
      </c>
      <c r="HS20" s="342">
        <v>0</v>
      </c>
      <c r="HT20" s="342">
        <v>0</v>
      </c>
      <c r="HU20" s="342">
        <v>0</v>
      </c>
      <c r="HV20" s="342">
        <v>0</v>
      </c>
      <c r="HW20" s="342">
        <v>0</v>
      </c>
      <c r="HX20" s="346">
        <v>0</v>
      </c>
      <c r="HY20" s="345">
        <v>0</v>
      </c>
      <c r="HZ20" s="373">
        <v>0</v>
      </c>
      <c r="IA20" s="371">
        <v>0</v>
      </c>
      <c r="IB20" s="373">
        <v>0</v>
      </c>
      <c r="IC20" s="370">
        <v>0</v>
      </c>
      <c r="ID20" s="371">
        <v>200122</v>
      </c>
      <c r="IE20" s="372">
        <v>277430</v>
      </c>
      <c r="IF20" s="373">
        <v>35966</v>
      </c>
      <c r="IG20" s="371">
        <v>566646</v>
      </c>
      <c r="IH20" s="373">
        <v>382604</v>
      </c>
      <c r="II20" s="374">
        <v>1462768</v>
      </c>
      <c r="IJ20" s="373">
        <v>1462768</v>
      </c>
      <c r="IK20" s="357">
        <v>0</v>
      </c>
      <c r="IL20" s="358">
        <v>0</v>
      </c>
      <c r="IM20" s="359">
        <v>0</v>
      </c>
      <c r="IN20" s="436">
        <v>0</v>
      </c>
      <c r="IO20" s="360">
        <v>0</v>
      </c>
      <c r="IP20" s="360">
        <v>0</v>
      </c>
      <c r="IQ20" s="360">
        <v>0</v>
      </c>
      <c r="IR20" s="360">
        <v>211117</v>
      </c>
      <c r="IS20" s="360">
        <v>0</v>
      </c>
      <c r="IT20" s="361">
        <v>211117</v>
      </c>
      <c r="IU20" s="362">
        <v>211117</v>
      </c>
      <c r="IV20" s="363">
        <v>0</v>
      </c>
      <c r="IW20" s="360">
        <v>0</v>
      </c>
      <c r="IX20" s="364">
        <v>0</v>
      </c>
      <c r="IY20" s="436">
        <v>0</v>
      </c>
      <c r="IZ20" s="360">
        <v>0</v>
      </c>
      <c r="JA20" s="360">
        <v>0</v>
      </c>
      <c r="JB20" s="360">
        <v>0</v>
      </c>
      <c r="JC20" s="360">
        <v>0</v>
      </c>
      <c r="JD20" s="360">
        <v>0</v>
      </c>
      <c r="JE20" s="364">
        <v>0</v>
      </c>
      <c r="JF20" s="365">
        <v>0</v>
      </c>
      <c r="JG20" s="363">
        <v>0</v>
      </c>
      <c r="JH20" s="360">
        <v>0</v>
      </c>
      <c r="JI20" s="361">
        <v>0</v>
      </c>
      <c r="JJ20" s="366">
        <v>0</v>
      </c>
      <c r="JK20" s="360">
        <v>200122</v>
      </c>
      <c r="JL20" s="360">
        <v>277430</v>
      </c>
      <c r="JM20" s="360">
        <v>35966</v>
      </c>
      <c r="JN20" s="360">
        <v>146064</v>
      </c>
      <c r="JO20" s="360">
        <v>116324</v>
      </c>
      <c r="JP20" s="364">
        <v>775906</v>
      </c>
      <c r="JQ20" s="362">
        <v>775906</v>
      </c>
      <c r="JR20" s="363">
        <v>0</v>
      </c>
      <c r="JS20" s="360">
        <v>0</v>
      </c>
      <c r="JT20" s="361">
        <v>0</v>
      </c>
      <c r="JU20" s="366">
        <v>0</v>
      </c>
      <c r="JV20" s="360">
        <v>0</v>
      </c>
      <c r="JW20" s="360">
        <v>0</v>
      </c>
      <c r="JX20" s="360">
        <v>0</v>
      </c>
      <c r="JY20" s="360">
        <v>0</v>
      </c>
      <c r="JZ20" s="360">
        <v>0</v>
      </c>
      <c r="KA20" s="364">
        <v>0</v>
      </c>
      <c r="KB20" s="362">
        <v>0</v>
      </c>
      <c r="KC20" s="367">
        <v>0</v>
      </c>
      <c r="KD20" s="368">
        <v>0</v>
      </c>
      <c r="KE20" s="364">
        <v>0</v>
      </c>
      <c r="KF20" s="366">
        <v>0</v>
      </c>
      <c r="KG20" s="360">
        <v>0</v>
      </c>
      <c r="KH20" s="360">
        <v>0</v>
      </c>
      <c r="KI20" s="360">
        <v>0</v>
      </c>
      <c r="KJ20" s="360">
        <v>0</v>
      </c>
      <c r="KK20" s="360">
        <v>0</v>
      </c>
      <c r="KL20" s="364">
        <v>0</v>
      </c>
      <c r="KM20" s="369">
        <v>0</v>
      </c>
      <c r="KN20" s="357">
        <v>0</v>
      </c>
      <c r="KO20" s="358">
        <v>0</v>
      </c>
      <c r="KP20" s="359">
        <v>0</v>
      </c>
      <c r="KQ20" s="436">
        <v>0</v>
      </c>
      <c r="KR20" s="360">
        <v>0</v>
      </c>
      <c r="KS20" s="360">
        <v>0</v>
      </c>
      <c r="KT20" s="360">
        <v>0</v>
      </c>
      <c r="KU20" s="360">
        <v>209465</v>
      </c>
      <c r="KV20" s="360">
        <v>0</v>
      </c>
      <c r="KW20" s="364">
        <v>209465</v>
      </c>
      <c r="KX20" s="362">
        <v>209465</v>
      </c>
      <c r="KY20" s="363">
        <v>0</v>
      </c>
      <c r="KZ20" s="360">
        <v>0</v>
      </c>
      <c r="LA20" s="364">
        <v>0</v>
      </c>
      <c r="LB20" s="436">
        <v>0</v>
      </c>
      <c r="LC20" s="360">
        <v>0</v>
      </c>
      <c r="LD20" s="360">
        <v>0</v>
      </c>
      <c r="LE20" s="360">
        <v>0</v>
      </c>
      <c r="LF20" s="360">
        <v>0</v>
      </c>
      <c r="LG20" s="360">
        <v>0</v>
      </c>
      <c r="LH20" s="364">
        <v>0</v>
      </c>
      <c r="LI20" s="365">
        <v>0</v>
      </c>
      <c r="LJ20" s="363">
        <v>0</v>
      </c>
      <c r="LK20" s="360">
        <v>0</v>
      </c>
      <c r="LL20" s="364">
        <v>0</v>
      </c>
      <c r="LM20" s="436">
        <v>0</v>
      </c>
      <c r="LN20" s="360">
        <v>0</v>
      </c>
      <c r="LO20" s="360">
        <v>0</v>
      </c>
      <c r="LP20" s="360">
        <v>0</v>
      </c>
      <c r="LQ20" s="360">
        <v>0</v>
      </c>
      <c r="LR20" s="360">
        <v>266280</v>
      </c>
      <c r="LS20" s="364">
        <v>266280</v>
      </c>
      <c r="LT20" s="362">
        <v>266280</v>
      </c>
      <c r="LU20" s="363">
        <v>0</v>
      </c>
      <c r="LV20" s="360">
        <v>0</v>
      </c>
      <c r="LW20" s="364">
        <v>0</v>
      </c>
      <c r="LX20" s="436">
        <v>0</v>
      </c>
      <c r="LY20" s="360">
        <v>0</v>
      </c>
      <c r="LZ20" s="360">
        <v>0</v>
      </c>
      <c r="MA20" s="360">
        <v>0</v>
      </c>
      <c r="MB20" s="360">
        <v>0</v>
      </c>
      <c r="MC20" s="360">
        <v>0</v>
      </c>
      <c r="MD20" s="364">
        <v>0</v>
      </c>
      <c r="ME20" s="365">
        <v>0</v>
      </c>
      <c r="MF20" s="363">
        <v>0</v>
      </c>
      <c r="MG20" s="360">
        <v>0</v>
      </c>
      <c r="MH20" s="364">
        <v>0</v>
      </c>
      <c r="MI20" s="436">
        <v>0</v>
      </c>
      <c r="MJ20" s="360">
        <v>0</v>
      </c>
      <c r="MK20" s="360">
        <v>0</v>
      </c>
      <c r="ML20" s="360">
        <v>330326</v>
      </c>
      <c r="MM20" s="360">
        <v>460720</v>
      </c>
      <c r="MN20" s="360">
        <v>452624</v>
      </c>
      <c r="MO20" s="364">
        <v>1243670</v>
      </c>
      <c r="MP20" s="369">
        <v>1243670</v>
      </c>
      <c r="MQ20" s="363">
        <v>0</v>
      </c>
      <c r="MR20" s="360">
        <v>0</v>
      </c>
      <c r="MS20" s="364">
        <v>0</v>
      </c>
      <c r="MT20" s="436">
        <v>0</v>
      </c>
      <c r="MU20" s="360">
        <v>0</v>
      </c>
      <c r="MV20" s="360">
        <v>0</v>
      </c>
      <c r="MW20" s="360">
        <v>0</v>
      </c>
      <c r="MX20" s="360">
        <v>0</v>
      </c>
      <c r="MY20" s="360">
        <v>452624</v>
      </c>
      <c r="MZ20" s="364">
        <v>452624</v>
      </c>
      <c r="NA20" s="369">
        <v>452624</v>
      </c>
      <c r="NB20" s="363">
        <v>0</v>
      </c>
      <c r="NC20" s="360">
        <v>0</v>
      </c>
      <c r="ND20" s="364">
        <v>0</v>
      </c>
      <c r="NE20" s="436">
        <v>0</v>
      </c>
      <c r="NF20" s="360">
        <v>0</v>
      </c>
      <c r="NG20" s="360">
        <v>0</v>
      </c>
      <c r="NH20" s="360">
        <v>330326</v>
      </c>
      <c r="NI20" s="360">
        <v>460720</v>
      </c>
      <c r="NJ20" s="360">
        <v>0</v>
      </c>
      <c r="NK20" s="364">
        <v>791046</v>
      </c>
      <c r="NL20" s="362">
        <v>791046</v>
      </c>
      <c r="NM20" s="363">
        <v>0</v>
      </c>
      <c r="NN20" s="360">
        <v>0</v>
      </c>
      <c r="NO20" s="364">
        <v>0</v>
      </c>
      <c r="NP20" s="436">
        <v>0</v>
      </c>
      <c r="NQ20" s="360">
        <v>0</v>
      </c>
      <c r="NR20" s="360">
        <v>0</v>
      </c>
      <c r="NS20" s="360">
        <v>0</v>
      </c>
      <c r="NT20" s="360">
        <v>0</v>
      </c>
      <c r="NU20" s="360">
        <v>0</v>
      </c>
      <c r="NV20" s="364">
        <v>0</v>
      </c>
      <c r="NW20" s="365">
        <v>0</v>
      </c>
      <c r="NX20" s="363">
        <v>0</v>
      </c>
      <c r="NY20" s="360">
        <v>0</v>
      </c>
      <c r="NZ20" s="364">
        <v>0</v>
      </c>
      <c r="OA20" s="436">
        <v>0</v>
      </c>
      <c r="OB20" s="360">
        <v>0</v>
      </c>
      <c r="OC20" s="360">
        <v>0</v>
      </c>
      <c r="OD20" s="360">
        <v>0</v>
      </c>
      <c r="OE20" s="360">
        <v>0</v>
      </c>
      <c r="OF20" s="360">
        <v>0</v>
      </c>
      <c r="OG20" s="364">
        <v>0</v>
      </c>
      <c r="OH20" s="365">
        <v>0</v>
      </c>
      <c r="OI20" s="363">
        <v>49669</v>
      </c>
      <c r="OJ20" s="360">
        <v>147809</v>
      </c>
      <c r="OK20" s="361">
        <v>197478</v>
      </c>
      <c r="OL20" s="366">
        <v>0</v>
      </c>
      <c r="OM20" s="360">
        <v>1135372</v>
      </c>
      <c r="ON20" s="360">
        <v>1847140</v>
      </c>
      <c r="OO20" s="360">
        <v>1183866</v>
      </c>
      <c r="OP20" s="360">
        <v>2798872</v>
      </c>
      <c r="OQ20" s="360">
        <v>1588024</v>
      </c>
      <c r="OR20" s="364">
        <v>8553274</v>
      </c>
      <c r="OS20" s="369">
        <v>8750752</v>
      </c>
    </row>
    <row r="21" spans="2:409" s="137" customFormat="1" ht="21" customHeight="1" x14ac:dyDescent="0.2">
      <c r="B21" s="421" t="s">
        <v>16</v>
      </c>
      <c r="C21" s="341">
        <v>341111</v>
      </c>
      <c r="D21" s="342">
        <v>418605</v>
      </c>
      <c r="E21" s="343">
        <v>759716</v>
      </c>
      <c r="F21" s="344">
        <v>0</v>
      </c>
      <c r="G21" s="342">
        <v>2443221</v>
      </c>
      <c r="H21" s="342">
        <v>4816585</v>
      </c>
      <c r="I21" s="342">
        <v>3885170</v>
      </c>
      <c r="J21" s="342">
        <v>3101311</v>
      </c>
      <c r="K21" s="342">
        <v>1643149</v>
      </c>
      <c r="L21" s="344">
        <v>15889436</v>
      </c>
      <c r="M21" s="345">
        <v>16649152</v>
      </c>
      <c r="N21" s="341">
        <v>50918</v>
      </c>
      <c r="O21" s="342">
        <v>140582</v>
      </c>
      <c r="P21" s="343">
        <v>191500</v>
      </c>
      <c r="Q21" s="341">
        <v>0</v>
      </c>
      <c r="R21" s="342">
        <v>319306</v>
      </c>
      <c r="S21" s="342">
        <v>1511419</v>
      </c>
      <c r="T21" s="342">
        <v>742488</v>
      </c>
      <c r="U21" s="342">
        <v>828172</v>
      </c>
      <c r="V21" s="342">
        <v>439384</v>
      </c>
      <c r="W21" s="343">
        <v>3840769</v>
      </c>
      <c r="X21" s="345">
        <v>4032269</v>
      </c>
      <c r="Y21" s="341">
        <v>0</v>
      </c>
      <c r="Z21" s="342">
        <v>0</v>
      </c>
      <c r="AA21" s="343">
        <v>0</v>
      </c>
      <c r="AB21" s="341">
        <v>0</v>
      </c>
      <c r="AC21" s="342">
        <v>106806</v>
      </c>
      <c r="AD21" s="342">
        <v>882081</v>
      </c>
      <c r="AE21" s="342">
        <v>178741</v>
      </c>
      <c r="AF21" s="342">
        <v>334027</v>
      </c>
      <c r="AG21" s="342">
        <v>0</v>
      </c>
      <c r="AH21" s="343">
        <v>1501655</v>
      </c>
      <c r="AI21" s="345">
        <v>1501655</v>
      </c>
      <c r="AJ21" s="341">
        <v>0</v>
      </c>
      <c r="AK21" s="342">
        <v>0</v>
      </c>
      <c r="AL21" s="343">
        <v>0</v>
      </c>
      <c r="AM21" s="341">
        <v>0</v>
      </c>
      <c r="AN21" s="342">
        <v>0</v>
      </c>
      <c r="AO21" s="342">
        <v>0</v>
      </c>
      <c r="AP21" s="342">
        <v>12283</v>
      </c>
      <c r="AQ21" s="342">
        <v>0</v>
      </c>
      <c r="AR21" s="342">
        <v>109590</v>
      </c>
      <c r="AS21" s="343">
        <v>121873</v>
      </c>
      <c r="AT21" s="345">
        <v>121873</v>
      </c>
      <c r="AU21" s="341">
        <v>18284</v>
      </c>
      <c r="AV21" s="342">
        <v>95111</v>
      </c>
      <c r="AW21" s="343">
        <v>113395</v>
      </c>
      <c r="AX21" s="341">
        <v>0</v>
      </c>
      <c r="AY21" s="342">
        <v>114066</v>
      </c>
      <c r="AZ21" s="342">
        <v>422508</v>
      </c>
      <c r="BA21" s="342">
        <v>334758</v>
      </c>
      <c r="BB21" s="342">
        <v>348573</v>
      </c>
      <c r="BC21" s="342">
        <v>231391</v>
      </c>
      <c r="BD21" s="343">
        <v>1451296</v>
      </c>
      <c r="BE21" s="345">
        <v>1564691</v>
      </c>
      <c r="BF21" s="341">
        <v>0</v>
      </c>
      <c r="BG21" s="342">
        <v>27159</v>
      </c>
      <c r="BH21" s="346">
        <v>27159</v>
      </c>
      <c r="BI21" s="347">
        <v>0</v>
      </c>
      <c r="BJ21" s="342">
        <v>0</v>
      </c>
      <c r="BK21" s="342">
        <v>41476</v>
      </c>
      <c r="BL21" s="342">
        <v>27650</v>
      </c>
      <c r="BM21" s="342">
        <v>0</v>
      </c>
      <c r="BN21" s="342">
        <v>20738</v>
      </c>
      <c r="BO21" s="343">
        <v>89864</v>
      </c>
      <c r="BP21" s="345">
        <v>117023</v>
      </c>
      <c r="BQ21" s="341">
        <v>32634</v>
      </c>
      <c r="BR21" s="342">
        <v>18312</v>
      </c>
      <c r="BS21" s="343">
        <v>50946</v>
      </c>
      <c r="BT21" s="341">
        <v>0</v>
      </c>
      <c r="BU21" s="342">
        <v>98434</v>
      </c>
      <c r="BV21" s="342">
        <v>165354</v>
      </c>
      <c r="BW21" s="342">
        <v>189056</v>
      </c>
      <c r="BX21" s="342">
        <v>145572</v>
      </c>
      <c r="BY21" s="342">
        <v>77665</v>
      </c>
      <c r="BZ21" s="343">
        <v>676081</v>
      </c>
      <c r="CA21" s="345">
        <v>727027</v>
      </c>
      <c r="CB21" s="341">
        <v>36812</v>
      </c>
      <c r="CC21" s="342">
        <v>139114</v>
      </c>
      <c r="CD21" s="343">
        <v>175926</v>
      </c>
      <c r="CE21" s="341">
        <v>0</v>
      </c>
      <c r="CF21" s="342">
        <v>1277098</v>
      </c>
      <c r="CG21" s="342">
        <v>1692192</v>
      </c>
      <c r="CH21" s="342">
        <v>780141</v>
      </c>
      <c r="CI21" s="342">
        <v>478067</v>
      </c>
      <c r="CJ21" s="342">
        <v>153967</v>
      </c>
      <c r="CK21" s="343">
        <v>4381465</v>
      </c>
      <c r="CL21" s="345">
        <v>4557391</v>
      </c>
      <c r="CM21" s="341">
        <v>0</v>
      </c>
      <c r="CN21" s="342">
        <v>0</v>
      </c>
      <c r="CO21" s="343">
        <v>0</v>
      </c>
      <c r="CP21" s="347">
        <v>0</v>
      </c>
      <c r="CQ21" s="342">
        <v>867858</v>
      </c>
      <c r="CR21" s="342">
        <v>852031</v>
      </c>
      <c r="CS21" s="342">
        <v>438301</v>
      </c>
      <c r="CT21" s="342">
        <v>415353</v>
      </c>
      <c r="CU21" s="342">
        <v>87978</v>
      </c>
      <c r="CV21" s="343">
        <v>2661521</v>
      </c>
      <c r="CW21" s="345">
        <v>2661521</v>
      </c>
      <c r="CX21" s="341">
        <v>36812</v>
      </c>
      <c r="CY21" s="342">
        <v>139114</v>
      </c>
      <c r="CZ21" s="343">
        <v>175926</v>
      </c>
      <c r="DA21" s="341">
        <v>0</v>
      </c>
      <c r="DB21" s="342">
        <v>409240</v>
      </c>
      <c r="DC21" s="342">
        <v>840161</v>
      </c>
      <c r="DD21" s="342">
        <v>341840</v>
      </c>
      <c r="DE21" s="342">
        <v>62714</v>
      </c>
      <c r="DF21" s="342">
        <v>65989</v>
      </c>
      <c r="DG21" s="343">
        <v>1719944</v>
      </c>
      <c r="DH21" s="345">
        <v>1895870</v>
      </c>
      <c r="DI21" s="341">
        <v>0</v>
      </c>
      <c r="DJ21" s="342">
        <v>0</v>
      </c>
      <c r="DK21" s="346">
        <v>0</v>
      </c>
      <c r="DL21" s="347">
        <v>0</v>
      </c>
      <c r="DM21" s="342">
        <v>0</v>
      </c>
      <c r="DN21" s="342">
        <v>277210</v>
      </c>
      <c r="DO21" s="342">
        <v>226805</v>
      </c>
      <c r="DP21" s="342">
        <v>91767</v>
      </c>
      <c r="DQ21" s="342">
        <v>0</v>
      </c>
      <c r="DR21" s="343">
        <v>595782</v>
      </c>
      <c r="DS21" s="345">
        <v>595782</v>
      </c>
      <c r="DT21" s="341">
        <v>0</v>
      </c>
      <c r="DU21" s="342">
        <v>0</v>
      </c>
      <c r="DV21" s="343">
        <v>0</v>
      </c>
      <c r="DW21" s="341">
        <v>0</v>
      </c>
      <c r="DX21" s="342">
        <v>0</v>
      </c>
      <c r="DY21" s="342">
        <v>256707</v>
      </c>
      <c r="DZ21" s="342">
        <v>226805</v>
      </c>
      <c r="EA21" s="342">
        <v>91767</v>
      </c>
      <c r="EB21" s="342">
        <v>0</v>
      </c>
      <c r="EC21" s="343">
        <v>575279</v>
      </c>
      <c r="ED21" s="345">
        <v>575279</v>
      </c>
      <c r="EE21" s="341">
        <v>0</v>
      </c>
      <c r="EF21" s="346">
        <v>0</v>
      </c>
      <c r="EG21" s="343">
        <v>0</v>
      </c>
      <c r="EH21" s="341">
        <v>0</v>
      </c>
      <c r="EI21" s="342">
        <v>0</v>
      </c>
      <c r="EJ21" s="342">
        <v>20503</v>
      </c>
      <c r="EK21" s="342">
        <v>0</v>
      </c>
      <c r="EL21" s="342">
        <v>0</v>
      </c>
      <c r="EM21" s="342">
        <v>0</v>
      </c>
      <c r="EN21" s="346">
        <v>20503</v>
      </c>
      <c r="EO21" s="345">
        <v>20503</v>
      </c>
      <c r="EP21" s="341">
        <v>0</v>
      </c>
      <c r="EQ21" s="342">
        <v>0</v>
      </c>
      <c r="ER21" s="346">
        <v>0</v>
      </c>
      <c r="ES21" s="347">
        <v>0</v>
      </c>
      <c r="ET21" s="342">
        <v>0</v>
      </c>
      <c r="EU21" s="342">
        <v>0</v>
      </c>
      <c r="EV21" s="342">
        <v>0</v>
      </c>
      <c r="EW21" s="342">
        <v>0</v>
      </c>
      <c r="EX21" s="342">
        <v>0</v>
      </c>
      <c r="EY21" s="343">
        <v>0</v>
      </c>
      <c r="EZ21" s="345">
        <v>0</v>
      </c>
      <c r="FA21" s="341">
        <v>0</v>
      </c>
      <c r="FB21" s="342">
        <v>0</v>
      </c>
      <c r="FC21" s="346">
        <v>0</v>
      </c>
      <c r="FD21" s="436">
        <v>0</v>
      </c>
      <c r="FE21" s="342">
        <v>0</v>
      </c>
      <c r="FF21" s="342">
        <v>0</v>
      </c>
      <c r="FG21" s="342">
        <v>0</v>
      </c>
      <c r="FH21" s="342">
        <v>0</v>
      </c>
      <c r="FI21" s="342">
        <v>0</v>
      </c>
      <c r="FJ21" s="343">
        <v>0</v>
      </c>
      <c r="FK21" s="345">
        <v>0</v>
      </c>
      <c r="FL21" s="341">
        <v>116830</v>
      </c>
      <c r="FM21" s="342">
        <v>61320</v>
      </c>
      <c r="FN21" s="343">
        <v>178150</v>
      </c>
      <c r="FO21" s="341">
        <v>0</v>
      </c>
      <c r="FP21" s="342">
        <v>115634</v>
      </c>
      <c r="FQ21" s="342">
        <v>441364</v>
      </c>
      <c r="FR21" s="342">
        <v>171248</v>
      </c>
      <c r="FS21" s="342">
        <v>193452</v>
      </c>
      <c r="FT21" s="342">
        <v>224721</v>
      </c>
      <c r="FU21" s="343">
        <v>1146419</v>
      </c>
      <c r="FV21" s="345">
        <v>1324569</v>
      </c>
      <c r="FW21" s="348">
        <v>36750</v>
      </c>
      <c r="FX21" s="342">
        <v>61320</v>
      </c>
      <c r="FY21" s="346">
        <v>98070</v>
      </c>
      <c r="FZ21" s="347">
        <v>0</v>
      </c>
      <c r="GA21" s="342">
        <v>82320</v>
      </c>
      <c r="GB21" s="342">
        <v>407512</v>
      </c>
      <c r="GC21" s="342">
        <v>171248</v>
      </c>
      <c r="GD21" s="342">
        <v>193452</v>
      </c>
      <c r="GE21" s="342">
        <v>224721</v>
      </c>
      <c r="GF21" s="343">
        <v>1079253</v>
      </c>
      <c r="GG21" s="349">
        <v>1177323</v>
      </c>
      <c r="GH21" s="348">
        <v>0</v>
      </c>
      <c r="GI21" s="342">
        <v>0</v>
      </c>
      <c r="GJ21" s="346">
        <v>0</v>
      </c>
      <c r="GK21" s="347">
        <v>0</v>
      </c>
      <c r="GL21" s="342">
        <v>33314</v>
      </c>
      <c r="GM21" s="342">
        <v>0</v>
      </c>
      <c r="GN21" s="342">
        <v>0</v>
      </c>
      <c r="GO21" s="342">
        <v>0</v>
      </c>
      <c r="GP21" s="342">
        <v>0</v>
      </c>
      <c r="GQ21" s="343">
        <v>33314</v>
      </c>
      <c r="GR21" s="345">
        <v>33314</v>
      </c>
      <c r="GS21" s="341">
        <v>80080</v>
      </c>
      <c r="GT21" s="342">
        <v>0</v>
      </c>
      <c r="GU21" s="343">
        <v>80080</v>
      </c>
      <c r="GV21" s="341">
        <v>0</v>
      </c>
      <c r="GW21" s="342">
        <v>0</v>
      </c>
      <c r="GX21" s="342">
        <v>33852</v>
      </c>
      <c r="GY21" s="342">
        <v>0</v>
      </c>
      <c r="GZ21" s="342">
        <v>0</v>
      </c>
      <c r="HA21" s="342">
        <v>0</v>
      </c>
      <c r="HB21" s="346">
        <v>33852</v>
      </c>
      <c r="HC21" s="345">
        <v>113932</v>
      </c>
      <c r="HD21" s="341">
        <v>136551</v>
      </c>
      <c r="HE21" s="342">
        <v>77589</v>
      </c>
      <c r="HF21" s="346">
        <v>214140</v>
      </c>
      <c r="HG21" s="347">
        <v>0</v>
      </c>
      <c r="HH21" s="342">
        <v>731183</v>
      </c>
      <c r="HI21" s="342">
        <v>894400</v>
      </c>
      <c r="HJ21" s="342">
        <v>1964488</v>
      </c>
      <c r="HK21" s="342">
        <v>1509853</v>
      </c>
      <c r="HL21" s="342">
        <v>825077</v>
      </c>
      <c r="HM21" s="343">
        <v>5925001</v>
      </c>
      <c r="HN21" s="344">
        <v>6139141</v>
      </c>
      <c r="HO21" s="348">
        <v>0</v>
      </c>
      <c r="HP21" s="342">
        <v>0</v>
      </c>
      <c r="HQ21" s="343">
        <v>0</v>
      </c>
      <c r="HR21" s="341">
        <v>0</v>
      </c>
      <c r="HS21" s="342">
        <v>0</v>
      </c>
      <c r="HT21" s="342">
        <v>0</v>
      </c>
      <c r="HU21" s="342">
        <v>0</v>
      </c>
      <c r="HV21" s="342">
        <v>0</v>
      </c>
      <c r="HW21" s="342">
        <v>0</v>
      </c>
      <c r="HX21" s="346">
        <v>0</v>
      </c>
      <c r="HY21" s="345">
        <v>0</v>
      </c>
      <c r="HZ21" s="350">
        <v>0</v>
      </c>
      <c r="IA21" s="351">
        <v>67139</v>
      </c>
      <c r="IB21" s="352">
        <v>67139</v>
      </c>
      <c r="IC21" s="353">
        <v>0</v>
      </c>
      <c r="ID21" s="351">
        <v>640142</v>
      </c>
      <c r="IE21" s="354">
        <v>1070805</v>
      </c>
      <c r="IF21" s="352">
        <v>712897</v>
      </c>
      <c r="IG21" s="351">
        <v>205145</v>
      </c>
      <c r="IH21" s="352">
        <v>238491</v>
      </c>
      <c r="II21" s="355">
        <v>2867480</v>
      </c>
      <c r="IJ21" s="356">
        <v>2934619</v>
      </c>
      <c r="IK21" s="357">
        <v>0</v>
      </c>
      <c r="IL21" s="358">
        <v>0</v>
      </c>
      <c r="IM21" s="359">
        <v>0</v>
      </c>
      <c r="IN21" s="436">
        <v>0</v>
      </c>
      <c r="IO21" s="360">
        <v>0</v>
      </c>
      <c r="IP21" s="360">
        <v>0</v>
      </c>
      <c r="IQ21" s="360">
        <v>0</v>
      </c>
      <c r="IR21" s="360">
        <v>175041</v>
      </c>
      <c r="IS21" s="360">
        <v>238491</v>
      </c>
      <c r="IT21" s="361">
        <v>413532</v>
      </c>
      <c r="IU21" s="362">
        <v>413532</v>
      </c>
      <c r="IV21" s="363">
        <v>0</v>
      </c>
      <c r="IW21" s="360">
        <v>0</v>
      </c>
      <c r="IX21" s="364">
        <v>0</v>
      </c>
      <c r="IY21" s="436">
        <v>0</v>
      </c>
      <c r="IZ21" s="360">
        <v>0</v>
      </c>
      <c r="JA21" s="360">
        <v>0</v>
      </c>
      <c r="JB21" s="360">
        <v>0</v>
      </c>
      <c r="JC21" s="360">
        <v>14347</v>
      </c>
      <c r="JD21" s="360">
        <v>0</v>
      </c>
      <c r="JE21" s="364">
        <v>14347</v>
      </c>
      <c r="JF21" s="365">
        <v>14347</v>
      </c>
      <c r="JG21" s="363">
        <v>0</v>
      </c>
      <c r="JH21" s="360">
        <v>0</v>
      </c>
      <c r="JI21" s="361">
        <v>0</v>
      </c>
      <c r="JJ21" s="366">
        <v>0</v>
      </c>
      <c r="JK21" s="360">
        <v>219810</v>
      </c>
      <c r="JL21" s="360">
        <v>401312</v>
      </c>
      <c r="JM21" s="360">
        <v>395269</v>
      </c>
      <c r="JN21" s="360">
        <v>15757</v>
      </c>
      <c r="JO21" s="360">
        <v>0</v>
      </c>
      <c r="JP21" s="364">
        <v>1032148</v>
      </c>
      <c r="JQ21" s="362">
        <v>1032148</v>
      </c>
      <c r="JR21" s="363">
        <v>0</v>
      </c>
      <c r="JS21" s="360">
        <v>0</v>
      </c>
      <c r="JT21" s="361">
        <v>0</v>
      </c>
      <c r="JU21" s="366">
        <v>0</v>
      </c>
      <c r="JV21" s="360">
        <v>94463</v>
      </c>
      <c r="JW21" s="360">
        <v>112037</v>
      </c>
      <c r="JX21" s="360">
        <v>80256</v>
      </c>
      <c r="JY21" s="360">
        <v>0</v>
      </c>
      <c r="JZ21" s="360">
        <v>0</v>
      </c>
      <c r="KA21" s="364">
        <v>286756</v>
      </c>
      <c r="KB21" s="362">
        <v>286756</v>
      </c>
      <c r="KC21" s="367">
        <v>0</v>
      </c>
      <c r="KD21" s="368">
        <v>67139</v>
      </c>
      <c r="KE21" s="364">
        <v>67139</v>
      </c>
      <c r="KF21" s="366">
        <v>0</v>
      </c>
      <c r="KG21" s="360">
        <v>135066</v>
      </c>
      <c r="KH21" s="360">
        <v>158734</v>
      </c>
      <c r="KI21" s="360">
        <v>0</v>
      </c>
      <c r="KJ21" s="360">
        <v>0</v>
      </c>
      <c r="KK21" s="360">
        <v>0</v>
      </c>
      <c r="KL21" s="364">
        <v>293800</v>
      </c>
      <c r="KM21" s="369">
        <v>360939</v>
      </c>
      <c r="KN21" s="357">
        <v>0</v>
      </c>
      <c r="KO21" s="358">
        <v>0</v>
      </c>
      <c r="KP21" s="359">
        <v>0</v>
      </c>
      <c r="KQ21" s="436">
        <v>0</v>
      </c>
      <c r="KR21" s="360">
        <v>190803</v>
      </c>
      <c r="KS21" s="360">
        <v>398722</v>
      </c>
      <c r="KT21" s="360">
        <v>237372</v>
      </c>
      <c r="KU21" s="360">
        <v>0</v>
      </c>
      <c r="KV21" s="360">
        <v>0</v>
      </c>
      <c r="KW21" s="364">
        <v>826897</v>
      </c>
      <c r="KX21" s="362">
        <v>826897</v>
      </c>
      <c r="KY21" s="363">
        <v>0</v>
      </c>
      <c r="KZ21" s="360">
        <v>0</v>
      </c>
      <c r="LA21" s="364">
        <v>0</v>
      </c>
      <c r="LB21" s="436">
        <v>0</v>
      </c>
      <c r="LC21" s="360">
        <v>0</v>
      </c>
      <c r="LD21" s="360">
        <v>0</v>
      </c>
      <c r="LE21" s="360">
        <v>0</v>
      </c>
      <c r="LF21" s="360">
        <v>0</v>
      </c>
      <c r="LG21" s="360">
        <v>0</v>
      </c>
      <c r="LH21" s="364">
        <v>0</v>
      </c>
      <c r="LI21" s="365">
        <v>0</v>
      </c>
      <c r="LJ21" s="363">
        <v>0</v>
      </c>
      <c r="LK21" s="360">
        <v>0</v>
      </c>
      <c r="LL21" s="364">
        <v>0</v>
      </c>
      <c r="LM21" s="436">
        <v>0</v>
      </c>
      <c r="LN21" s="360">
        <v>0</v>
      </c>
      <c r="LO21" s="360">
        <v>0</v>
      </c>
      <c r="LP21" s="360">
        <v>0</v>
      </c>
      <c r="LQ21" s="360">
        <v>0</v>
      </c>
      <c r="LR21" s="360">
        <v>0</v>
      </c>
      <c r="LS21" s="364">
        <v>0</v>
      </c>
      <c r="LT21" s="362">
        <v>0</v>
      </c>
      <c r="LU21" s="363">
        <v>0</v>
      </c>
      <c r="LV21" s="360">
        <v>0</v>
      </c>
      <c r="LW21" s="364">
        <v>0</v>
      </c>
      <c r="LX21" s="436">
        <v>0</v>
      </c>
      <c r="LY21" s="360">
        <v>0</v>
      </c>
      <c r="LZ21" s="360">
        <v>0</v>
      </c>
      <c r="MA21" s="360">
        <v>0</v>
      </c>
      <c r="MB21" s="360">
        <v>0</v>
      </c>
      <c r="MC21" s="360">
        <v>0</v>
      </c>
      <c r="MD21" s="364">
        <v>0</v>
      </c>
      <c r="ME21" s="365">
        <v>0</v>
      </c>
      <c r="MF21" s="363">
        <v>0</v>
      </c>
      <c r="MG21" s="360">
        <v>0</v>
      </c>
      <c r="MH21" s="364">
        <v>0</v>
      </c>
      <c r="MI21" s="436">
        <v>0</v>
      </c>
      <c r="MJ21" s="360">
        <v>195001</v>
      </c>
      <c r="MK21" s="360">
        <v>387431</v>
      </c>
      <c r="ML21" s="360">
        <v>1983693</v>
      </c>
      <c r="MM21" s="360">
        <v>2481316</v>
      </c>
      <c r="MN21" s="360">
        <v>691939</v>
      </c>
      <c r="MO21" s="364">
        <v>5739380</v>
      </c>
      <c r="MP21" s="369">
        <v>5739380</v>
      </c>
      <c r="MQ21" s="363">
        <v>0</v>
      </c>
      <c r="MR21" s="360">
        <v>0</v>
      </c>
      <c r="MS21" s="364">
        <v>0</v>
      </c>
      <c r="MT21" s="436">
        <v>0</v>
      </c>
      <c r="MU21" s="360">
        <v>0</v>
      </c>
      <c r="MV21" s="360">
        <v>0</v>
      </c>
      <c r="MW21" s="360">
        <v>1166446</v>
      </c>
      <c r="MX21" s="360">
        <v>1754403</v>
      </c>
      <c r="MY21" s="360">
        <v>691939</v>
      </c>
      <c r="MZ21" s="364">
        <v>3612788</v>
      </c>
      <c r="NA21" s="369">
        <v>3612788</v>
      </c>
      <c r="NB21" s="363">
        <v>0</v>
      </c>
      <c r="NC21" s="360">
        <v>0</v>
      </c>
      <c r="ND21" s="364">
        <v>0</v>
      </c>
      <c r="NE21" s="436">
        <v>0</v>
      </c>
      <c r="NF21" s="360">
        <v>195001</v>
      </c>
      <c r="NG21" s="360">
        <v>387431</v>
      </c>
      <c r="NH21" s="360">
        <v>817247</v>
      </c>
      <c r="NI21" s="360">
        <v>726913</v>
      </c>
      <c r="NJ21" s="360">
        <v>0</v>
      </c>
      <c r="NK21" s="364">
        <v>2126592</v>
      </c>
      <c r="NL21" s="362">
        <v>2126592</v>
      </c>
      <c r="NM21" s="363">
        <v>0</v>
      </c>
      <c r="NN21" s="360">
        <v>0</v>
      </c>
      <c r="NO21" s="364">
        <v>0</v>
      </c>
      <c r="NP21" s="436">
        <v>0</v>
      </c>
      <c r="NQ21" s="360">
        <v>0</v>
      </c>
      <c r="NR21" s="360">
        <v>0</v>
      </c>
      <c r="NS21" s="360">
        <v>0</v>
      </c>
      <c r="NT21" s="360">
        <v>0</v>
      </c>
      <c r="NU21" s="360">
        <v>0</v>
      </c>
      <c r="NV21" s="364">
        <v>0</v>
      </c>
      <c r="NW21" s="365">
        <v>0</v>
      </c>
      <c r="NX21" s="363">
        <v>0</v>
      </c>
      <c r="NY21" s="360">
        <v>0</v>
      </c>
      <c r="NZ21" s="364">
        <v>0</v>
      </c>
      <c r="OA21" s="436">
        <v>0</v>
      </c>
      <c r="OB21" s="360">
        <v>0</v>
      </c>
      <c r="OC21" s="360">
        <v>0</v>
      </c>
      <c r="OD21" s="360">
        <v>0</v>
      </c>
      <c r="OE21" s="360">
        <v>0</v>
      </c>
      <c r="OF21" s="360">
        <v>0</v>
      </c>
      <c r="OG21" s="364">
        <v>0</v>
      </c>
      <c r="OH21" s="365">
        <v>0</v>
      </c>
      <c r="OI21" s="363">
        <v>341111</v>
      </c>
      <c r="OJ21" s="360">
        <v>485744</v>
      </c>
      <c r="OK21" s="361">
        <v>826855</v>
      </c>
      <c r="OL21" s="366">
        <v>0</v>
      </c>
      <c r="OM21" s="360">
        <v>3278364</v>
      </c>
      <c r="ON21" s="360">
        <v>6274821</v>
      </c>
      <c r="OO21" s="360">
        <v>6581760</v>
      </c>
      <c r="OP21" s="360">
        <v>5787772</v>
      </c>
      <c r="OQ21" s="360">
        <v>2573579</v>
      </c>
      <c r="OR21" s="364">
        <v>24496296</v>
      </c>
      <c r="OS21" s="369">
        <v>25323151</v>
      </c>
    </row>
    <row r="22" spans="2:409" s="137" customFormat="1" ht="21" customHeight="1" x14ac:dyDescent="0.2">
      <c r="B22" s="421" t="s">
        <v>17</v>
      </c>
      <c r="C22" s="341">
        <v>578268</v>
      </c>
      <c r="D22" s="342">
        <v>1023881</v>
      </c>
      <c r="E22" s="343">
        <v>1602149</v>
      </c>
      <c r="F22" s="344">
        <v>0</v>
      </c>
      <c r="G22" s="342">
        <v>3809801</v>
      </c>
      <c r="H22" s="342">
        <v>6315294</v>
      </c>
      <c r="I22" s="342">
        <v>6555381</v>
      </c>
      <c r="J22" s="342">
        <v>4756915</v>
      </c>
      <c r="K22" s="342">
        <v>4512148</v>
      </c>
      <c r="L22" s="344">
        <v>25949539</v>
      </c>
      <c r="M22" s="345">
        <v>27551688</v>
      </c>
      <c r="N22" s="341">
        <v>142745</v>
      </c>
      <c r="O22" s="342">
        <v>201602</v>
      </c>
      <c r="P22" s="343">
        <v>344347</v>
      </c>
      <c r="Q22" s="341">
        <v>0</v>
      </c>
      <c r="R22" s="342">
        <v>1134796</v>
      </c>
      <c r="S22" s="342">
        <v>1844487</v>
      </c>
      <c r="T22" s="342">
        <v>2809949</v>
      </c>
      <c r="U22" s="342">
        <v>950895</v>
      </c>
      <c r="V22" s="342">
        <v>2285667</v>
      </c>
      <c r="W22" s="343">
        <v>9025794</v>
      </c>
      <c r="X22" s="345">
        <v>9370141</v>
      </c>
      <c r="Y22" s="341">
        <v>0</v>
      </c>
      <c r="Z22" s="342">
        <v>0</v>
      </c>
      <c r="AA22" s="343">
        <v>0</v>
      </c>
      <c r="AB22" s="341">
        <v>0</v>
      </c>
      <c r="AC22" s="342">
        <v>462756</v>
      </c>
      <c r="AD22" s="342">
        <v>823071</v>
      </c>
      <c r="AE22" s="342">
        <v>1594333</v>
      </c>
      <c r="AF22" s="342">
        <v>183783</v>
      </c>
      <c r="AG22" s="342">
        <v>1534042</v>
      </c>
      <c r="AH22" s="343">
        <v>4597985</v>
      </c>
      <c r="AI22" s="345">
        <v>4597985</v>
      </c>
      <c r="AJ22" s="341">
        <v>0</v>
      </c>
      <c r="AK22" s="342">
        <v>0</v>
      </c>
      <c r="AL22" s="343">
        <v>0</v>
      </c>
      <c r="AM22" s="341">
        <v>0</v>
      </c>
      <c r="AN22" s="342">
        <v>22376</v>
      </c>
      <c r="AO22" s="342">
        <v>0</v>
      </c>
      <c r="AP22" s="342">
        <v>52177</v>
      </c>
      <c r="AQ22" s="342">
        <v>95488</v>
      </c>
      <c r="AR22" s="342">
        <v>105290</v>
      </c>
      <c r="AS22" s="343">
        <v>275331</v>
      </c>
      <c r="AT22" s="345">
        <v>275331</v>
      </c>
      <c r="AU22" s="341">
        <v>61104</v>
      </c>
      <c r="AV22" s="342">
        <v>157208</v>
      </c>
      <c r="AW22" s="343">
        <v>218312</v>
      </c>
      <c r="AX22" s="341">
        <v>0</v>
      </c>
      <c r="AY22" s="342">
        <v>397454</v>
      </c>
      <c r="AZ22" s="342">
        <v>654340</v>
      </c>
      <c r="BA22" s="342">
        <v>689349</v>
      </c>
      <c r="BB22" s="342">
        <v>429242</v>
      </c>
      <c r="BC22" s="342">
        <v>273474</v>
      </c>
      <c r="BD22" s="343">
        <v>2443859</v>
      </c>
      <c r="BE22" s="345">
        <v>2662171</v>
      </c>
      <c r="BF22" s="341">
        <v>0</v>
      </c>
      <c r="BG22" s="342">
        <v>0</v>
      </c>
      <c r="BH22" s="346">
        <v>0</v>
      </c>
      <c r="BI22" s="347">
        <v>0</v>
      </c>
      <c r="BJ22" s="342">
        <v>0</v>
      </c>
      <c r="BK22" s="342">
        <v>121866</v>
      </c>
      <c r="BL22" s="342">
        <v>106555</v>
      </c>
      <c r="BM22" s="342">
        <v>17997</v>
      </c>
      <c r="BN22" s="342">
        <v>84587</v>
      </c>
      <c r="BO22" s="343">
        <v>331005</v>
      </c>
      <c r="BP22" s="345">
        <v>331005</v>
      </c>
      <c r="BQ22" s="341">
        <v>81641</v>
      </c>
      <c r="BR22" s="342">
        <v>44394</v>
      </c>
      <c r="BS22" s="343">
        <v>126035</v>
      </c>
      <c r="BT22" s="341">
        <v>0</v>
      </c>
      <c r="BU22" s="342">
        <v>252210</v>
      </c>
      <c r="BV22" s="342">
        <v>245210</v>
      </c>
      <c r="BW22" s="342">
        <v>367535</v>
      </c>
      <c r="BX22" s="342">
        <v>224385</v>
      </c>
      <c r="BY22" s="342">
        <v>288274</v>
      </c>
      <c r="BZ22" s="343">
        <v>1377614</v>
      </c>
      <c r="CA22" s="345">
        <v>1503649</v>
      </c>
      <c r="CB22" s="341">
        <v>112410</v>
      </c>
      <c r="CC22" s="342">
        <v>136015</v>
      </c>
      <c r="CD22" s="343">
        <v>248425</v>
      </c>
      <c r="CE22" s="341">
        <v>0</v>
      </c>
      <c r="CF22" s="342">
        <v>822479</v>
      </c>
      <c r="CG22" s="342">
        <v>2198696</v>
      </c>
      <c r="CH22" s="342">
        <v>1708269</v>
      </c>
      <c r="CI22" s="342">
        <v>1279509</v>
      </c>
      <c r="CJ22" s="342">
        <v>279006</v>
      </c>
      <c r="CK22" s="343">
        <v>6287959</v>
      </c>
      <c r="CL22" s="345">
        <v>6536384</v>
      </c>
      <c r="CM22" s="341">
        <v>0</v>
      </c>
      <c r="CN22" s="342">
        <v>0</v>
      </c>
      <c r="CO22" s="343">
        <v>0</v>
      </c>
      <c r="CP22" s="347">
        <v>0</v>
      </c>
      <c r="CQ22" s="342">
        <v>660482</v>
      </c>
      <c r="CR22" s="342">
        <v>1463698</v>
      </c>
      <c r="CS22" s="342">
        <v>1376858</v>
      </c>
      <c r="CT22" s="342">
        <v>959048</v>
      </c>
      <c r="CU22" s="342">
        <v>245380</v>
      </c>
      <c r="CV22" s="343">
        <v>4705466</v>
      </c>
      <c r="CW22" s="345">
        <v>4705466</v>
      </c>
      <c r="CX22" s="341">
        <v>112410</v>
      </c>
      <c r="CY22" s="342">
        <v>136015</v>
      </c>
      <c r="CZ22" s="343">
        <v>248425</v>
      </c>
      <c r="DA22" s="341">
        <v>0</v>
      </c>
      <c r="DB22" s="342">
        <v>161997</v>
      </c>
      <c r="DC22" s="342">
        <v>734998</v>
      </c>
      <c r="DD22" s="342">
        <v>331411</v>
      </c>
      <c r="DE22" s="342">
        <v>320461</v>
      </c>
      <c r="DF22" s="342">
        <v>33626</v>
      </c>
      <c r="DG22" s="343">
        <v>1582493</v>
      </c>
      <c r="DH22" s="345">
        <v>1830918</v>
      </c>
      <c r="DI22" s="341">
        <v>0</v>
      </c>
      <c r="DJ22" s="342">
        <v>0</v>
      </c>
      <c r="DK22" s="346">
        <v>0</v>
      </c>
      <c r="DL22" s="347">
        <v>0</v>
      </c>
      <c r="DM22" s="342">
        <v>18900</v>
      </c>
      <c r="DN22" s="342">
        <v>382286</v>
      </c>
      <c r="DO22" s="342">
        <v>369097</v>
      </c>
      <c r="DP22" s="342">
        <v>306573</v>
      </c>
      <c r="DQ22" s="342">
        <v>312246</v>
      </c>
      <c r="DR22" s="343">
        <v>1389102</v>
      </c>
      <c r="DS22" s="345">
        <v>1389102</v>
      </c>
      <c r="DT22" s="341">
        <v>0</v>
      </c>
      <c r="DU22" s="342">
        <v>0</v>
      </c>
      <c r="DV22" s="343">
        <v>0</v>
      </c>
      <c r="DW22" s="341">
        <v>0</v>
      </c>
      <c r="DX22" s="342">
        <v>18900</v>
      </c>
      <c r="DY22" s="342">
        <v>298739</v>
      </c>
      <c r="DZ22" s="342">
        <v>328216</v>
      </c>
      <c r="EA22" s="342">
        <v>306573</v>
      </c>
      <c r="EB22" s="342">
        <v>312246</v>
      </c>
      <c r="EC22" s="343">
        <v>1264674</v>
      </c>
      <c r="ED22" s="345">
        <v>1264674</v>
      </c>
      <c r="EE22" s="341">
        <v>0</v>
      </c>
      <c r="EF22" s="346">
        <v>0</v>
      </c>
      <c r="EG22" s="343">
        <v>0</v>
      </c>
      <c r="EH22" s="341">
        <v>0</v>
      </c>
      <c r="EI22" s="342">
        <v>0</v>
      </c>
      <c r="EJ22" s="342">
        <v>83547</v>
      </c>
      <c r="EK22" s="342">
        <v>40881</v>
      </c>
      <c r="EL22" s="342">
        <v>0</v>
      </c>
      <c r="EM22" s="342">
        <v>0</v>
      </c>
      <c r="EN22" s="346">
        <v>124428</v>
      </c>
      <c r="EO22" s="345">
        <v>124428</v>
      </c>
      <c r="EP22" s="341">
        <v>0</v>
      </c>
      <c r="EQ22" s="342">
        <v>0</v>
      </c>
      <c r="ER22" s="346">
        <v>0</v>
      </c>
      <c r="ES22" s="347">
        <v>0</v>
      </c>
      <c r="ET22" s="342">
        <v>0</v>
      </c>
      <c r="EU22" s="342">
        <v>0</v>
      </c>
      <c r="EV22" s="342">
        <v>0</v>
      </c>
      <c r="EW22" s="342">
        <v>0</v>
      </c>
      <c r="EX22" s="342">
        <v>0</v>
      </c>
      <c r="EY22" s="343">
        <v>0</v>
      </c>
      <c r="EZ22" s="345">
        <v>0</v>
      </c>
      <c r="FA22" s="341">
        <v>0</v>
      </c>
      <c r="FB22" s="342">
        <v>0</v>
      </c>
      <c r="FC22" s="346">
        <v>0</v>
      </c>
      <c r="FD22" s="436">
        <v>0</v>
      </c>
      <c r="FE22" s="342">
        <v>0</v>
      </c>
      <c r="FF22" s="342">
        <v>0</v>
      </c>
      <c r="FG22" s="342">
        <v>0</v>
      </c>
      <c r="FH22" s="342">
        <v>0</v>
      </c>
      <c r="FI22" s="342">
        <v>0</v>
      </c>
      <c r="FJ22" s="343">
        <v>0</v>
      </c>
      <c r="FK22" s="345">
        <v>0</v>
      </c>
      <c r="FL22" s="341">
        <v>43386</v>
      </c>
      <c r="FM22" s="342">
        <v>132496</v>
      </c>
      <c r="FN22" s="343">
        <v>175882</v>
      </c>
      <c r="FO22" s="341">
        <v>0</v>
      </c>
      <c r="FP22" s="342">
        <v>266490</v>
      </c>
      <c r="FQ22" s="342">
        <v>499450</v>
      </c>
      <c r="FR22" s="342">
        <v>653632</v>
      </c>
      <c r="FS22" s="342">
        <v>448672</v>
      </c>
      <c r="FT22" s="342">
        <v>329028</v>
      </c>
      <c r="FU22" s="343">
        <v>2197272</v>
      </c>
      <c r="FV22" s="345">
        <v>2373154</v>
      </c>
      <c r="FW22" s="348">
        <v>43386</v>
      </c>
      <c r="FX22" s="342">
        <v>132496</v>
      </c>
      <c r="FY22" s="346">
        <v>175882</v>
      </c>
      <c r="FZ22" s="347">
        <v>0</v>
      </c>
      <c r="GA22" s="342">
        <v>140672</v>
      </c>
      <c r="GB22" s="342">
        <v>483280</v>
      </c>
      <c r="GC22" s="342">
        <v>653632</v>
      </c>
      <c r="GD22" s="342">
        <v>436072</v>
      </c>
      <c r="GE22" s="342">
        <v>329028</v>
      </c>
      <c r="GF22" s="343">
        <v>2042684</v>
      </c>
      <c r="GG22" s="349">
        <v>2218566</v>
      </c>
      <c r="GH22" s="348">
        <v>0</v>
      </c>
      <c r="GI22" s="342">
        <v>0</v>
      </c>
      <c r="GJ22" s="346">
        <v>0</v>
      </c>
      <c r="GK22" s="347">
        <v>0</v>
      </c>
      <c r="GL22" s="342">
        <v>0</v>
      </c>
      <c r="GM22" s="342">
        <v>16170</v>
      </c>
      <c r="GN22" s="342">
        <v>0</v>
      </c>
      <c r="GO22" s="342">
        <v>12600</v>
      </c>
      <c r="GP22" s="342">
        <v>0</v>
      </c>
      <c r="GQ22" s="343">
        <v>28770</v>
      </c>
      <c r="GR22" s="345">
        <v>28770</v>
      </c>
      <c r="GS22" s="341">
        <v>0</v>
      </c>
      <c r="GT22" s="342">
        <v>0</v>
      </c>
      <c r="GU22" s="343">
        <v>0</v>
      </c>
      <c r="GV22" s="341">
        <v>0</v>
      </c>
      <c r="GW22" s="342">
        <v>125818</v>
      </c>
      <c r="GX22" s="342">
        <v>0</v>
      </c>
      <c r="GY22" s="342">
        <v>0</v>
      </c>
      <c r="GZ22" s="342">
        <v>0</v>
      </c>
      <c r="HA22" s="342">
        <v>0</v>
      </c>
      <c r="HB22" s="346">
        <v>125818</v>
      </c>
      <c r="HC22" s="345">
        <v>125818</v>
      </c>
      <c r="HD22" s="341">
        <v>279727</v>
      </c>
      <c r="HE22" s="342">
        <v>553768</v>
      </c>
      <c r="HF22" s="346">
        <v>833495</v>
      </c>
      <c r="HG22" s="347">
        <v>0</v>
      </c>
      <c r="HH22" s="342">
        <v>1567136</v>
      </c>
      <c r="HI22" s="342">
        <v>1390375</v>
      </c>
      <c r="HJ22" s="342">
        <v>1014434</v>
      </c>
      <c r="HK22" s="342">
        <v>1771266</v>
      </c>
      <c r="HL22" s="342">
        <v>1306201</v>
      </c>
      <c r="HM22" s="343">
        <v>7049412</v>
      </c>
      <c r="HN22" s="344">
        <v>7882907</v>
      </c>
      <c r="HO22" s="348">
        <v>0</v>
      </c>
      <c r="HP22" s="342">
        <v>0</v>
      </c>
      <c r="HQ22" s="343">
        <v>0</v>
      </c>
      <c r="HR22" s="341">
        <v>0</v>
      </c>
      <c r="HS22" s="342">
        <v>0</v>
      </c>
      <c r="HT22" s="342">
        <v>0</v>
      </c>
      <c r="HU22" s="342">
        <v>0</v>
      </c>
      <c r="HV22" s="342">
        <v>0</v>
      </c>
      <c r="HW22" s="342">
        <v>0</v>
      </c>
      <c r="HX22" s="346">
        <v>0</v>
      </c>
      <c r="HY22" s="345">
        <v>0</v>
      </c>
      <c r="HZ22" s="373">
        <v>0</v>
      </c>
      <c r="IA22" s="371">
        <v>0</v>
      </c>
      <c r="IB22" s="373">
        <v>0</v>
      </c>
      <c r="IC22" s="370">
        <v>0</v>
      </c>
      <c r="ID22" s="371">
        <v>998617</v>
      </c>
      <c r="IE22" s="372">
        <v>1487013</v>
      </c>
      <c r="IF22" s="373">
        <v>1498682</v>
      </c>
      <c r="IG22" s="371">
        <v>1420633</v>
      </c>
      <c r="IH22" s="373">
        <v>1634813</v>
      </c>
      <c r="II22" s="374">
        <v>7039758</v>
      </c>
      <c r="IJ22" s="373">
        <v>7039758</v>
      </c>
      <c r="IK22" s="357">
        <v>0</v>
      </c>
      <c r="IL22" s="358">
        <v>0</v>
      </c>
      <c r="IM22" s="359">
        <v>0</v>
      </c>
      <c r="IN22" s="436">
        <v>0</v>
      </c>
      <c r="IO22" s="360">
        <v>0</v>
      </c>
      <c r="IP22" s="360">
        <v>0</v>
      </c>
      <c r="IQ22" s="360">
        <v>0</v>
      </c>
      <c r="IR22" s="360">
        <v>0</v>
      </c>
      <c r="IS22" s="360">
        <v>0</v>
      </c>
      <c r="IT22" s="361">
        <v>0</v>
      </c>
      <c r="IU22" s="362">
        <v>0</v>
      </c>
      <c r="IV22" s="363">
        <v>0</v>
      </c>
      <c r="IW22" s="360">
        <v>0</v>
      </c>
      <c r="IX22" s="364">
        <v>0</v>
      </c>
      <c r="IY22" s="436">
        <v>0</v>
      </c>
      <c r="IZ22" s="360">
        <v>0</v>
      </c>
      <c r="JA22" s="360">
        <v>0</v>
      </c>
      <c r="JB22" s="360">
        <v>0</v>
      </c>
      <c r="JC22" s="360">
        <v>0</v>
      </c>
      <c r="JD22" s="360">
        <v>0</v>
      </c>
      <c r="JE22" s="364">
        <v>0</v>
      </c>
      <c r="JF22" s="365">
        <v>0</v>
      </c>
      <c r="JG22" s="363">
        <v>0</v>
      </c>
      <c r="JH22" s="360">
        <v>0</v>
      </c>
      <c r="JI22" s="361">
        <v>0</v>
      </c>
      <c r="JJ22" s="366">
        <v>0</v>
      </c>
      <c r="JK22" s="360">
        <v>685993</v>
      </c>
      <c r="JL22" s="360">
        <v>503806</v>
      </c>
      <c r="JM22" s="360">
        <v>442244</v>
      </c>
      <c r="JN22" s="360">
        <v>116017</v>
      </c>
      <c r="JO22" s="360">
        <v>74294</v>
      </c>
      <c r="JP22" s="364">
        <v>1822354</v>
      </c>
      <c r="JQ22" s="362">
        <v>1822354</v>
      </c>
      <c r="JR22" s="363">
        <v>0</v>
      </c>
      <c r="JS22" s="360">
        <v>0</v>
      </c>
      <c r="JT22" s="361">
        <v>0</v>
      </c>
      <c r="JU22" s="366">
        <v>0</v>
      </c>
      <c r="JV22" s="360">
        <v>0</v>
      </c>
      <c r="JW22" s="360">
        <v>0</v>
      </c>
      <c r="JX22" s="360">
        <v>0</v>
      </c>
      <c r="JY22" s="360">
        <v>0</v>
      </c>
      <c r="JZ22" s="360">
        <v>14677</v>
      </c>
      <c r="KA22" s="364">
        <v>14677</v>
      </c>
      <c r="KB22" s="362">
        <v>14677</v>
      </c>
      <c r="KC22" s="367">
        <v>0</v>
      </c>
      <c r="KD22" s="368">
        <v>0</v>
      </c>
      <c r="KE22" s="364">
        <v>0</v>
      </c>
      <c r="KF22" s="366">
        <v>0</v>
      </c>
      <c r="KG22" s="360">
        <v>116459</v>
      </c>
      <c r="KH22" s="360">
        <v>162111</v>
      </c>
      <c r="KI22" s="360">
        <v>218270</v>
      </c>
      <c r="KJ22" s="360">
        <v>237769</v>
      </c>
      <c r="KK22" s="360">
        <v>189653</v>
      </c>
      <c r="KL22" s="364">
        <v>924262</v>
      </c>
      <c r="KM22" s="369">
        <v>924262</v>
      </c>
      <c r="KN22" s="357">
        <v>0</v>
      </c>
      <c r="KO22" s="358">
        <v>0</v>
      </c>
      <c r="KP22" s="359">
        <v>0</v>
      </c>
      <c r="KQ22" s="436">
        <v>0</v>
      </c>
      <c r="KR22" s="360">
        <v>196165</v>
      </c>
      <c r="KS22" s="360">
        <v>821096</v>
      </c>
      <c r="KT22" s="360">
        <v>636321</v>
      </c>
      <c r="KU22" s="360">
        <v>214389</v>
      </c>
      <c r="KV22" s="360">
        <v>886005</v>
      </c>
      <c r="KW22" s="364">
        <v>2753976</v>
      </c>
      <c r="KX22" s="362">
        <v>2753976</v>
      </c>
      <c r="KY22" s="363">
        <v>0</v>
      </c>
      <c r="KZ22" s="360">
        <v>0</v>
      </c>
      <c r="LA22" s="364">
        <v>0</v>
      </c>
      <c r="LB22" s="436">
        <v>0</v>
      </c>
      <c r="LC22" s="360">
        <v>0</v>
      </c>
      <c r="LD22" s="360">
        <v>0</v>
      </c>
      <c r="LE22" s="360">
        <v>0</v>
      </c>
      <c r="LF22" s="360">
        <v>0</v>
      </c>
      <c r="LG22" s="360">
        <v>0</v>
      </c>
      <c r="LH22" s="364">
        <v>0</v>
      </c>
      <c r="LI22" s="365">
        <v>0</v>
      </c>
      <c r="LJ22" s="363">
        <v>0</v>
      </c>
      <c r="LK22" s="360">
        <v>0</v>
      </c>
      <c r="LL22" s="364">
        <v>0</v>
      </c>
      <c r="LM22" s="436">
        <v>0</v>
      </c>
      <c r="LN22" s="360">
        <v>0</v>
      </c>
      <c r="LO22" s="360">
        <v>0</v>
      </c>
      <c r="LP22" s="360">
        <v>201847</v>
      </c>
      <c r="LQ22" s="360">
        <v>852458</v>
      </c>
      <c r="LR22" s="360">
        <v>470184</v>
      </c>
      <c r="LS22" s="364">
        <v>1524489</v>
      </c>
      <c r="LT22" s="362">
        <v>1524489</v>
      </c>
      <c r="LU22" s="363">
        <v>0</v>
      </c>
      <c r="LV22" s="360">
        <v>0</v>
      </c>
      <c r="LW22" s="364">
        <v>0</v>
      </c>
      <c r="LX22" s="436">
        <v>0</v>
      </c>
      <c r="LY22" s="360">
        <v>0</v>
      </c>
      <c r="LZ22" s="360">
        <v>0</v>
      </c>
      <c r="MA22" s="360">
        <v>0</v>
      </c>
      <c r="MB22" s="360">
        <v>0</v>
      </c>
      <c r="MC22" s="360">
        <v>0</v>
      </c>
      <c r="MD22" s="364">
        <v>0</v>
      </c>
      <c r="ME22" s="365">
        <v>0</v>
      </c>
      <c r="MF22" s="363">
        <v>0</v>
      </c>
      <c r="MG22" s="360">
        <v>0</v>
      </c>
      <c r="MH22" s="364">
        <v>0</v>
      </c>
      <c r="MI22" s="436">
        <v>0</v>
      </c>
      <c r="MJ22" s="360">
        <v>197471</v>
      </c>
      <c r="MK22" s="360">
        <v>900086</v>
      </c>
      <c r="ML22" s="360">
        <v>3038409</v>
      </c>
      <c r="MM22" s="360">
        <v>2219134</v>
      </c>
      <c r="MN22" s="360">
        <v>3041529</v>
      </c>
      <c r="MO22" s="364">
        <v>9396629</v>
      </c>
      <c r="MP22" s="369">
        <v>9396629</v>
      </c>
      <c r="MQ22" s="363">
        <v>0</v>
      </c>
      <c r="MR22" s="360">
        <v>0</v>
      </c>
      <c r="MS22" s="364">
        <v>0</v>
      </c>
      <c r="MT22" s="436">
        <v>0</v>
      </c>
      <c r="MU22" s="360">
        <v>0</v>
      </c>
      <c r="MV22" s="360">
        <v>198770</v>
      </c>
      <c r="MW22" s="360">
        <v>874386</v>
      </c>
      <c r="MX22" s="360">
        <v>655880</v>
      </c>
      <c r="MY22" s="360">
        <v>1607135</v>
      </c>
      <c r="MZ22" s="364">
        <v>3336171</v>
      </c>
      <c r="NA22" s="369">
        <v>3336171</v>
      </c>
      <c r="NB22" s="363">
        <v>0</v>
      </c>
      <c r="NC22" s="360">
        <v>0</v>
      </c>
      <c r="ND22" s="364">
        <v>0</v>
      </c>
      <c r="NE22" s="436">
        <v>0</v>
      </c>
      <c r="NF22" s="360">
        <v>197471</v>
      </c>
      <c r="NG22" s="360">
        <v>701316</v>
      </c>
      <c r="NH22" s="360">
        <v>2164023</v>
      </c>
      <c r="NI22" s="360">
        <v>1563254</v>
      </c>
      <c r="NJ22" s="360">
        <v>1102485</v>
      </c>
      <c r="NK22" s="364">
        <v>5728549</v>
      </c>
      <c r="NL22" s="362">
        <v>5728549</v>
      </c>
      <c r="NM22" s="363">
        <v>0</v>
      </c>
      <c r="NN22" s="360">
        <v>0</v>
      </c>
      <c r="NO22" s="364">
        <v>0</v>
      </c>
      <c r="NP22" s="436">
        <v>0</v>
      </c>
      <c r="NQ22" s="360">
        <v>0</v>
      </c>
      <c r="NR22" s="360">
        <v>0</v>
      </c>
      <c r="NS22" s="360">
        <v>0</v>
      </c>
      <c r="NT22" s="360">
        <v>0</v>
      </c>
      <c r="NU22" s="360">
        <v>0</v>
      </c>
      <c r="NV22" s="364">
        <v>0</v>
      </c>
      <c r="NW22" s="365">
        <v>0</v>
      </c>
      <c r="NX22" s="363">
        <v>0</v>
      </c>
      <c r="NY22" s="360">
        <v>0</v>
      </c>
      <c r="NZ22" s="364">
        <v>0</v>
      </c>
      <c r="OA22" s="436">
        <v>0</v>
      </c>
      <c r="OB22" s="360">
        <v>0</v>
      </c>
      <c r="OC22" s="360">
        <v>0</v>
      </c>
      <c r="OD22" s="360">
        <v>0</v>
      </c>
      <c r="OE22" s="360">
        <v>0</v>
      </c>
      <c r="OF22" s="360">
        <v>331909</v>
      </c>
      <c r="OG22" s="364">
        <v>331909</v>
      </c>
      <c r="OH22" s="365">
        <v>331909</v>
      </c>
      <c r="OI22" s="363">
        <v>578268</v>
      </c>
      <c r="OJ22" s="360">
        <v>1023881</v>
      </c>
      <c r="OK22" s="361">
        <v>1602149</v>
      </c>
      <c r="OL22" s="366">
        <v>0</v>
      </c>
      <c r="OM22" s="360">
        <v>5005889</v>
      </c>
      <c r="ON22" s="360">
        <v>8702393</v>
      </c>
      <c r="OO22" s="360">
        <v>11092472</v>
      </c>
      <c r="OP22" s="360">
        <v>8396682</v>
      </c>
      <c r="OQ22" s="360">
        <v>9188490</v>
      </c>
      <c r="OR22" s="364">
        <v>42385926</v>
      </c>
      <c r="OS22" s="369">
        <v>43988075</v>
      </c>
    </row>
    <row r="23" spans="2:409" s="137" customFormat="1" ht="21" customHeight="1" x14ac:dyDescent="0.2">
      <c r="B23" s="421" t="s">
        <v>18</v>
      </c>
      <c r="C23" s="341">
        <v>459112</v>
      </c>
      <c r="D23" s="342">
        <v>874486</v>
      </c>
      <c r="E23" s="343">
        <v>1333598</v>
      </c>
      <c r="F23" s="344">
        <v>0</v>
      </c>
      <c r="G23" s="342">
        <v>5784937</v>
      </c>
      <c r="H23" s="342">
        <v>7715720</v>
      </c>
      <c r="I23" s="342">
        <v>8907462</v>
      </c>
      <c r="J23" s="342">
        <v>8182009</v>
      </c>
      <c r="K23" s="342">
        <v>6061542</v>
      </c>
      <c r="L23" s="344">
        <v>36651670</v>
      </c>
      <c r="M23" s="345">
        <v>37985268</v>
      </c>
      <c r="N23" s="341">
        <v>151363</v>
      </c>
      <c r="O23" s="342">
        <v>200095</v>
      </c>
      <c r="P23" s="343">
        <v>351458</v>
      </c>
      <c r="Q23" s="341">
        <v>0</v>
      </c>
      <c r="R23" s="342">
        <v>1645374</v>
      </c>
      <c r="S23" s="342">
        <v>2296755</v>
      </c>
      <c r="T23" s="342">
        <v>3710940</v>
      </c>
      <c r="U23" s="342">
        <v>3411241</v>
      </c>
      <c r="V23" s="342">
        <v>1380516</v>
      </c>
      <c r="W23" s="343">
        <v>12444826</v>
      </c>
      <c r="X23" s="345">
        <v>12796284</v>
      </c>
      <c r="Y23" s="341">
        <v>0</v>
      </c>
      <c r="Z23" s="342">
        <v>0</v>
      </c>
      <c r="AA23" s="343">
        <v>0</v>
      </c>
      <c r="AB23" s="341">
        <v>0</v>
      </c>
      <c r="AC23" s="342">
        <v>703935</v>
      </c>
      <c r="AD23" s="342">
        <v>921503</v>
      </c>
      <c r="AE23" s="342">
        <v>2074955</v>
      </c>
      <c r="AF23" s="342">
        <v>2148876</v>
      </c>
      <c r="AG23" s="342">
        <v>460049</v>
      </c>
      <c r="AH23" s="343">
        <v>6309318</v>
      </c>
      <c r="AI23" s="345">
        <v>6309318</v>
      </c>
      <c r="AJ23" s="341">
        <v>0</v>
      </c>
      <c r="AK23" s="342">
        <v>0</v>
      </c>
      <c r="AL23" s="343">
        <v>0</v>
      </c>
      <c r="AM23" s="341">
        <v>0</v>
      </c>
      <c r="AN23" s="342">
        <v>0</v>
      </c>
      <c r="AO23" s="342">
        <v>0</v>
      </c>
      <c r="AP23" s="342">
        <v>40348</v>
      </c>
      <c r="AQ23" s="342">
        <v>240057</v>
      </c>
      <c r="AR23" s="342">
        <v>71610</v>
      </c>
      <c r="AS23" s="343">
        <v>352015</v>
      </c>
      <c r="AT23" s="345">
        <v>352015</v>
      </c>
      <c r="AU23" s="341">
        <v>83661</v>
      </c>
      <c r="AV23" s="342">
        <v>133236</v>
      </c>
      <c r="AW23" s="343">
        <v>216897</v>
      </c>
      <c r="AX23" s="341">
        <v>0</v>
      </c>
      <c r="AY23" s="342">
        <v>628122</v>
      </c>
      <c r="AZ23" s="342">
        <v>937324</v>
      </c>
      <c r="BA23" s="342">
        <v>1021182</v>
      </c>
      <c r="BB23" s="342">
        <v>535328</v>
      </c>
      <c r="BC23" s="342">
        <v>433918</v>
      </c>
      <c r="BD23" s="343">
        <v>3555874</v>
      </c>
      <c r="BE23" s="345">
        <v>3772771</v>
      </c>
      <c r="BF23" s="341">
        <v>28180</v>
      </c>
      <c r="BG23" s="342">
        <v>19378</v>
      </c>
      <c r="BH23" s="346">
        <v>47558</v>
      </c>
      <c r="BI23" s="347">
        <v>0</v>
      </c>
      <c r="BJ23" s="342">
        <v>21179</v>
      </c>
      <c r="BK23" s="342">
        <v>55364</v>
      </c>
      <c r="BL23" s="342">
        <v>89859</v>
      </c>
      <c r="BM23" s="342">
        <v>67106</v>
      </c>
      <c r="BN23" s="342">
        <v>38556</v>
      </c>
      <c r="BO23" s="343">
        <v>272064</v>
      </c>
      <c r="BP23" s="345">
        <v>319622</v>
      </c>
      <c r="BQ23" s="341">
        <v>39522</v>
      </c>
      <c r="BR23" s="342">
        <v>47481</v>
      </c>
      <c r="BS23" s="343">
        <v>87003</v>
      </c>
      <c r="BT23" s="341">
        <v>0</v>
      </c>
      <c r="BU23" s="342">
        <v>292138</v>
      </c>
      <c r="BV23" s="342">
        <v>382564</v>
      </c>
      <c r="BW23" s="342">
        <v>484596</v>
      </c>
      <c r="BX23" s="342">
        <v>419874</v>
      </c>
      <c r="BY23" s="342">
        <v>376383</v>
      </c>
      <c r="BZ23" s="343">
        <v>1955555</v>
      </c>
      <c r="CA23" s="345">
        <v>2042558</v>
      </c>
      <c r="CB23" s="341">
        <v>127730</v>
      </c>
      <c r="CC23" s="342">
        <v>233303</v>
      </c>
      <c r="CD23" s="343">
        <v>361033</v>
      </c>
      <c r="CE23" s="341">
        <v>0</v>
      </c>
      <c r="CF23" s="342">
        <v>1869062</v>
      </c>
      <c r="CG23" s="342">
        <v>2384977</v>
      </c>
      <c r="CH23" s="342">
        <v>1346151</v>
      </c>
      <c r="CI23" s="342">
        <v>1404589</v>
      </c>
      <c r="CJ23" s="342">
        <v>743609</v>
      </c>
      <c r="CK23" s="343">
        <v>7748388</v>
      </c>
      <c r="CL23" s="345">
        <v>8109421</v>
      </c>
      <c r="CM23" s="341">
        <v>0</v>
      </c>
      <c r="CN23" s="342">
        <v>0</v>
      </c>
      <c r="CO23" s="343">
        <v>0</v>
      </c>
      <c r="CP23" s="347">
        <v>0</v>
      </c>
      <c r="CQ23" s="342">
        <v>1412708</v>
      </c>
      <c r="CR23" s="342">
        <v>1844747</v>
      </c>
      <c r="CS23" s="342">
        <v>963342</v>
      </c>
      <c r="CT23" s="342">
        <v>1026294</v>
      </c>
      <c r="CU23" s="342">
        <v>667951</v>
      </c>
      <c r="CV23" s="343">
        <v>5915042</v>
      </c>
      <c r="CW23" s="345">
        <v>5915042</v>
      </c>
      <c r="CX23" s="341">
        <v>127730</v>
      </c>
      <c r="CY23" s="342">
        <v>233303</v>
      </c>
      <c r="CZ23" s="343">
        <v>361033</v>
      </c>
      <c r="DA23" s="341">
        <v>0</v>
      </c>
      <c r="DB23" s="342">
        <v>456354</v>
      </c>
      <c r="DC23" s="342">
        <v>540230</v>
      </c>
      <c r="DD23" s="342">
        <v>382809</v>
      </c>
      <c r="DE23" s="342">
        <v>378295</v>
      </c>
      <c r="DF23" s="342">
        <v>75658</v>
      </c>
      <c r="DG23" s="343">
        <v>1833346</v>
      </c>
      <c r="DH23" s="345">
        <v>2194379</v>
      </c>
      <c r="DI23" s="341">
        <v>0</v>
      </c>
      <c r="DJ23" s="342">
        <v>36850</v>
      </c>
      <c r="DK23" s="346">
        <v>36850</v>
      </c>
      <c r="DL23" s="347">
        <v>0</v>
      </c>
      <c r="DM23" s="342">
        <v>317933</v>
      </c>
      <c r="DN23" s="342">
        <v>658917</v>
      </c>
      <c r="DO23" s="342">
        <v>1475063</v>
      </c>
      <c r="DP23" s="342">
        <v>728620</v>
      </c>
      <c r="DQ23" s="342">
        <v>674632</v>
      </c>
      <c r="DR23" s="343">
        <v>3855165</v>
      </c>
      <c r="DS23" s="345">
        <v>3892015</v>
      </c>
      <c r="DT23" s="341">
        <v>0</v>
      </c>
      <c r="DU23" s="342">
        <v>36850</v>
      </c>
      <c r="DV23" s="343">
        <v>36850</v>
      </c>
      <c r="DW23" s="341">
        <v>0</v>
      </c>
      <c r="DX23" s="342">
        <v>317933</v>
      </c>
      <c r="DY23" s="342">
        <v>658917</v>
      </c>
      <c r="DZ23" s="342">
        <v>1475063</v>
      </c>
      <c r="EA23" s="342">
        <v>728620</v>
      </c>
      <c r="EB23" s="342">
        <v>636478</v>
      </c>
      <c r="EC23" s="343">
        <v>3817011</v>
      </c>
      <c r="ED23" s="345">
        <v>3853861</v>
      </c>
      <c r="EE23" s="341">
        <v>0</v>
      </c>
      <c r="EF23" s="346">
        <v>0</v>
      </c>
      <c r="EG23" s="343">
        <v>0</v>
      </c>
      <c r="EH23" s="341">
        <v>0</v>
      </c>
      <c r="EI23" s="342">
        <v>0</v>
      </c>
      <c r="EJ23" s="342">
        <v>0</v>
      </c>
      <c r="EK23" s="342">
        <v>0</v>
      </c>
      <c r="EL23" s="342">
        <v>0</v>
      </c>
      <c r="EM23" s="342">
        <v>38154</v>
      </c>
      <c r="EN23" s="346">
        <v>38154</v>
      </c>
      <c r="EO23" s="345">
        <v>38154</v>
      </c>
      <c r="EP23" s="341">
        <v>0</v>
      </c>
      <c r="EQ23" s="342">
        <v>0</v>
      </c>
      <c r="ER23" s="346">
        <v>0</v>
      </c>
      <c r="ES23" s="347">
        <v>0</v>
      </c>
      <c r="ET23" s="342">
        <v>0</v>
      </c>
      <c r="EU23" s="342">
        <v>0</v>
      </c>
      <c r="EV23" s="342">
        <v>0</v>
      </c>
      <c r="EW23" s="342">
        <v>0</v>
      </c>
      <c r="EX23" s="342">
        <v>0</v>
      </c>
      <c r="EY23" s="343">
        <v>0</v>
      </c>
      <c r="EZ23" s="345">
        <v>0</v>
      </c>
      <c r="FA23" s="341">
        <v>0</v>
      </c>
      <c r="FB23" s="342">
        <v>0</v>
      </c>
      <c r="FC23" s="346">
        <v>0</v>
      </c>
      <c r="FD23" s="436">
        <v>0</v>
      </c>
      <c r="FE23" s="342">
        <v>0</v>
      </c>
      <c r="FF23" s="342">
        <v>0</v>
      </c>
      <c r="FG23" s="342">
        <v>0</v>
      </c>
      <c r="FH23" s="342">
        <v>0</v>
      </c>
      <c r="FI23" s="342">
        <v>0</v>
      </c>
      <c r="FJ23" s="343">
        <v>0</v>
      </c>
      <c r="FK23" s="345">
        <v>0</v>
      </c>
      <c r="FL23" s="341">
        <v>41944</v>
      </c>
      <c r="FM23" s="342">
        <v>252658</v>
      </c>
      <c r="FN23" s="343">
        <v>294602</v>
      </c>
      <c r="FO23" s="341">
        <v>0</v>
      </c>
      <c r="FP23" s="342">
        <v>510195</v>
      </c>
      <c r="FQ23" s="342">
        <v>759087</v>
      </c>
      <c r="FR23" s="342">
        <v>833504</v>
      </c>
      <c r="FS23" s="342">
        <v>511644</v>
      </c>
      <c r="FT23" s="342">
        <v>287637</v>
      </c>
      <c r="FU23" s="343">
        <v>2902067</v>
      </c>
      <c r="FV23" s="345">
        <v>3196669</v>
      </c>
      <c r="FW23" s="348">
        <v>41944</v>
      </c>
      <c r="FX23" s="342">
        <v>116438</v>
      </c>
      <c r="FY23" s="346">
        <v>158382</v>
      </c>
      <c r="FZ23" s="347">
        <v>0</v>
      </c>
      <c r="GA23" s="342">
        <v>352135</v>
      </c>
      <c r="GB23" s="342">
        <v>716037</v>
      </c>
      <c r="GC23" s="342">
        <v>833504</v>
      </c>
      <c r="GD23" s="342">
        <v>503020</v>
      </c>
      <c r="GE23" s="342">
        <v>287637</v>
      </c>
      <c r="GF23" s="343">
        <v>2692333</v>
      </c>
      <c r="GG23" s="349">
        <v>2850715</v>
      </c>
      <c r="GH23" s="348">
        <v>0</v>
      </c>
      <c r="GI23" s="342">
        <v>12320</v>
      </c>
      <c r="GJ23" s="346">
        <v>12320</v>
      </c>
      <c r="GK23" s="347">
        <v>0</v>
      </c>
      <c r="GL23" s="342">
        <v>42420</v>
      </c>
      <c r="GM23" s="342">
        <v>43050</v>
      </c>
      <c r="GN23" s="342">
        <v>0</v>
      </c>
      <c r="GO23" s="342">
        <v>8624</v>
      </c>
      <c r="GP23" s="342">
        <v>0</v>
      </c>
      <c r="GQ23" s="343">
        <v>94094</v>
      </c>
      <c r="GR23" s="345">
        <v>106414</v>
      </c>
      <c r="GS23" s="341">
        <v>0</v>
      </c>
      <c r="GT23" s="342">
        <v>123900</v>
      </c>
      <c r="GU23" s="343">
        <v>123900</v>
      </c>
      <c r="GV23" s="341">
        <v>0</v>
      </c>
      <c r="GW23" s="342">
        <v>115640</v>
      </c>
      <c r="GX23" s="342">
        <v>0</v>
      </c>
      <c r="GY23" s="342">
        <v>0</v>
      </c>
      <c r="GZ23" s="342">
        <v>0</v>
      </c>
      <c r="HA23" s="342">
        <v>0</v>
      </c>
      <c r="HB23" s="346">
        <v>115640</v>
      </c>
      <c r="HC23" s="345">
        <v>239540</v>
      </c>
      <c r="HD23" s="341">
        <v>138075</v>
      </c>
      <c r="HE23" s="342">
        <v>151580</v>
      </c>
      <c r="HF23" s="346">
        <v>289655</v>
      </c>
      <c r="HG23" s="347">
        <v>0</v>
      </c>
      <c r="HH23" s="342">
        <v>1442373</v>
      </c>
      <c r="HI23" s="342">
        <v>1615984</v>
      </c>
      <c r="HJ23" s="342">
        <v>1541804</v>
      </c>
      <c r="HK23" s="342">
        <v>2125915</v>
      </c>
      <c r="HL23" s="342">
        <v>2975148</v>
      </c>
      <c r="HM23" s="343">
        <v>9701224</v>
      </c>
      <c r="HN23" s="344">
        <v>9990879</v>
      </c>
      <c r="HO23" s="348">
        <v>0</v>
      </c>
      <c r="HP23" s="342">
        <v>0</v>
      </c>
      <c r="HQ23" s="343">
        <v>0</v>
      </c>
      <c r="HR23" s="341">
        <v>0</v>
      </c>
      <c r="HS23" s="342">
        <v>0</v>
      </c>
      <c r="HT23" s="342">
        <v>0</v>
      </c>
      <c r="HU23" s="342">
        <v>0</v>
      </c>
      <c r="HV23" s="342">
        <v>0</v>
      </c>
      <c r="HW23" s="342">
        <v>0</v>
      </c>
      <c r="HX23" s="346">
        <v>0</v>
      </c>
      <c r="HY23" s="345">
        <v>0</v>
      </c>
      <c r="HZ23" s="350">
        <v>0</v>
      </c>
      <c r="IA23" s="351">
        <v>69640</v>
      </c>
      <c r="IB23" s="352">
        <v>69640</v>
      </c>
      <c r="IC23" s="353">
        <v>0</v>
      </c>
      <c r="ID23" s="351">
        <v>1144034</v>
      </c>
      <c r="IE23" s="354">
        <v>1300091</v>
      </c>
      <c r="IF23" s="352">
        <v>1900364</v>
      </c>
      <c r="IG23" s="351">
        <v>607444</v>
      </c>
      <c r="IH23" s="352">
        <v>1672389</v>
      </c>
      <c r="II23" s="355">
        <v>6624322</v>
      </c>
      <c r="IJ23" s="356">
        <v>6693962</v>
      </c>
      <c r="IK23" s="357">
        <v>0</v>
      </c>
      <c r="IL23" s="358">
        <v>0</v>
      </c>
      <c r="IM23" s="359">
        <v>0</v>
      </c>
      <c r="IN23" s="436">
        <v>0</v>
      </c>
      <c r="IO23" s="360">
        <v>0</v>
      </c>
      <c r="IP23" s="360">
        <v>0</v>
      </c>
      <c r="IQ23" s="360">
        <v>0</v>
      </c>
      <c r="IR23" s="360">
        <v>0</v>
      </c>
      <c r="IS23" s="360">
        <v>0</v>
      </c>
      <c r="IT23" s="361">
        <v>0</v>
      </c>
      <c r="IU23" s="362">
        <v>0</v>
      </c>
      <c r="IV23" s="363">
        <v>0</v>
      </c>
      <c r="IW23" s="360">
        <v>0</v>
      </c>
      <c r="IX23" s="364">
        <v>0</v>
      </c>
      <c r="IY23" s="436">
        <v>0</v>
      </c>
      <c r="IZ23" s="360">
        <v>0</v>
      </c>
      <c r="JA23" s="360">
        <v>0</v>
      </c>
      <c r="JB23" s="360">
        <v>0</v>
      </c>
      <c r="JC23" s="360">
        <v>0</v>
      </c>
      <c r="JD23" s="360">
        <v>0</v>
      </c>
      <c r="JE23" s="364">
        <v>0</v>
      </c>
      <c r="JF23" s="365">
        <v>0</v>
      </c>
      <c r="JG23" s="363">
        <v>0</v>
      </c>
      <c r="JH23" s="360">
        <v>0</v>
      </c>
      <c r="JI23" s="361">
        <v>0</v>
      </c>
      <c r="JJ23" s="366">
        <v>0</v>
      </c>
      <c r="JK23" s="360">
        <v>564569</v>
      </c>
      <c r="JL23" s="360">
        <v>299205</v>
      </c>
      <c r="JM23" s="360">
        <v>491134</v>
      </c>
      <c r="JN23" s="360">
        <v>247427</v>
      </c>
      <c r="JO23" s="360">
        <v>0</v>
      </c>
      <c r="JP23" s="364">
        <v>1602335</v>
      </c>
      <c r="JQ23" s="362">
        <v>1602335</v>
      </c>
      <c r="JR23" s="363">
        <v>0</v>
      </c>
      <c r="JS23" s="360">
        <v>0</v>
      </c>
      <c r="JT23" s="361">
        <v>0</v>
      </c>
      <c r="JU23" s="366">
        <v>0</v>
      </c>
      <c r="JV23" s="360">
        <v>79735</v>
      </c>
      <c r="JW23" s="360">
        <v>0</v>
      </c>
      <c r="JX23" s="360">
        <v>68259</v>
      </c>
      <c r="JY23" s="360">
        <v>126128</v>
      </c>
      <c r="JZ23" s="360">
        <v>0</v>
      </c>
      <c r="KA23" s="364">
        <v>274122</v>
      </c>
      <c r="KB23" s="362">
        <v>274122</v>
      </c>
      <c r="KC23" s="367">
        <v>0</v>
      </c>
      <c r="KD23" s="368">
        <v>69640</v>
      </c>
      <c r="KE23" s="364">
        <v>69640</v>
      </c>
      <c r="KF23" s="366">
        <v>0</v>
      </c>
      <c r="KG23" s="360">
        <v>118218</v>
      </c>
      <c r="KH23" s="360">
        <v>0</v>
      </c>
      <c r="KI23" s="360">
        <v>0</v>
      </c>
      <c r="KJ23" s="360">
        <v>0</v>
      </c>
      <c r="KK23" s="360">
        <v>0</v>
      </c>
      <c r="KL23" s="364">
        <v>118218</v>
      </c>
      <c r="KM23" s="369">
        <v>187858</v>
      </c>
      <c r="KN23" s="357">
        <v>0</v>
      </c>
      <c r="KO23" s="358">
        <v>0</v>
      </c>
      <c r="KP23" s="359">
        <v>0</v>
      </c>
      <c r="KQ23" s="436">
        <v>0</v>
      </c>
      <c r="KR23" s="360">
        <v>381512</v>
      </c>
      <c r="KS23" s="360">
        <v>797193</v>
      </c>
      <c r="KT23" s="360">
        <v>838106</v>
      </c>
      <c r="KU23" s="360">
        <v>0</v>
      </c>
      <c r="KV23" s="360">
        <v>217321</v>
      </c>
      <c r="KW23" s="364">
        <v>2234132</v>
      </c>
      <c r="KX23" s="362">
        <v>2234132</v>
      </c>
      <c r="KY23" s="363">
        <v>0</v>
      </c>
      <c r="KZ23" s="360">
        <v>0</v>
      </c>
      <c r="LA23" s="364">
        <v>0</v>
      </c>
      <c r="LB23" s="436">
        <v>0</v>
      </c>
      <c r="LC23" s="360">
        <v>0</v>
      </c>
      <c r="LD23" s="360">
        <v>0</v>
      </c>
      <c r="LE23" s="360">
        <v>0</v>
      </c>
      <c r="LF23" s="360">
        <v>0</v>
      </c>
      <c r="LG23" s="360">
        <v>0</v>
      </c>
      <c r="LH23" s="364">
        <v>0</v>
      </c>
      <c r="LI23" s="365">
        <v>0</v>
      </c>
      <c r="LJ23" s="363">
        <v>0</v>
      </c>
      <c r="LK23" s="360">
        <v>0</v>
      </c>
      <c r="LL23" s="364">
        <v>0</v>
      </c>
      <c r="LM23" s="436">
        <v>0</v>
      </c>
      <c r="LN23" s="360">
        <v>0</v>
      </c>
      <c r="LO23" s="360">
        <v>0</v>
      </c>
      <c r="LP23" s="360">
        <v>0</v>
      </c>
      <c r="LQ23" s="360">
        <v>233889</v>
      </c>
      <c r="LR23" s="360">
        <v>250135</v>
      </c>
      <c r="LS23" s="364">
        <v>484024</v>
      </c>
      <c r="LT23" s="362">
        <v>484024</v>
      </c>
      <c r="LU23" s="363">
        <v>0</v>
      </c>
      <c r="LV23" s="360">
        <v>0</v>
      </c>
      <c r="LW23" s="364">
        <v>0</v>
      </c>
      <c r="LX23" s="436">
        <v>0</v>
      </c>
      <c r="LY23" s="360">
        <v>0</v>
      </c>
      <c r="LZ23" s="360">
        <v>203693</v>
      </c>
      <c r="MA23" s="360">
        <v>502865</v>
      </c>
      <c r="MB23" s="360">
        <v>0</v>
      </c>
      <c r="MC23" s="360">
        <v>1204933</v>
      </c>
      <c r="MD23" s="364">
        <v>1911491</v>
      </c>
      <c r="ME23" s="365">
        <v>1911491</v>
      </c>
      <c r="MF23" s="363">
        <v>0</v>
      </c>
      <c r="MG23" s="360">
        <v>0</v>
      </c>
      <c r="MH23" s="364">
        <v>0</v>
      </c>
      <c r="MI23" s="436">
        <v>0</v>
      </c>
      <c r="MJ23" s="360">
        <v>406960</v>
      </c>
      <c r="MK23" s="360">
        <v>185318</v>
      </c>
      <c r="ML23" s="360">
        <v>2116943</v>
      </c>
      <c r="MM23" s="360">
        <v>3198911</v>
      </c>
      <c r="MN23" s="360">
        <v>2095784</v>
      </c>
      <c r="MO23" s="364">
        <v>8003916</v>
      </c>
      <c r="MP23" s="369">
        <v>8003916</v>
      </c>
      <c r="MQ23" s="363">
        <v>0</v>
      </c>
      <c r="MR23" s="360">
        <v>0</v>
      </c>
      <c r="MS23" s="364">
        <v>0</v>
      </c>
      <c r="MT23" s="436">
        <v>0</v>
      </c>
      <c r="MU23" s="360">
        <v>0</v>
      </c>
      <c r="MV23" s="360">
        <v>185318</v>
      </c>
      <c r="MW23" s="360">
        <v>1211722</v>
      </c>
      <c r="MX23" s="360">
        <v>2137803</v>
      </c>
      <c r="MY23" s="360">
        <v>1645071</v>
      </c>
      <c r="MZ23" s="364">
        <v>5179914</v>
      </c>
      <c r="NA23" s="369">
        <v>5179914</v>
      </c>
      <c r="NB23" s="363">
        <v>0</v>
      </c>
      <c r="NC23" s="360">
        <v>0</v>
      </c>
      <c r="ND23" s="364">
        <v>0</v>
      </c>
      <c r="NE23" s="436">
        <v>0</v>
      </c>
      <c r="NF23" s="360">
        <v>406960</v>
      </c>
      <c r="NG23" s="360">
        <v>0</v>
      </c>
      <c r="NH23" s="360">
        <v>905221</v>
      </c>
      <c r="NI23" s="360">
        <v>1061108</v>
      </c>
      <c r="NJ23" s="360">
        <v>450713</v>
      </c>
      <c r="NK23" s="364">
        <v>2824002</v>
      </c>
      <c r="NL23" s="362">
        <v>2824002</v>
      </c>
      <c r="NM23" s="363">
        <v>0</v>
      </c>
      <c r="NN23" s="360">
        <v>0</v>
      </c>
      <c r="NO23" s="364">
        <v>0</v>
      </c>
      <c r="NP23" s="436">
        <v>0</v>
      </c>
      <c r="NQ23" s="360">
        <v>0</v>
      </c>
      <c r="NR23" s="360">
        <v>0</v>
      </c>
      <c r="NS23" s="360">
        <v>0</v>
      </c>
      <c r="NT23" s="360">
        <v>0</v>
      </c>
      <c r="NU23" s="360">
        <v>0</v>
      </c>
      <c r="NV23" s="364">
        <v>0</v>
      </c>
      <c r="NW23" s="365">
        <v>0</v>
      </c>
      <c r="NX23" s="363">
        <v>0</v>
      </c>
      <c r="NY23" s="360">
        <v>0</v>
      </c>
      <c r="NZ23" s="364">
        <v>0</v>
      </c>
      <c r="OA23" s="436">
        <v>0</v>
      </c>
      <c r="OB23" s="360">
        <v>0</v>
      </c>
      <c r="OC23" s="360">
        <v>0</v>
      </c>
      <c r="OD23" s="360">
        <v>0</v>
      </c>
      <c r="OE23" s="360">
        <v>0</v>
      </c>
      <c r="OF23" s="360">
        <v>0</v>
      </c>
      <c r="OG23" s="364">
        <v>0</v>
      </c>
      <c r="OH23" s="365">
        <v>0</v>
      </c>
      <c r="OI23" s="363">
        <v>459112</v>
      </c>
      <c r="OJ23" s="360">
        <v>944126</v>
      </c>
      <c r="OK23" s="361">
        <v>1403238</v>
      </c>
      <c r="OL23" s="366">
        <v>0</v>
      </c>
      <c r="OM23" s="360">
        <v>7335931</v>
      </c>
      <c r="ON23" s="360">
        <v>9201129</v>
      </c>
      <c r="OO23" s="360">
        <v>12924769</v>
      </c>
      <c r="OP23" s="360">
        <v>11988364</v>
      </c>
      <c r="OQ23" s="360">
        <v>9829715</v>
      </c>
      <c r="OR23" s="364">
        <v>51279908</v>
      </c>
      <c r="OS23" s="369">
        <v>52683146</v>
      </c>
    </row>
    <row r="24" spans="2:409" s="137" customFormat="1" ht="21" customHeight="1" x14ac:dyDescent="0.2">
      <c r="B24" s="421" t="s">
        <v>19</v>
      </c>
      <c r="C24" s="341">
        <v>192471</v>
      </c>
      <c r="D24" s="342">
        <v>357018</v>
      </c>
      <c r="E24" s="343">
        <v>549489</v>
      </c>
      <c r="F24" s="344">
        <v>0</v>
      </c>
      <c r="G24" s="342">
        <v>3023165</v>
      </c>
      <c r="H24" s="342">
        <v>3262817</v>
      </c>
      <c r="I24" s="342">
        <v>2591396</v>
      </c>
      <c r="J24" s="342">
        <v>1823265</v>
      </c>
      <c r="K24" s="342">
        <v>1508727</v>
      </c>
      <c r="L24" s="344">
        <v>12209370</v>
      </c>
      <c r="M24" s="345">
        <v>12758859</v>
      </c>
      <c r="N24" s="341">
        <v>99102</v>
      </c>
      <c r="O24" s="342">
        <v>160936</v>
      </c>
      <c r="P24" s="343">
        <v>260038</v>
      </c>
      <c r="Q24" s="341">
        <v>0</v>
      </c>
      <c r="R24" s="342">
        <v>1090430</v>
      </c>
      <c r="S24" s="342">
        <v>929549</v>
      </c>
      <c r="T24" s="342">
        <v>908412</v>
      </c>
      <c r="U24" s="342">
        <v>436984</v>
      </c>
      <c r="V24" s="342">
        <v>325146</v>
      </c>
      <c r="W24" s="343">
        <v>3690521</v>
      </c>
      <c r="X24" s="345">
        <v>3950559</v>
      </c>
      <c r="Y24" s="341">
        <v>0</v>
      </c>
      <c r="Z24" s="342">
        <v>0</v>
      </c>
      <c r="AA24" s="343">
        <v>0</v>
      </c>
      <c r="AB24" s="341">
        <v>0</v>
      </c>
      <c r="AC24" s="342">
        <v>325791</v>
      </c>
      <c r="AD24" s="342">
        <v>371337</v>
      </c>
      <c r="AE24" s="342">
        <v>406474</v>
      </c>
      <c r="AF24" s="342">
        <v>84898</v>
      </c>
      <c r="AG24" s="342">
        <v>97560</v>
      </c>
      <c r="AH24" s="343">
        <v>1286060</v>
      </c>
      <c r="AI24" s="345">
        <v>1286060</v>
      </c>
      <c r="AJ24" s="341">
        <v>0</v>
      </c>
      <c r="AK24" s="342">
        <v>0</v>
      </c>
      <c r="AL24" s="343">
        <v>0</v>
      </c>
      <c r="AM24" s="341">
        <v>0</v>
      </c>
      <c r="AN24" s="342">
        <v>0</v>
      </c>
      <c r="AO24" s="342">
        <v>0</v>
      </c>
      <c r="AP24" s="342">
        <v>50995</v>
      </c>
      <c r="AQ24" s="342">
        <v>20327</v>
      </c>
      <c r="AR24" s="342">
        <v>42588</v>
      </c>
      <c r="AS24" s="343">
        <v>113910</v>
      </c>
      <c r="AT24" s="345">
        <v>113910</v>
      </c>
      <c r="AU24" s="341">
        <v>58047</v>
      </c>
      <c r="AV24" s="342">
        <v>136555</v>
      </c>
      <c r="AW24" s="343">
        <v>194602</v>
      </c>
      <c r="AX24" s="341">
        <v>0</v>
      </c>
      <c r="AY24" s="342">
        <v>543439</v>
      </c>
      <c r="AZ24" s="342">
        <v>377710</v>
      </c>
      <c r="BA24" s="342">
        <v>312777</v>
      </c>
      <c r="BB24" s="342">
        <v>164267</v>
      </c>
      <c r="BC24" s="342">
        <v>54630</v>
      </c>
      <c r="BD24" s="343">
        <v>1452823</v>
      </c>
      <c r="BE24" s="345">
        <v>1647425</v>
      </c>
      <c r="BF24" s="341">
        <v>0</v>
      </c>
      <c r="BG24" s="342">
        <v>0</v>
      </c>
      <c r="BH24" s="346">
        <v>0</v>
      </c>
      <c r="BI24" s="347">
        <v>0</v>
      </c>
      <c r="BJ24" s="342">
        <v>75957</v>
      </c>
      <c r="BK24" s="342">
        <v>0</v>
      </c>
      <c r="BL24" s="342">
        <v>0</v>
      </c>
      <c r="BM24" s="342">
        <v>46126</v>
      </c>
      <c r="BN24" s="342">
        <v>0</v>
      </c>
      <c r="BO24" s="343">
        <v>122083</v>
      </c>
      <c r="BP24" s="345">
        <v>122083</v>
      </c>
      <c r="BQ24" s="341">
        <v>41055</v>
      </c>
      <c r="BR24" s="342">
        <v>24381</v>
      </c>
      <c r="BS24" s="343">
        <v>65436</v>
      </c>
      <c r="BT24" s="341">
        <v>0</v>
      </c>
      <c r="BU24" s="342">
        <v>145243</v>
      </c>
      <c r="BV24" s="342">
        <v>180502</v>
      </c>
      <c r="BW24" s="342">
        <v>138166</v>
      </c>
      <c r="BX24" s="342">
        <v>121366</v>
      </c>
      <c r="BY24" s="342">
        <v>130368</v>
      </c>
      <c r="BZ24" s="343">
        <v>715645</v>
      </c>
      <c r="CA24" s="345">
        <v>781081</v>
      </c>
      <c r="CB24" s="341">
        <v>37632</v>
      </c>
      <c r="CC24" s="342">
        <v>34997</v>
      </c>
      <c r="CD24" s="343">
        <v>72629</v>
      </c>
      <c r="CE24" s="341">
        <v>0</v>
      </c>
      <c r="CF24" s="342">
        <v>1094874</v>
      </c>
      <c r="CG24" s="342">
        <v>1022764</v>
      </c>
      <c r="CH24" s="342">
        <v>447821</v>
      </c>
      <c r="CI24" s="342">
        <v>375308</v>
      </c>
      <c r="CJ24" s="342">
        <v>530779</v>
      </c>
      <c r="CK24" s="343">
        <v>3471546</v>
      </c>
      <c r="CL24" s="345">
        <v>3544175</v>
      </c>
      <c r="CM24" s="341">
        <v>0</v>
      </c>
      <c r="CN24" s="342">
        <v>0</v>
      </c>
      <c r="CO24" s="343">
        <v>0</v>
      </c>
      <c r="CP24" s="347">
        <v>0</v>
      </c>
      <c r="CQ24" s="342">
        <v>619915</v>
      </c>
      <c r="CR24" s="342">
        <v>855674</v>
      </c>
      <c r="CS24" s="342">
        <v>91810</v>
      </c>
      <c r="CT24" s="342">
        <v>0</v>
      </c>
      <c r="CU24" s="342">
        <v>397170</v>
      </c>
      <c r="CV24" s="343">
        <v>1964569</v>
      </c>
      <c r="CW24" s="345">
        <v>1964569</v>
      </c>
      <c r="CX24" s="341">
        <v>37632</v>
      </c>
      <c r="CY24" s="342">
        <v>34997</v>
      </c>
      <c r="CZ24" s="343">
        <v>72629</v>
      </c>
      <c r="DA24" s="341">
        <v>0</v>
      </c>
      <c r="DB24" s="342">
        <v>474959</v>
      </c>
      <c r="DC24" s="342">
        <v>167090</v>
      </c>
      <c r="DD24" s="342">
        <v>356011</v>
      </c>
      <c r="DE24" s="342">
        <v>375308</v>
      </c>
      <c r="DF24" s="342">
        <v>133609</v>
      </c>
      <c r="DG24" s="343">
        <v>1506977</v>
      </c>
      <c r="DH24" s="345">
        <v>1579606</v>
      </c>
      <c r="DI24" s="341">
        <v>0</v>
      </c>
      <c r="DJ24" s="342">
        <v>16262</v>
      </c>
      <c r="DK24" s="346">
        <v>16262</v>
      </c>
      <c r="DL24" s="347">
        <v>0</v>
      </c>
      <c r="DM24" s="342">
        <v>140181</v>
      </c>
      <c r="DN24" s="342">
        <v>42576</v>
      </c>
      <c r="DO24" s="342">
        <v>170306</v>
      </c>
      <c r="DP24" s="342">
        <v>47876</v>
      </c>
      <c r="DQ24" s="342">
        <v>0</v>
      </c>
      <c r="DR24" s="343">
        <v>400939</v>
      </c>
      <c r="DS24" s="345">
        <v>417201</v>
      </c>
      <c r="DT24" s="341">
        <v>0</v>
      </c>
      <c r="DU24" s="342">
        <v>16262</v>
      </c>
      <c r="DV24" s="343">
        <v>16262</v>
      </c>
      <c r="DW24" s="341">
        <v>0</v>
      </c>
      <c r="DX24" s="342">
        <v>140181</v>
      </c>
      <c r="DY24" s="342">
        <v>42576</v>
      </c>
      <c r="DZ24" s="342">
        <v>170306</v>
      </c>
      <c r="EA24" s="342">
        <v>0</v>
      </c>
      <c r="EB24" s="342">
        <v>0</v>
      </c>
      <c r="EC24" s="343">
        <v>353063</v>
      </c>
      <c r="ED24" s="345">
        <v>369325</v>
      </c>
      <c r="EE24" s="341">
        <v>0</v>
      </c>
      <c r="EF24" s="346">
        <v>0</v>
      </c>
      <c r="EG24" s="343">
        <v>0</v>
      </c>
      <c r="EH24" s="341">
        <v>0</v>
      </c>
      <c r="EI24" s="342">
        <v>0</v>
      </c>
      <c r="EJ24" s="342">
        <v>0</v>
      </c>
      <c r="EK24" s="342">
        <v>0</v>
      </c>
      <c r="EL24" s="342">
        <v>47876</v>
      </c>
      <c r="EM24" s="342">
        <v>0</v>
      </c>
      <c r="EN24" s="346">
        <v>47876</v>
      </c>
      <c r="EO24" s="345">
        <v>47876</v>
      </c>
      <c r="EP24" s="341">
        <v>0</v>
      </c>
      <c r="EQ24" s="342">
        <v>0</v>
      </c>
      <c r="ER24" s="346">
        <v>0</v>
      </c>
      <c r="ES24" s="347">
        <v>0</v>
      </c>
      <c r="ET24" s="342">
        <v>0</v>
      </c>
      <c r="EU24" s="342">
        <v>0</v>
      </c>
      <c r="EV24" s="342">
        <v>0</v>
      </c>
      <c r="EW24" s="342">
        <v>0</v>
      </c>
      <c r="EX24" s="342">
        <v>0</v>
      </c>
      <c r="EY24" s="343">
        <v>0</v>
      </c>
      <c r="EZ24" s="345">
        <v>0</v>
      </c>
      <c r="FA24" s="341">
        <v>0</v>
      </c>
      <c r="FB24" s="342">
        <v>0</v>
      </c>
      <c r="FC24" s="346">
        <v>0</v>
      </c>
      <c r="FD24" s="436">
        <v>0</v>
      </c>
      <c r="FE24" s="342">
        <v>0</v>
      </c>
      <c r="FF24" s="342">
        <v>0</v>
      </c>
      <c r="FG24" s="342">
        <v>0</v>
      </c>
      <c r="FH24" s="342">
        <v>0</v>
      </c>
      <c r="FI24" s="342">
        <v>0</v>
      </c>
      <c r="FJ24" s="343">
        <v>0</v>
      </c>
      <c r="FK24" s="345">
        <v>0</v>
      </c>
      <c r="FL24" s="341">
        <v>30520</v>
      </c>
      <c r="FM24" s="342">
        <v>66780</v>
      </c>
      <c r="FN24" s="343">
        <v>97300</v>
      </c>
      <c r="FO24" s="341">
        <v>0</v>
      </c>
      <c r="FP24" s="342">
        <v>168406</v>
      </c>
      <c r="FQ24" s="342">
        <v>235760</v>
      </c>
      <c r="FR24" s="342">
        <v>243215</v>
      </c>
      <c r="FS24" s="342">
        <v>154749</v>
      </c>
      <c r="FT24" s="342">
        <v>224203</v>
      </c>
      <c r="FU24" s="343">
        <v>1026333</v>
      </c>
      <c r="FV24" s="345">
        <v>1123633</v>
      </c>
      <c r="FW24" s="348">
        <v>30520</v>
      </c>
      <c r="FX24" s="342">
        <v>66780</v>
      </c>
      <c r="FY24" s="346">
        <v>97300</v>
      </c>
      <c r="FZ24" s="347">
        <v>0</v>
      </c>
      <c r="GA24" s="342">
        <v>168406</v>
      </c>
      <c r="GB24" s="342">
        <v>235760</v>
      </c>
      <c r="GC24" s="342">
        <v>243215</v>
      </c>
      <c r="GD24" s="342">
        <v>154749</v>
      </c>
      <c r="GE24" s="342">
        <v>224203</v>
      </c>
      <c r="GF24" s="343">
        <v>1026333</v>
      </c>
      <c r="GG24" s="349">
        <v>1123633</v>
      </c>
      <c r="GH24" s="348">
        <v>0</v>
      </c>
      <c r="GI24" s="342">
        <v>0</v>
      </c>
      <c r="GJ24" s="346">
        <v>0</v>
      </c>
      <c r="GK24" s="347">
        <v>0</v>
      </c>
      <c r="GL24" s="342">
        <v>0</v>
      </c>
      <c r="GM24" s="342">
        <v>0</v>
      </c>
      <c r="GN24" s="342">
        <v>0</v>
      </c>
      <c r="GO24" s="342">
        <v>0</v>
      </c>
      <c r="GP24" s="342">
        <v>0</v>
      </c>
      <c r="GQ24" s="343">
        <v>0</v>
      </c>
      <c r="GR24" s="345">
        <v>0</v>
      </c>
      <c r="GS24" s="341">
        <v>0</v>
      </c>
      <c r="GT24" s="342">
        <v>0</v>
      </c>
      <c r="GU24" s="343">
        <v>0</v>
      </c>
      <c r="GV24" s="341">
        <v>0</v>
      </c>
      <c r="GW24" s="342">
        <v>0</v>
      </c>
      <c r="GX24" s="342">
        <v>0</v>
      </c>
      <c r="GY24" s="342">
        <v>0</v>
      </c>
      <c r="GZ24" s="342">
        <v>0</v>
      </c>
      <c r="HA24" s="342">
        <v>0</v>
      </c>
      <c r="HB24" s="346">
        <v>0</v>
      </c>
      <c r="HC24" s="345">
        <v>0</v>
      </c>
      <c r="HD24" s="341">
        <v>25217</v>
      </c>
      <c r="HE24" s="342">
        <v>78043</v>
      </c>
      <c r="HF24" s="346">
        <v>103260</v>
      </c>
      <c r="HG24" s="347">
        <v>0</v>
      </c>
      <c r="HH24" s="342">
        <v>529274</v>
      </c>
      <c r="HI24" s="342">
        <v>1032168</v>
      </c>
      <c r="HJ24" s="342">
        <v>821642</v>
      </c>
      <c r="HK24" s="342">
        <v>808348</v>
      </c>
      <c r="HL24" s="342">
        <v>428599</v>
      </c>
      <c r="HM24" s="343">
        <v>3620031</v>
      </c>
      <c r="HN24" s="344">
        <v>3723291</v>
      </c>
      <c r="HO24" s="348">
        <v>0</v>
      </c>
      <c r="HP24" s="342">
        <v>0</v>
      </c>
      <c r="HQ24" s="343">
        <v>0</v>
      </c>
      <c r="HR24" s="341">
        <v>0</v>
      </c>
      <c r="HS24" s="342">
        <v>0</v>
      </c>
      <c r="HT24" s="342">
        <v>0</v>
      </c>
      <c r="HU24" s="342">
        <v>0</v>
      </c>
      <c r="HV24" s="342">
        <v>0</v>
      </c>
      <c r="HW24" s="342">
        <v>0</v>
      </c>
      <c r="HX24" s="346">
        <v>0</v>
      </c>
      <c r="HY24" s="345">
        <v>0</v>
      </c>
      <c r="HZ24" s="373">
        <v>0</v>
      </c>
      <c r="IA24" s="371">
        <v>0</v>
      </c>
      <c r="IB24" s="373">
        <v>0</v>
      </c>
      <c r="IC24" s="370">
        <v>0</v>
      </c>
      <c r="ID24" s="371">
        <v>406251</v>
      </c>
      <c r="IE24" s="372">
        <v>779491</v>
      </c>
      <c r="IF24" s="373">
        <v>459818</v>
      </c>
      <c r="IG24" s="371">
        <v>423475</v>
      </c>
      <c r="IH24" s="373">
        <v>2141885</v>
      </c>
      <c r="II24" s="374">
        <v>4210920</v>
      </c>
      <c r="IJ24" s="373">
        <v>4210920</v>
      </c>
      <c r="IK24" s="357">
        <v>0</v>
      </c>
      <c r="IL24" s="358">
        <v>0</v>
      </c>
      <c r="IM24" s="359">
        <v>0</v>
      </c>
      <c r="IN24" s="436">
        <v>0</v>
      </c>
      <c r="IO24" s="360">
        <v>0</v>
      </c>
      <c r="IP24" s="360">
        <v>183736</v>
      </c>
      <c r="IQ24" s="360">
        <v>0</v>
      </c>
      <c r="IR24" s="360">
        <v>182254</v>
      </c>
      <c r="IS24" s="360">
        <v>24327</v>
      </c>
      <c r="IT24" s="361">
        <v>390317</v>
      </c>
      <c r="IU24" s="362">
        <v>390317</v>
      </c>
      <c r="IV24" s="363">
        <v>0</v>
      </c>
      <c r="IW24" s="360">
        <v>0</v>
      </c>
      <c r="IX24" s="364">
        <v>0</v>
      </c>
      <c r="IY24" s="436">
        <v>0</v>
      </c>
      <c r="IZ24" s="360">
        <v>0</v>
      </c>
      <c r="JA24" s="360">
        <v>0</v>
      </c>
      <c r="JB24" s="360">
        <v>0</v>
      </c>
      <c r="JC24" s="360">
        <v>8913</v>
      </c>
      <c r="JD24" s="360">
        <v>0</v>
      </c>
      <c r="JE24" s="364">
        <v>8913</v>
      </c>
      <c r="JF24" s="365">
        <v>8913</v>
      </c>
      <c r="JG24" s="363">
        <v>0</v>
      </c>
      <c r="JH24" s="360">
        <v>0</v>
      </c>
      <c r="JI24" s="361">
        <v>0</v>
      </c>
      <c r="JJ24" s="366">
        <v>0</v>
      </c>
      <c r="JK24" s="360">
        <v>251095</v>
      </c>
      <c r="JL24" s="360">
        <v>343678</v>
      </c>
      <c r="JM24" s="360">
        <v>43581</v>
      </c>
      <c r="JN24" s="360">
        <v>124003</v>
      </c>
      <c r="JO24" s="360">
        <v>0</v>
      </c>
      <c r="JP24" s="364">
        <v>762357</v>
      </c>
      <c r="JQ24" s="362">
        <v>762357</v>
      </c>
      <c r="JR24" s="363">
        <v>0</v>
      </c>
      <c r="JS24" s="360">
        <v>0</v>
      </c>
      <c r="JT24" s="361">
        <v>0</v>
      </c>
      <c r="JU24" s="366">
        <v>0</v>
      </c>
      <c r="JV24" s="360">
        <v>42329</v>
      </c>
      <c r="JW24" s="360">
        <v>97074</v>
      </c>
      <c r="JX24" s="360">
        <v>0</v>
      </c>
      <c r="JY24" s="360">
        <v>94954</v>
      </c>
      <c r="JZ24" s="360">
        <v>0</v>
      </c>
      <c r="KA24" s="364">
        <v>234357</v>
      </c>
      <c r="KB24" s="362">
        <v>234357</v>
      </c>
      <c r="KC24" s="367">
        <v>0</v>
      </c>
      <c r="KD24" s="368">
        <v>0</v>
      </c>
      <c r="KE24" s="364">
        <v>0</v>
      </c>
      <c r="KF24" s="366">
        <v>0</v>
      </c>
      <c r="KG24" s="360">
        <v>112827</v>
      </c>
      <c r="KH24" s="360">
        <v>155003</v>
      </c>
      <c r="KI24" s="360">
        <v>348867</v>
      </c>
      <c r="KJ24" s="360">
        <v>0</v>
      </c>
      <c r="KK24" s="360">
        <v>0</v>
      </c>
      <c r="KL24" s="364">
        <v>616697</v>
      </c>
      <c r="KM24" s="369">
        <v>616697</v>
      </c>
      <c r="KN24" s="357">
        <v>0</v>
      </c>
      <c r="KO24" s="358">
        <v>0</v>
      </c>
      <c r="KP24" s="359">
        <v>0</v>
      </c>
      <c r="KQ24" s="436">
        <v>0</v>
      </c>
      <c r="KR24" s="360">
        <v>0</v>
      </c>
      <c r="KS24" s="360">
        <v>0</v>
      </c>
      <c r="KT24" s="360">
        <v>67370</v>
      </c>
      <c r="KU24" s="360">
        <v>0</v>
      </c>
      <c r="KV24" s="360">
        <v>436419</v>
      </c>
      <c r="KW24" s="364">
        <v>503789</v>
      </c>
      <c r="KX24" s="362">
        <v>503789</v>
      </c>
      <c r="KY24" s="363">
        <v>0</v>
      </c>
      <c r="KZ24" s="360">
        <v>0</v>
      </c>
      <c r="LA24" s="364">
        <v>0</v>
      </c>
      <c r="LB24" s="436">
        <v>0</v>
      </c>
      <c r="LC24" s="360">
        <v>0</v>
      </c>
      <c r="LD24" s="360">
        <v>0</v>
      </c>
      <c r="LE24" s="360">
        <v>0</v>
      </c>
      <c r="LF24" s="360">
        <v>0</v>
      </c>
      <c r="LG24" s="360">
        <v>0</v>
      </c>
      <c r="LH24" s="364">
        <v>0</v>
      </c>
      <c r="LI24" s="365">
        <v>0</v>
      </c>
      <c r="LJ24" s="363">
        <v>0</v>
      </c>
      <c r="LK24" s="360">
        <v>0</v>
      </c>
      <c r="LL24" s="364">
        <v>0</v>
      </c>
      <c r="LM24" s="436">
        <v>0</v>
      </c>
      <c r="LN24" s="360">
        <v>0</v>
      </c>
      <c r="LO24" s="360">
        <v>0</v>
      </c>
      <c r="LP24" s="360">
        <v>0</v>
      </c>
      <c r="LQ24" s="360">
        <v>0</v>
      </c>
      <c r="LR24" s="360">
        <v>0</v>
      </c>
      <c r="LS24" s="364">
        <v>0</v>
      </c>
      <c r="LT24" s="362">
        <v>0</v>
      </c>
      <c r="LU24" s="363">
        <v>0</v>
      </c>
      <c r="LV24" s="360">
        <v>0</v>
      </c>
      <c r="LW24" s="364">
        <v>0</v>
      </c>
      <c r="LX24" s="436">
        <v>0</v>
      </c>
      <c r="LY24" s="360">
        <v>0</v>
      </c>
      <c r="LZ24" s="360">
        <v>0</v>
      </c>
      <c r="MA24" s="360">
        <v>0</v>
      </c>
      <c r="MB24" s="360">
        <v>13351</v>
      </c>
      <c r="MC24" s="360">
        <v>1681139</v>
      </c>
      <c r="MD24" s="364">
        <v>1694490</v>
      </c>
      <c r="ME24" s="365">
        <v>1694490</v>
      </c>
      <c r="MF24" s="363">
        <v>0</v>
      </c>
      <c r="MG24" s="360">
        <v>0</v>
      </c>
      <c r="MH24" s="364">
        <v>0</v>
      </c>
      <c r="MI24" s="436">
        <v>0</v>
      </c>
      <c r="MJ24" s="360">
        <v>25075</v>
      </c>
      <c r="MK24" s="360">
        <v>759526</v>
      </c>
      <c r="ML24" s="360">
        <v>1435344</v>
      </c>
      <c r="MM24" s="360">
        <v>440099</v>
      </c>
      <c r="MN24" s="360">
        <v>1055333</v>
      </c>
      <c r="MO24" s="364">
        <v>3715377</v>
      </c>
      <c r="MP24" s="369">
        <v>3715377</v>
      </c>
      <c r="MQ24" s="363">
        <v>0</v>
      </c>
      <c r="MR24" s="360">
        <v>0</v>
      </c>
      <c r="MS24" s="364">
        <v>0</v>
      </c>
      <c r="MT24" s="436">
        <v>0</v>
      </c>
      <c r="MU24" s="360">
        <v>0</v>
      </c>
      <c r="MV24" s="360">
        <v>0</v>
      </c>
      <c r="MW24" s="360">
        <v>476615</v>
      </c>
      <c r="MX24" s="360">
        <v>214146</v>
      </c>
      <c r="MY24" s="360">
        <v>724526</v>
      </c>
      <c r="MZ24" s="364">
        <v>1415287</v>
      </c>
      <c r="NA24" s="369">
        <v>1415287</v>
      </c>
      <c r="NB24" s="363">
        <v>0</v>
      </c>
      <c r="NC24" s="360">
        <v>0</v>
      </c>
      <c r="ND24" s="364">
        <v>0</v>
      </c>
      <c r="NE24" s="436">
        <v>0</v>
      </c>
      <c r="NF24" s="360">
        <v>25075</v>
      </c>
      <c r="NG24" s="360">
        <v>759526</v>
      </c>
      <c r="NH24" s="360">
        <v>958729</v>
      </c>
      <c r="NI24" s="360">
        <v>225953</v>
      </c>
      <c r="NJ24" s="360">
        <v>0</v>
      </c>
      <c r="NK24" s="364">
        <v>1969283</v>
      </c>
      <c r="NL24" s="362">
        <v>1969283</v>
      </c>
      <c r="NM24" s="363">
        <v>0</v>
      </c>
      <c r="NN24" s="360">
        <v>0</v>
      </c>
      <c r="NO24" s="364">
        <v>0</v>
      </c>
      <c r="NP24" s="436">
        <v>0</v>
      </c>
      <c r="NQ24" s="360">
        <v>0</v>
      </c>
      <c r="NR24" s="360">
        <v>0</v>
      </c>
      <c r="NS24" s="360">
        <v>0</v>
      </c>
      <c r="NT24" s="360">
        <v>0</v>
      </c>
      <c r="NU24" s="360">
        <v>0</v>
      </c>
      <c r="NV24" s="364">
        <v>0</v>
      </c>
      <c r="NW24" s="365">
        <v>0</v>
      </c>
      <c r="NX24" s="363">
        <v>0</v>
      </c>
      <c r="NY24" s="360">
        <v>0</v>
      </c>
      <c r="NZ24" s="364">
        <v>0</v>
      </c>
      <c r="OA24" s="436">
        <v>0</v>
      </c>
      <c r="OB24" s="360">
        <v>0</v>
      </c>
      <c r="OC24" s="360">
        <v>0</v>
      </c>
      <c r="OD24" s="360">
        <v>0</v>
      </c>
      <c r="OE24" s="360">
        <v>0</v>
      </c>
      <c r="OF24" s="360">
        <v>330807</v>
      </c>
      <c r="OG24" s="364">
        <v>330807</v>
      </c>
      <c r="OH24" s="365">
        <v>330807</v>
      </c>
      <c r="OI24" s="363">
        <v>192471</v>
      </c>
      <c r="OJ24" s="360">
        <v>357018</v>
      </c>
      <c r="OK24" s="361">
        <v>549489</v>
      </c>
      <c r="OL24" s="366">
        <v>0</v>
      </c>
      <c r="OM24" s="360">
        <v>3454491</v>
      </c>
      <c r="ON24" s="360">
        <v>4801834</v>
      </c>
      <c r="OO24" s="360">
        <v>4486558</v>
      </c>
      <c r="OP24" s="360">
        <v>2686839</v>
      </c>
      <c r="OQ24" s="360">
        <v>4705945</v>
      </c>
      <c r="OR24" s="364">
        <v>20135667</v>
      </c>
      <c r="OS24" s="369">
        <v>20685156</v>
      </c>
    </row>
    <row r="25" spans="2:409" s="137" customFormat="1" ht="21" customHeight="1" x14ac:dyDescent="0.2">
      <c r="B25" s="421" t="s">
        <v>20</v>
      </c>
      <c r="C25" s="341">
        <v>224268</v>
      </c>
      <c r="D25" s="342">
        <v>474774</v>
      </c>
      <c r="E25" s="343">
        <v>699042</v>
      </c>
      <c r="F25" s="341">
        <v>0</v>
      </c>
      <c r="G25" s="342">
        <v>2477254</v>
      </c>
      <c r="H25" s="342">
        <v>3644547</v>
      </c>
      <c r="I25" s="342">
        <v>2504253</v>
      </c>
      <c r="J25" s="342">
        <v>3764722</v>
      </c>
      <c r="K25" s="342">
        <v>2559558</v>
      </c>
      <c r="L25" s="382">
        <v>14950334</v>
      </c>
      <c r="M25" s="345">
        <v>15649376</v>
      </c>
      <c r="N25" s="341">
        <v>91882</v>
      </c>
      <c r="O25" s="342">
        <v>160602</v>
      </c>
      <c r="P25" s="343">
        <v>252484</v>
      </c>
      <c r="Q25" s="341">
        <v>0</v>
      </c>
      <c r="R25" s="342">
        <v>908247</v>
      </c>
      <c r="S25" s="342">
        <v>1254555</v>
      </c>
      <c r="T25" s="342">
        <v>625721</v>
      </c>
      <c r="U25" s="342">
        <v>1327815</v>
      </c>
      <c r="V25" s="342">
        <v>1196542</v>
      </c>
      <c r="W25" s="343">
        <v>5312880</v>
      </c>
      <c r="X25" s="345">
        <v>5565364</v>
      </c>
      <c r="Y25" s="341">
        <v>0</v>
      </c>
      <c r="Z25" s="342">
        <v>0</v>
      </c>
      <c r="AA25" s="343">
        <v>0</v>
      </c>
      <c r="AB25" s="341">
        <v>0</v>
      </c>
      <c r="AC25" s="342">
        <v>263148</v>
      </c>
      <c r="AD25" s="342">
        <v>551025</v>
      </c>
      <c r="AE25" s="342">
        <v>206102</v>
      </c>
      <c r="AF25" s="342">
        <v>620000</v>
      </c>
      <c r="AG25" s="342">
        <v>696099</v>
      </c>
      <c r="AH25" s="343">
        <v>2336374</v>
      </c>
      <c r="AI25" s="345">
        <v>2336374</v>
      </c>
      <c r="AJ25" s="341">
        <v>0</v>
      </c>
      <c r="AK25" s="342">
        <v>0</v>
      </c>
      <c r="AL25" s="343">
        <v>0</v>
      </c>
      <c r="AM25" s="341">
        <v>0</v>
      </c>
      <c r="AN25" s="342">
        <v>41452</v>
      </c>
      <c r="AO25" s="342">
        <v>0</v>
      </c>
      <c r="AP25" s="342">
        <v>0</v>
      </c>
      <c r="AQ25" s="342">
        <v>165826</v>
      </c>
      <c r="AR25" s="342">
        <v>225255</v>
      </c>
      <c r="AS25" s="343">
        <v>432533</v>
      </c>
      <c r="AT25" s="345">
        <v>432533</v>
      </c>
      <c r="AU25" s="341">
        <v>59668</v>
      </c>
      <c r="AV25" s="342">
        <v>71388</v>
      </c>
      <c r="AW25" s="343">
        <v>131056</v>
      </c>
      <c r="AX25" s="341">
        <v>0</v>
      </c>
      <c r="AY25" s="342">
        <v>444440</v>
      </c>
      <c r="AZ25" s="342">
        <v>475734</v>
      </c>
      <c r="BA25" s="342">
        <v>244324</v>
      </c>
      <c r="BB25" s="342">
        <v>341705</v>
      </c>
      <c r="BC25" s="342">
        <v>98036</v>
      </c>
      <c r="BD25" s="343">
        <v>1604239</v>
      </c>
      <c r="BE25" s="345">
        <v>1735295</v>
      </c>
      <c r="BF25" s="341">
        <v>0</v>
      </c>
      <c r="BG25" s="342">
        <v>81423</v>
      </c>
      <c r="BH25" s="346">
        <v>81423</v>
      </c>
      <c r="BI25" s="347">
        <v>0</v>
      </c>
      <c r="BJ25" s="342">
        <v>73415</v>
      </c>
      <c r="BK25" s="342">
        <v>49142</v>
      </c>
      <c r="BL25" s="342">
        <v>81439</v>
      </c>
      <c r="BM25" s="342">
        <v>70700</v>
      </c>
      <c r="BN25" s="342">
        <v>12155</v>
      </c>
      <c r="BO25" s="343">
        <v>286851</v>
      </c>
      <c r="BP25" s="345">
        <v>368274</v>
      </c>
      <c r="BQ25" s="341">
        <v>32214</v>
      </c>
      <c r="BR25" s="342">
        <v>7791</v>
      </c>
      <c r="BS25" s="343">
        <v>40005</v>
      </c>
      <c r="BT25" s="341">
        <v>0</v>
      </c>
      <c r="BU25" s="342">
        <v>85792</v>
      </c>
      <c r="BV25" s="342">
        <v>178654</v>
      </c>
      <c r="BW25" s="342">
        <v>93856</v>
      </c>
      <c r="BX25" s="342">
        <v>129584</v>
      </c>
      <c r="BY25" s="342">
        <v>164997</v>
      </c>
      <c r="BZ25" s="343">
        <v>652883</v>
      </c>
      <c r="CA25" s="345">
        <v>692888</v>
      </c>
      <c r="CB25" s="341">
        <v>0</v>
      </c>
      <c r="CC25" s="342">
        <v>103502</v>
      </c>
      <c r="CD25" s="343">
        <v>103502</v>
      </c>
      <c r="CE25" s="341">
        <v>0</v>
      </c>
      <c r="CF25" s="342">
        <v>771987</v>
      </c>
      <c r="CG25" s="342">
        <v>1229962</v>
      </c>
      <c r="CH25" s="342">
        <v>667143</v>
      </c>
      <c r="CI25" s="342">
        <v>775346</v>
      </c>
      <c r="CJ25" s="342">
        <v>225185</v>
      </c>
      <c r="CK25" s="343">
        <v>3669623</v>
      </c>
      <c r="CL25" s="345">
        <v>3773125</v>
      </c>
      <c r="CM25" s="341">
        <v>0</v>
      </c>
      <c r="CN25" s="342">
        <v>0</v>
      </c>
      <c r="CO25" s="343">
        <v>0</v>
      </c>
      <c r="CP25" s="347">
        <v>0</v>
      </c>
      <c r="CQ25" s="342">
        <v>661615</v>
      </c>
      <c r="CR25" s="342">
        <v>732211</v>
      </c>
      <c r="CS25" s="342">
        <v>471865</v>
      </c>
      <c r="CT25" s="342">
        <v>387482</v>
      </c>
      <c r="CU25" s="342">
        <v>150215</v>
      </c>
      <c r="CV25" s="343">
        <v>2403388</v>
      </c>
      <c r="CW25" s="345">
        <v>2403388</v>
      </c>
      <c r="CX25" s="341">
        <v>0</v>
      </c>
      <c r="CY25" s="342">
        <v>103502</v>
      </c>
      <c r="CZ25" s="343">
        <v>103502</v>
      </c>
      <c r="DA25" s="341">
        <v>0</v>
      </c>
      <c r="DB25" s="342">
        <v>110372</v>
      </c>
      <c r="DC25" s="342">
        <v>497751</v>
      </c>
      <c r="DD25" s="342">
        <v>195278</v>
      </c>
      <c r="DE25" s="342">
        <v>387864</v>
      </c>
      <c r="DF25" s="342">
        <v>74970</v>
      </c>
      <c r="DG25" s="343">
        <v>1266235</v>
      </c>
      <c r="DH25" s="345">
        <v>1369737</v>
      </c>
      <c r="DI25" s="341">
        <v>0</v>
      </c>
      <c r="DJ25" s="342">
        <v>0</v>
      </c>
      <c r="DK25" s="346">
        <v>0</v>
      </c>
      <c r="DL25" s="347">
        <v>0</v>
      </c>
      <c r="DM25" s="342">
        <v>112687</v>
      </c>
      <c r="DN25" s="342">
        <v>153722</v>
      </c>
      <c r="DO25" s="342">
        <v>127219</v>
      </c>
      <c r="DP25" s="342">
        <v>194407</v>
      </c>
      <c r="DQ25" s="342">
        <v>92778</v>
      </c>
      <c r="DR25" s="343">
        <v>680813</v>
      </c>
      <c r="DS25" s="345">
        <v>680813</v>
      </c>
      <c r="DT25" s="341">
        <v>0</v>
      </c>
      <c r="DU25" s="342">
        <v>0</v>
      </c>
      <c r="DV25" s="343">
        <v>0</v>
      </c>
      <c r="DW25" s="341">
        <v>0</v>
      </c>
      <c r="DX25" s="342">
        <v>112687</v>
      </c>
      <c r="DY25" s="342">
        <v>153722</v>
      </c>
      <c r="DZ25" s="342">
        <v>127219</v>
      </c>
      <c r="EA25" s="342">
        <v>158034</v>
      </c>
      <c r="EB25" s="342">
        <v>92778</v>
      </c>
      <c r="EC25" s="343">
        <v>644440</v>
      </c>
      <c r="ED25" s="345">
        <v>644440</v>
      </c>
      <c r="EE25" s="341">
        <v>0</v>
      </c>
      <c r="EF25" s="346">
        <v>0</v>
      </c>
      <c r="EG25" s="343">
        <v>0</v>
      </c>
      <c r="EH25" s="341">
        <v>0</v>
      </c>
      <c r="EI25" s="342">
        <v>0</v>
      </c>
      <c r="EJ25" s="342">
        <v>0</v>
      </c>
      <c r="EK25" s="342">
        <v>0</v>
      </c>
      <c r="EL25" s="342">
        <v>36373</v>
      </c>
      <c r="EM25" s="342">
        <v>0</v>
      </c>
      <c r="EN25" s="346">
        <v>36373</v>
      </c>
      <c r="EO25" s="345">
        <v>36373</v>
      </c>
      <c r="EP25" s="341">
        <v>0</v>
      </c>
      <c r="EQ25" s="342">
        <v>0</v>
      </c>
      <c r="ER25" s="346">
        <v>0</v>
      </c>
      <c r="ES25" s="347">
        <v>0</v>
      </c>
      <c r="ET25" s="342">
        <v>0</v>
      </c>
      <c r="EU25" s="342">
        <v>0</v>
      </c>
      <c r="EV25" s="342">
        <v>0</v>
      </c>
      <c r="EW25" s="342">
        <v>0</v>
      </c>
      <c r="EX25" s="342">
        <v>0</v>
      </c>
      <c r="EY25" s="343">
        <v>0</v>
      </c>
      <c r="EZ25" s="345">
        <v>0</v>
      </c>
      <c r="FA25" s="341">
        <v>0</v>
      </c>
      <c r="FB25" s="342">
        <v>0</v>
      </c>
      <c r="FC25" s="346">
        <v>0</v>
      </c>
      <c r="FD25" s="436">
        <v>0</v>
      </c>
      <c r="FE25" s="342">
        <v>0</v>
      </c>
      <c r="FF25" s="342">
        <v>0</v>
      </c>
      <c r="FG25" s="342">
        <v>0</v>
      </c>
      <c r="FH25" s="342">
        <v>0</v>
      </c>
      <c r="FI25" s="342">
        <v>0</v>
      </c>
      <c r="FJ25" s="343">
        <v>0</v>
      </c>
      <c r="FK25" s="345">
        <v>0</v>
      </c>
      <c r="FL25" s="341">
        <v>36435</v>
      </c>
      <c r="FM25" s="342">
        <v>136416</v>
      </c>
      <c r="FN25" s="343">
        <v>172851</v>
      </c>
      <c r="FO25" s="341">
        <v>0</v>
      </c>
      <c r="FP25" s="342">
        <v>158627</v>
      </c>
      <c r="FQ25" s="342">
        <v>295421</v>
      </c>
      <c r="FR25" s="342">
        <v>232281</v>
      </c>
      <c r="FS25" s="342">
        <v>391083</v>
      </c>
      <c r="FT25" s="342">
        <v>229404</v>
      </c>
      <c r="FU25" s="343">
        <v>1306816</v>
      </c>
      <c r="FV25" s="345">
        <v>1479667</v>
      </c>
      <c r="FW25" s="348">
        <v>36435</v>
      </c>
      <c r="FX25" s="342">
        <v>113316</v>
      </c>
      <c r="FY25" s="346">
        <v>149751</v>
      </c>
      <c r="FZ25" s="347">
        <v>0</v>
      </c>
      <c r="GA25" s="342">
        <v>158627</v>
      </c>
      <c r="GB25" s="342">
        <v>295421</v>
      </c>
      <c r="GC25" s="342">
        <v>232281</v>
      </c>
      <c r="GD25" s="342">
        <v>391083</v>
      </c>
      <c r="GE25" s="342">
        <v>130004</v>
      </c>
      <c r="GF25" s="343">
        <v>1207416</v>
      </c>
      <c r="GG25" s="349">
        <v>1357167</v>
      </c>
      <c r="GH25" s="348">
        <v>0</v>
      </c>
      <c r="GI25" s="342">
        <v>23100</v>
      </c>
      <c r="GJ25" s="346">
        <v>23100</v>
      </c>
      <c r="GK25" s="347">
        <v>0</v>
      </c>
      <c r="GL25" s="342">
        <v>0</v>
      </c>
      <c r="GM25" s="342">
        <v>0</v>
      </c>
      <c r="GN25" s="342">
        <v>0</v>
      </c>
      <c r="GO25" s="342">
        <v>0</v>
      </c>
      <c r="GP25" s="342">
        <v>0</v>
      </c>
      <c r="GQ25" s="343">
        <v>0</v>
      </c>
      <c r="GR25" s="345">
        <v>23100</v>
      </c>
      <c r="GS25" s="341">
        <v>0</v>
      </c>
      <c r="GT25" s="342">
        <v>0</v>
      </c>
      <c r="GU25" s="343">
        <v>0</v>
      </c>
      <c r="GV25" s="341">
        <v>0</v>
      </c>
      <c r="GW25" s="342">
        <v>0</v>
      </c>
      <c r="GX25" s="342">
        <v>0</v>
      </c>
      <c r="GY25" s="342">
        <v>0</v>
      </c>
      <c r="GZ25" s="342">
        <v>0</v>
      </c>
      <c r="HA25" s="342">
        <v>99400</v>
      </c>
      <c r="HB25" s="346">
        <v>99400</v>
      </c>
      <c r="HC25" s="345">
        <v>99400</v>
      </c>
      <c r="HD25" s="341">
        <v>95951</v>
      </c>
      <c r="HE25" s="342">
        <v>74254</v>
      </c>
      <c r="HF25" s="346">
        <v>170205</v>
      </c>
      <c r="HG25" s="347">
        <v>0</v>
      </c>
      <c r="HH25" s="342">
        <v>525706</v>
      </c>
      <c r="HI25" s="342">
        <v>710887</v>
      </c>
      <c r="HJ25" s="342">
        <v>851889</v>
      </c>
      <c r="HK25" s="342">
        <v>1076071</v>
      </c>
      <c r="HL25" s="342">
        <v>815649</v>
      </c>
      <c r="HM25" s="343">
        <v>3980202</v>
      </c>
      <c r="HN25" s="344">
        <v>4150407</v>
      </c>
      <c r="HO25" s="348">
        <v>0</v>
      </c>
      <c r="HP25" s="342">
        <v>0</v>
      </c>
      <c r="HQ25" s="343">
        <v>0</v>
      </c>
      <c r="HR25" s="341">
        <v>0</v>
      </c>
      <c r="HS25" s="342">
        <v>0</v>
      </c>
      <c r="HT25" s="342">
        <v>0</v>
      </c>
      <c r="HU25" s="342">
        <v>0</v>
      </c>
      <c r="HV25" s="342">
        <v>0</v>
      </c>
      <c r="HW25" s="342">
        <v>0</v>
      </c>
      <c r="HX25" s="346">
        <v>0</v>
      </c>
      <c r="HY25" s="345">
        <v>0</v>
      </c>
      <c r="HZ25" s="350">
        <v>0</v>
      </c>
      <c r="IA25" s="351">
        <v>65135</v>
      </c>
      <c r="IB25" s="352">
        <v>65135</v>
      </c>
      <c r="IC25" s="353">
        <v>0</v>
      </c>
      <c r="ID25" s="351">
        <v>341350</v>
      </c>
      <c r="IE25" s="354">
        <v>242338</v>
      </c>
      <c r="IF25" s="352">
        <v>692247</v>
      </c>
      <c r="IG25" s="351">
        <v>16105</v>
      </c>
      <c r="IH25" s="352">
        <v>250126</v>
      </c>
      <c r="II25" s="355">
        <v>1542166</v>
      </c>
      <c r="IJ25" s="356">
        <v>1607301</v>
      </c>
      <c r="IK25" s="357">
        <v>0</v>
      </c>
      <c r="IL25" s="358">
        <v>0</v>
      </c>
      <c r="IM25" s="359">
        <v>0</v>
      </c>
      <c r="IN25" s="436">
        <v>0</v>
      </c>
      <c r="IO25" s="360">
        <v>0</v>
      </c>
      <c r="IP25" s="360">
        <v>31140</v>
      </c>
      <c r="IQ25" s="360">
        <v>0</v>
      </c>
      <c r="IR25" s="360">
        <v>0</v>
      </c>
      <c r="IS25" s="360">
        <v>0</v>
      </c>
      <c r="IT25" s="361">
        <v>31140</v>
      </c>
      <c r="IU25" s="362">
        <v>31140</v>
      </c>
      <c r="IV25" s="363">
        <v>0</v>
      </c>
      <c r="IW25" s="360">
        <v>0</v>
      </c>
      <c r="IX25" s="364">
        <v>0</v>
      </c>
      <c r="IY25" s="436">
        <v>0</v>
      </c>
      <c r="IZ25" s="360">
        <v>0</v>
      </c>
      <c r="JA25" s="360">
        <v>0</v>
      </c>
      <c r="JB25" s="360">
        <v>0</v>
      </c>
      <c r="JC25" s="360">
        <v>0</v>
      </c>
      <c r="JD25" s="360">
        <v>0</v>
      </c>
      <c r="JE25" s="364">
        <v>0</v>
      </c>
      <c r="JF25" s="365">
        <v>0</v>
      </c>
      <c r="JG25" s="363">
        <v>0</v>
      </c>
      <c r="JH25" s="360">
        <v>0</v>
      </c>
      <c r="JI25" s="361">
        <v>0</v>
      </c>
      <c r="JJ25" s="366">
        <v>0</v>
      </c>
      <c r="JK25" s="360">
        <v>232122</v>
      </c>
      <c r="JL25" s="360">
        <v>216112</v>
      </c>
      <c r="JM25" s="360">
        <v>57807</v>
      </c>
      <c r="JN25" s="360">
        <v>16105</v>
      </c>
      <c r="JO25" s="360">
        <v>0</v>
      </c>
      <c r="JP25" s="364">
        <v>522146</v>
      </c>
      <c r="JQ25" s="362">
        <v>522146</v>
      </c>
      <c r="JR25" s="363">
        <v>0</v>
      </c>
      <c r="JS25" s="360">
        <v>0</v>
      </c>
      <c r="JT25" s="361">
        <v>0</v>
      </c>
      <c r="JU25" s="366">
        <v>0</v>
      </c>
      <c r="JV25" s="360">
        <v>0</v>
      </c>
      <c r="JW25" s="360">
        <v>0</v>
      </c>
      <c r="JX25" s="360">
        <v>0</v>
      </c>
      <c r="JY25" s="360">
        <v>0</v>
      </c>
      <c r="JZ25" s="360">
        <v>0</v>
      </c>
      <c r="KA25" s="364">
        <v>0</v>
      </c>
      <c r="KB25" s="362">
        <v>0</v>
      </c>
      <c r="KC25" s="367">
        <v>0</v>
      </c>
      <c r="KD25" s="368">
        <v>65135</v>
      </c>
      <c r="KE25" s="364">
        <v>65135</v>
      </c>
      <c r="KF25" s="366">
        <v>0</v>
      </c>
      <c r="KG25" s="360">
        <v>109228</v>
      </c>
      <c r="KH25" s="360">
        <v>0</v>
      </c>
      <c r="KI25" s="360">
        <v>0</v>
      </c>
      <c r="KJ25" s="360">
        <v>0</v>
      </c>
      <c r="KK25" s="360">
        <v>250126</v>
      </c>
      <c r="KL25" s="364">
        <v>359354</v>
      </c>
      <c r="KM25" s="369">
        <v>424489</v>
      </c>
      <c r="KN25" s="357">
        <v>0</v>
      </c>
      <c r="KO25" s="358">
        <v>0</v>
      </c>
      <c r="KP25" s="359">
        <v>0</v>
      </c>
      <c r="KQ25" s="436">
        <v>0</v>
      </c>
      <c r="KR25" s="360">
        <v>0</v>
      </c>
      <c r="KS25" s="360">
        <v>-4914</v>
      </c>
      <c r="KT25" s="360">
        <v>634440</v>
      </c>
      <c r="KU25" s="360">
        <v>0</v>
      </c>
      <c r="KV25" s="360">
        <v>0</v>
      </c>
      <c r="KW25" s="364">
        <v>629526</v>
      </c>
      <c r="KX25" s="362">
        <v>629526</v>
      </c>
      <c r="KY25" s="363">
        <v>0</v>
      </c>
      <c r="KZ25" s="360">
        <v>0</v>
      </c>
      <c r="LA25" s="364">
        <v>0</v>
      </c>
      <c r="LB25" s="436">
        <v>0</v>
      </c>
      <c r="LC25" s="360">
        <v>0</v>
      </c>
      <c r="LD25" s="360">
        <v>0</v>
      </c>
      <c r="LE25" s="360">
        <v>0</v>
      </c>
      <c r="LF25" s="360">
        <v>0</v>
      </c>
      <c r="LG25" s="360">
        <v>0</v>
      </c>
      <c r="LH25" s="364">
        <v>0</v>
      </c>
      <c r="LI25" s="365">
        <v>0</v>
      </c>
      <c r="LJ25" s="363">
        <v>0</v>
      </c>
      <c r="LK25" s="360">
        <v>0</v>
      </c>
      <c r="LL25" s="364">
        <v>0</v>
      </c>
      <c r="LM25" s="436">
        <v>0</v>
      </c>
      <c r="LN25" s="360">
        <v>0</v>
      </c>
      <c r="LO25" s="360">
        <v>0</v>
      </c>
      <c r="LP25" s="360">
        <v>0</v>
      </c>
      <c r="LQ25" s="360">
        <v>0</v>
      </c>
      <c r="LR25" s="360">
        <v>0</v>
      </c>
      <c r="LS25" s="364">
        <v>0</v>
      </c>
      <c r="LT25" s="362">
        <v>0</v>
      </c>
      <c r="LU25" s="363">
        <v>0</v>
      </c>
      <c r="LV25" s="360">
        <v>0</v>
      </c>
      <c r="LW25" s="364">
        <v>0</v>
      </c>
      <c r="LX25" s="436">
        <v>0</v>
      </c>
      <c r="LY25" s="360">
        <v>0</v>
      </c>
      <c r="LZ25" s="360">
        <v>0</v>
      </c>
      <c r="MA25" s="360">
        <v>0</v>
      </c>
      <c r="MB25" s="360">
        <v>0</v>
      </c>
      <c r="MC25" s="360">
        <v>0</v>
      </c>
      <c r="MD25" s="364">
        <v>0</v>
      </c>
      <c r="ME25" s="365">
        <v>0</v>
      </c>
      <c r="MF25" s="363">
        <v>0</v>
      </c>
      <c r="MG25" s="360">
        <v>0</v>
      </c>
      <c r="MH25" s="364">
        <v>0</v>
      </c>
      <c r="MI25" s="436">
        <v>0</v>
      </c>
      <c r="MJ25" s="360">
        <v>608261</v>
      </c>
      <c r="MK25" s="360">
        <v>421083</v>
      </c>
      <c r="ML25" s="360">
        <v>913385</v>
      </c>
      <c r="MM25" s="360">
        <v>3338147</v>
      </c>
      <c r="MN25" s="360">
        <v>1744641</v>
      </c>
      <c r="MO25" s="364">
        <v>7025517</v>
      </c>
      <c r="MP25" s="369">
        <v>7025517</v>
      </c>
      <c r="MQ25" s="363">
        <v>0</v>
      </c>
      <c r="MR25" s="360">
        <v>0</v>
      </c>
      <c r="MS25" s="364">
        <v>0</v>
      </c>
      <c r="MT25" s="436">
        <v>0</v>
      </c>
      <c r="MU25" s="360">
        <v>0</v>
      </c>
      <c r="MV25" s="360">
        <v>205506</v>
      </c>
      <c r="MW25" s="360">
        <v>399273</v>
      </c>
      <c r="MX25" s="360">
        <v>1844315</v>
      </c>
      <c r="MY25" s="360">
        <v>1485851</v>
      </c>
      <c r="MZ25" s="364">
        <v>3934945</v>
      </c>
      <c r="NA25" s="369">
        <v>3934945</v>
      </c>
      <c r="NB25" s="363">
        <v>0</v>
      </c>
      <c r="NC25" s="360">
        <v>0</v>
      </c>
      <c r="ND25" s="364">
        <v>0</v>
      </c>
      <c r="NE25" s="436">
        <v>0</v>
      </c>
      <c r="NF25" s="360">
        <v>608261</v>
      </c>
      <c r="NG25" s="360">
        <v>215577</v>
      </c>
      <c r="NH25" s="360">
        <v>514112</v>
      </c>
      <c r="NI25" s="360">
        <v>1493832</v>
      </c>
      <c r="NJ25" s="360">
        <v>258790</v>
      </c>
      <c r="NK25" s="364">
        <v>3090572</v>
      </c>
      <c r="NL25" s="362">
        <v>3090572</v>
      </c>
      <c r="NM25" s="363">
        <v>0</v>
      </c>
      <c r="NN25" s="360">
        <v>0</v>
      </c>
      <c r="NO25" s="364">
        <v>0</v>
      </c>
      <c r="NP25" s="436">
        <v>0</v>
      </c>
      <c r="NQ25" s="360">
        <v>0</v>
      </c>
      <c r="NR25" s="360">
        <v>0</v>
      </c>
      <c r="NS25" s="360">
        <v>0</v>
      </c>
      <c r="NT25" s="360">
        <v>0</v>
      </c>
      <c r="NU25" s="360">
        <v>0</v>
      </c>
      <c r="NV25" s="364">
        <v>0</v>
      </c>
      <c r="NW25" s="365">
        <v>0</v>
      </c>
      <c r="NX25" s="363">
        <v>0</v>
      </c>
      <c r="NY25" s="360">
        <v>0</v>
      </c>
      <c r="NZ25" s="364">
        <v>0</v>
      </c>
      <c r="OA25" s="436">
        <v>0</v>
      </c>
      <c r="OB25" s="360">
        <v>0</v>
      </c>
      <c r="OC25" s="360">
        <v>0</v>
      </c>
      <c r="OD25" s="360">
        <v>0</v>
      </c>
      <c r="OE25" s="360">
        <v>0</v>
      </c>
      <c r="OF25" s="360">
        <v>0</v>
      </c>
      <c r="OG25" s="364">
        <v>0</v>
      </c>
      <c r="OH25" s="365">
        <v>0</v>
      </c>
      <c r="OI25" s="363">
        <v>224268</v>
      </c>
      <c r="OJ25" s="360">
        <v>539909</v>
      </c>
      <c r="OK25" s="361">
        <v>764177</v>
      </c>
      <c r="OL25" s="366">
        <v>0</v>
      </c>
      <c r="OM25" s="360">
        <v>3426865</v>
      </c>
      <c r="ON25" s="360">
        <v>4307968</v>
      </c>
      <c r="OO25" s="360">
        <v>4109885</v>
      </c>
      <c r="OP25" s="360">
        <v>7118974</v>
      </c>
      <c r="OQ25" s="360">
        <v>4554325</v>
      </c>
      <c r="OR25" s="364">
        <v>23518017</v>
      </c>
      <c r="OS25" s="369">
        <v>24282194</v>
      </c>
    </row>
    <row r="26" spans="2:409" s="137" customFormat="1" ht="21" customHeight="1" x14ac:dyDescent="0.2">
      <c r="B26" s="421" t="s">
        <v>21</v>
      </c>
      <c r="C26" s="341">
        <v>183874</v>
      </c>
      <c r="D26" s="342">
        <v>327296</v>
      </c>
      <c r="E26" s="343">
        <v>511170</v>
      </c>
      <c r="F26" s="344">
        <v>0</v>
      </c>
      <c r="G26" s="342">
        <v>2822185</v>
      </c>
      <c r="H26" s="342">
        <v>2292862</v>
      </c>
      <c r="I26" s="342">
        <v>3436238</v>
      </c>
      <c r="J26" s="342">
        <v>3278230</v>
      </c>
      <c r="K26" s="342">
        <v>1109733</v>
      </c>
      <c r="L26" s="382">
        <v>12939248</v>
      </c>
      <c r="M26" s="345">
        <v>13450418</v>
      </c>
      <c r="N26" s="341">
        <v>31486</v>
      </c>
      <c r="O26" s="342">
        <v>122137</v>
      </c>
      <c r="P26" s="343">
        <v>153623</v>
      </c>
      <c r="Q26" s="341">
        <v>0</v>
      </c>
      <c r="R26" s="342">
        <v>923405</v>
      </c>
      <c r="S26" s="342">
        <v>1093248</v>
      </c>
      <c r="T26" s="342">
        <v>1289494</v>
      </c>
      <c r="U26" s="342">
        <v>1439465</v>
      </c>
      <c r="V26" s="342">
        <v>606042</v>
      </c>
      <c r="W26" s="343">
        <v>5351654</v>
      </c>
      <c r="X26" s="345">
        <v>5505277</v>
      </c>
      <c r="Y26" s="341">
        <v>0</v>
      </c>
      <c r="Z26" s="342">
        <v>0</v>
      </c>
      <c r="AA26" s="343">
        <v>0</v>
      </c>
      <c r="AB26" s="341">
        <v>0</v>
      </c>
      <c r="AC26" s="342">
        <v>404288</v>
      </c>
      <c r="AD26" s="342">
        <v>505539</v>
      </c>
      <c r="AE26" s="342">
        <v>765587</v>
      </c>
      <c r="AF26" s="342">
        <v>1213722</v>
      </c>
      <c r="AG26" s="342">
        <v>155285</v>
      </c>
      <c r="AH26" s="343">
        <v>3044421</v>
      </c>
      <c r="AI26" s="345">
        <v>3044421</v>
      </c>
      <c r="AJ26" s="341">
        <v>0</v>
      </c>
      <c r="AK26" s="342">
        <v>0</v>
      </c>
      <c r="AL26" s="343">
        <v>0</v>
      </c>
      <c r="AM26" s="341">
        <v>0</v>
      </c>
      <c r="AN26" s="342">
        <v>0</v>
      </c>
      <c r="AO26" s="342">
        <v>40917</v>
      </c>
      <c r="AP26" s="342">
        <v>22087</v>
      </c>
      <c r="AQ26" s="342">
        <v>0</v>
      </c>
      <c r="AR26" s="342">
        <v>93853</v>
      </c>
      <c r="AS26" s="343">
        <v>156857</v>
      </c>
      <c r="AT26" s="345">
        <v>156857</v>
      </c>
      <c r="AU26" s="341">
        <v>0</v>
      </c>
      <c r="AV26" s="342">
        <v>20822</v>
      </c>
      <c r="AW26" s="343">
        <v>20822</v>
      </c>
      <c r="AX26" s="341">
        <v>0</v>
      </c>
      <c r="AY26" s="342">
        <v>342976</v>
      </c>
      <c r="AZ26" s="342">
        <v>348769</v>
      </c>
      <c r="BA26" s="342">
        <v>319316</v>
      </c>
      <c r="BB26" s="342">
        <v>7819</v>
      </c>
      <c r="BC26" s="342">
        <v>275578</v>
      </c>
      <c r="BD26" s="343">
        <v>1294458</v>
      </c>
      <c r="BE26" s="345">
        <v>1315280</v>
      </c>
      <c r="BF26" s="341">
        <v>0</v>
      </c>
      <c r="BG26" s="342">
        <v>56361</v>
      </c>
      <c r="BH26" s="346">
        <v>56361</v>
      </c>
      <c r="BI26" s="347">
        <v>0</v>
      </c>
      <c r="BJ26" s="342">
        <v>0</v>
      </c>
      <c r="BK26" s="342">
        <v>0</v>
      </c>
      <c r="BL26" s="342">
        <v>0</v>
      </c>
      <c r="BM26" s="342">
        <v>0</v>
      </c>
      <c r="BN26" s="342">
        <v>0</v>
      </c>
      <c r="BO26" s="343">
        <v>0</v>
      </c>
      <c r="BP26" s="345">
        <v>56361</v>
      </c>
      <c r="BQ26" s="341">
        <v>31486</v>
      </c>
      <c r="BR26" s="342">
        <v>44954</v>
      </c>
      <c r="BS26" s="343">
        <v>76440</v>
      </c>
      <c r="BT26" s="341">
        <v>0</v>
      </c>
      <c r="BU26" s="342">
        <v>176141</v>
      </c>
      <c r="BV26" s="342">
        <v>198023</v>
      </c>
      <c r="BW26" s="342">
        <v>182504</v>
      </c>
      <c r="BX26" s="342">
        <v>217924</v>
      </c>
      <c r="BY26" s="342">
        <v>81326</v>
      </c>
      <c r="BZ26" s="343">
        <v>855918</v>
      </c>
      <c r="CA26" s="345">
        <v>932358</v>
      </c>
      <c r="CB26" s="341">
        <v>0</v>
      </c>
      <c r="CC26" s="342">
        <v>33187</v>
      </c>
      <c r="CD26" s="343">
        <v>33187</v>
      </c>
      <c r="CE26" s="341">
        <v>0</v>
      </c>
      <c r="CF26" s="342">
        <v>766972</v>
      </c>
      <c r="CG26" s="342">
        <v>421987</v>
      </c>
      <c r="CH26" s="342">
        <v>554814</v>
      </c>
      <c r="CI26" s="342">
        <v>238151</v>
      </c>
      <c r="CJ26" s="342">
        <v>37503</v>
      </c>
      <c r="CK26" s="343">
        <v>2019427</v>
      </c>
      <c r="CL26" s="345">
        <v>2052614</v>
      </c>
      <c r="CM26" s="341">
        <v>0</v>
      </c>
      <c r="CN26" s="342">
        <v>0</v>
      </c>
      <c r="CO26" s="343">
        <v>0</v>
      </c>
      <c r="CP26" s="347">
        <v>0</v>
      </c>
      <c r="CQ26" s="342">
        <v>624122</v>
      </c>
      <c r="CR26" s="342">
        <v>319766</v>
      </c>
      <c r="CS26" s="342">
        <v>492538</v>
      </c>
      <c r="CT26" s="342">
        <v>146742</v>
      </c>
      <c r="CU26" s="342">
        <v>37503</v>
      </c>
      <c r="CV26" s="343">
        <v>1620671</v>
      </c>
      <c r="CW26" s="345">
        <v>1620671</v>
      </c>
      <c r="CX26" s="341">
        <v>0</v>
      </c>
      <c r="CY26" s="342">
        <v>33187</v>
      </c>
      <c r="CZ26" s="343">
        <v>33187</v>
      </c>
      <c r="DA26" s="341">
        <v>0</v>
      </c>
      <c r="DB26" s="342">
        <v>142850</v>
      </c>
      <c r="DC26" s="342">
        <v>102221</v>
      </c>
      <c r="DD26" s="342">
        <v>62276</v>
      </c>
      <c r="DE26" s="342">
        <v>91409</v>
      </c>
      <c r="DF26" s="342">
        <v>0</v>
      </c>
      <c r="DG26" s="343">
        <v>398756</v>
      </c>
      <c r="DH26" s="345">
        <v>431943</v>
      </c>
      <c r="DI26" s="341">
        <v>0</v>
      </c>
      <c r="DJ26" s="342">
        <v>39398</v>
      </c>
      <c r="DK26" s="346">
        <v>39398</v>
      </c>
      <c r="DL26" s="347">
        <v>0</v>
      </c>
      <c r="DM26" s="342">
        <v>75208</v>
      </c>
      <c r="DN26" s="342">
        <v>75695</v>
      </c>
      <c r="DO26" s="342">
        <v>231180</v>
      </c>
      <c r="DP26" s="342">
        <v>74253</v>
      </c>
      <c r="DQ26" s="342">
        <v>0</v>
      </c>
      <c r="DR26" s="343">
        <v>456336</v>
      </c>
      <c r="DS26" s="345">
        <v>495734</v>
      </c>
      <c r="DT26" s="341">
        <v>0</v>
      </c>
      <c r="DU26" s="342">
        <v>39398</v>
      </c>
      <c r="DV26" s="343">
        <v>39398</v>
      </c>
      <c r="DW26" s="341">
        <v>0</v>
      </c>
      <c r="DX26" s="342">
        <v>75208</v>
      </c>
      <c r="DY26" s="342">
        <v>75695</v>
      </c>
      <c r="DZ26" s="342">
        <v>154666</v>
      </c>
      <c r="EA26" s="342">
        <v>0</v>
      </c>
      <c r="EB26" s="342">
        <v>0</v>
      </c>
      <c r="EC26" s="343">
        <v>305569</v>
      </c>
      <c r="ED26" s="345">
        <v>344967</v>
      </c>
      <c r="EE26" s="341">
        <v>0</v>
      </c>
      <c r="EF26" s="346">
        <v>0</v>
      </c>
      <c r="EG26" s="343">
        <v>0</v>
      </c>
      <c r="EH26" s="341">
        <v>0</v>
      </c>
      <c r="EI26" s="342">
        <v>0</v>
      </c>
      <c r="EJ26" s="342">
        <v>0</v>
      </c>
      <c r="EK26" s="342">
        <v>76514</v>
      </c>
      <c r="EL26" s="342">
        <v>74253</v>
      </c>
      <c r="EM26" s="342">
        <v>0</v>
      </c>
      <c r="EN26" s="346">
        <v>150767</v>
      </c>
      <c r="EO26" s="345">
        <v>150767</v>
      </c>
      <c r="EP26" s="341">
        <v>0</v>
      </c>
      <c r="EQ26" s="342">
        <v>0</v>
      </c>
      <c r="ER26" s="346">
        <v>0</v>
      </c>
      <c r="ES26" s="347">
        <v>0</v>
      </c>
      <c r="ET26" s="342">
        <v>0</v>
      </c>
      <c r="EU26" s="342">
        <v>0</v>
      </c>
      <c r="EV26" s="342">
        <v>0</v>
      </c>
      <c r="EW26" s="342">
        <v>0</v>
      </c>
      <c r="EX26" s="342">
        <v>0</v>
      </c>
      <c r="EY26" s="343">
        <v>0</v>
      </c>
      <c r="EZ26" s="345">
        <v>0</v>
      </c>
      <c r="FA26" s="341">
        <v>0</v>
      </c>
      <c r="FB26" s="342">
        <v>0</v>
      </c>
      <c r="FC26" s="346">
        <v>0</v>
      </c>
      <c r="FD26" s="436">
        <v>0</v>
      </c>
      <c r="FE26" s="342">
        <v>0</v>
      </c>
      <c r="FF26" s="342">
        <v>0</v>
      </c>
      <c r="FG26" s="342">
        <v>0</v>
      </c>
      <c r="FH26" s="342">
        <v>0</v>
      </c>
      <c r="FI26" s="342">
        <v>0</v>
      </c>
      <c r="FJ26" s="343">
        <v>0</v>
      </c>
      <c r="FK26" s="345">
        <v>0</v>
      </c>
      <c r="FL26" s="341">
        <v>61117</v>
      </c>
      <c r="FM26" s="342">
        <v>56784</v>
      </c>
      <c r="FN26" s="343">
        <v>117901</v>
      </c>
      <c r="FO26" s="341">
        <v>0</v>
      </c>
      <c r="FP26" s="342">
        <v>100933</v>
      </c>
      <c r="FQ26" s="342">
        <v>230174</v>
      </c>
      <c r="FR26" s="342">
        <v>164612</v>
      </c>
      <c r="FS26" s="342">
        <v>93093</v>
      </c>
      <c r="FT26" s="342">
        <v>77280</v>
      </c>
      <c r="FU26" s="343">
        <v>666092</v>
      </c>
      <c r="FV26" s="345">
        <v>783993</v>
      </c>
      <c r="FW26" s="348">
        <v>44947</v>
      </c>
      <c r="FX26" s="342">
        <v>56784</v>
      </c>
      <c r="FY26" s="346">
        <v>101731</v>
      </c>
      <c r="FZ26" s="347">
        <v>0</v>
      </c>
      <c r="GA26" s="342">
        <v>100933</v>
      </c>
      <c r="GB26" s="342">
        <v>230174</v>
      </c>
      <c r="GC26" s="342">
        <v>164612</v>
      </c>
      <c r="GD26" s="342">
        <v>93093</v>
      </c>
      <c r="GE26" s="342">
        <v>77280</v>
      </c>
      <c r="GF26" s="343">
        <v>666092</v>
      </c>
      <c r="GG26" s="349">
        <v>767823</v>
      </c>
      <c r="GH26" s="348">
        <v>16170</v>
      </c>
      <c r="GI26" s="342">
        <v>0</v>
      </c>
      <c r="GJ26" s="346">
        <v>16170</v>
      </c>
      <c r="GK26" s="347">
        <v>0</v>
      </c>
      <c r="GL26" s="342">
        <v>0</v>
      </c>
      <c r="GM26" s="342">
        <v>0</v>
      </c>
      <c r="GN26" s="342">
        <v>0</v>
      </c>
      <c r="GO26" s="342">
        <v>0</v>
      </c>
      <c r="GP26" s="342">
        <v>0</v>
      </c>
      <c r="GQ26" s="343">
        <v>0</v>
      </c>
      <c r="GR26" s="345">
        <v>16170</v>
      </c>
      <c r="GS26" s="341">
        <v>0</v>
      </c>
      <c r="GT26" s="342">
        <v>0</v>
      </c>
      <c r="GU26" s="343">
        <v>0</v>
      </c>
      <c r="GV26" s="341">
        <v>0</v>
      </c>
      <c r="GW26" s="342">
        <v>0</v>
      </c>
      <c r="GX26" s="342">
        <v>0</v>
      </c>
      <c r="GY26" s="342">
        <v>0</v>
      </c>
      <c r="GZ26" s="342">
        <v>0</v>
      </c>
      <c r="HA26" s="342">
        <v>0</v>
      </c>
      <c r="HB26" s="346">
        <v>0</v>
      </c>
      <c r="HC26" s="345">
        <v>0</v>
      </c>
      <c r="HD26" s="341">
        <v>91271</v>
      </c>
      <c r="HE26" s="342">
        <v>75790</v>
      </c>
      <c r="HF26" s="346">
        <v>167061</v>
      </c>
      <c r="HG26" s="347">
        <v>0</v>
      </c>
      <c r="HH26" s="342">
        <v>955667</v>
      </c>
      <c r="HI26" s="342">
        <v>471758</v>
      </c>
      <c r="HJ26" s="342">
        <v>1196138</v>
      </c>
      <c r="HK26" s="342">
        <v>1433268</v>
      </c>
      <c r="HL26" s="342">
        <v>388908</v>
      </c>
      <c r="HM26" s="343">
        <v>4445739</v>
      </c>
      <c r="HN26" s="344">
        <v>4612800</v>
      </c>
      <c r="HO26" s="348">
        <v>0</v>
      </c>
      <c r="HP26" s="342">
        <v>0</v>
      </c>
      <c r="HQ26" s="343">
        <v>0</v>
      </c>
      <c r="HR26" s="341">
        <v>0</v>
      </c>
      <c r="HS26" s="342">
        <v>0</v>
      </c>
      <c r="HT26" s="342">
        <v>0</v>
      </c>
      <c r="HU26" s="342">
        <v>0</v>
      </c>
      <c r="HV26" s="342">
        <v>0</v>
      </c>
      <c r="HW26" s="342">
        <v>0</v>
      </c>
      <c r="HX26" s="346">
        <v>0</v>
      </c>
      <c r="HY26" s="345">
        <v>0</v>
      </c>
      <c r="HZ26" s="373">
        <v>0</v>
      </c>
      <c r="IA26" s="371">
        <v>0</v>
      </c>
      <c r="IB26" s="373">
        <v>0</v>
      </c>
      <c r="IC26" s="370">
        <v>0</v>
      </c>
      <c r="ID26" s="371">
        <v>515417</v>
      </c>
      <c r="IE26" s="372">
        <v>358389</v>
      </c>
      <c r="IF26" s="373">
        <v>694981</v>
      </c>
      <c r="IG26" s="371">
        <v>667161</v>
      </c>
      <c r="IH26" s="373">
        <v>281693</v>
      </c>
      <c r="II26" s="374">
        <v>2517641</v>
      </c>
      <c r="IJ26" s="373">
        <v>2517641</v>
      </c>
      <c r="IK26" s="357">
        <v>0</v>
      </c>
      <c r="IL26" s="358">
        <v>0</v>
      </c>
      <c r="IM26" s="359">
        <v>0</v>
      </c>
      <c r="IN26" s="436">
        <v>0</v>
      </c>
      <c r="IO26" s="360">
        <v>53643</v>
      </c>
      <c r="IP26" s="360">
        <v>0</v>
      </c>
      <c r="IQ26" s="360">
        <v>0</v>
      </c>
      <c r="IR26" s="360">
        <v>0</v>
      </c>
      <c r="IS26" s="360">
        <v>0</v>
      </c>
      <c r="IT26" s="361">
        <v>53643</v>
      </c>
      <c r="IU26" s="362">
        <v>53643</v>
      </c>
      <c r="IV26" s="363">
        <v>0</v>
      </c>
      <c r="IW26" s="360">
        <v>0</v>
      </c>
      <c r="IX26" s="364">
        <v>0</v>
      </c>
      <c r="IY26" s="436">
        <v>0</v>
      </c>
      <c r="IZ26" s="360">
        <v>0</v>
      </c>
      <c r="JA26" s="360">
        <v>0</v>
      </c>
      <c r="JB26" s="360">
        <v>0</v>
      </c>
      <c r="JC26" s="360">
        <v>0</v>
      </c>
      <c r="JD26" s="360">
        <v>0</v>
      </c>
      <c r="JE26" s="364">
        <v>0</v>
      </c>
      <c r="JF26" s="365">
        <v>0</v>
      </c>
      <c r="JG26" s="363">
        <v>0</v>
      </c>
      <c r="JH26" s="360">
        <v>0</v>
      </c>
      <c r="JI26" s="361">
        <v>0</v>
      </c>
      <c r="JJ26" s="366">
        <v>0</v>
      </c>
      <c r="JK26" s="360">
        <v>461774</v>
      </c>
      <c r="JL26" s="360">
        <v>147250</v>
      </c>
      <c r="JM26" s="360">
        <v>84517</v>
      </c>
      <c r="JN26" s="360">
        <v>33121</v>
      </c>
      <c r="JO26" s="360">
        <v>0</v>
      </c>
      <c r="JP26" s="364">
        <v>726662</v>
      </c>
      <c r="JQ26" s="362">
        <v>726662</v>
      </c>
      <c r="JR26" s="363">
        <v>0</v>
      </c>
      <c r="JS26" s="360">
        <v>0</v>
      </c>
      <c r="JT26" s="361">
        <v>0</v>
      </c>
      <c r="JU26" s="366">
        <v>0</v>
      </c>
      <c r="JV26" s="360">
        <v>0</v>
      </c>
      <c r="JW26" s="360">
        <v>0</v>
      </c>
      <c r="JX26" s="360">
        <v>0</v>
      </c>
      <c r="JY26" s="360">
        <v>0</v>
      </c>
      <c r="JZ26" s="360">
        <v>0</v>
      </c>
      <c r="KA26" s="364">
        <v>0</v>
      </c>
      <c r="KB26" s="362">
        <v>0</v>
      </c>
      <c r="KC26" s="367">
        <v>0</v>
      </c>
      <c r="KD26" s="368">
        <v>0</v>
      </c>
      <c r="KE26" s="364">
        <v>0</v>
      </c>
      <c r="KF26" s="366">
        <v>0</v>
      </c>
      <c r="KG26" s="360">
        <v>0</v>
      </c>
      <c r="KH26" s="360">
        <v>0</v>
      </c>
      <c r="KI26" s="360">
        <v>387452</v>
      </c>
      <c r="KJ26" s="360">
        <v>0</v>
      </c>
      <c r="KK26" s="360">
        <v>0</v>
      </c>
      <c r="KL26" s="364">
        <v>387452</v>
      </c>
      <c r="KM26" s="369">
        <v>387452</v>
      </c>
      <c r="KN26" s="357">
        <v>0</v>
      </c>
      <c r="KO26" s="358">
        <v>0</v>
      </c>
      <c r="KP26" s="359">
        <v>0</v>
      </c>
      <c r="KQ26" s="436">
        <v>0</v>
      </c>
      <c r="KR26" s="360">
        <v>0</v>
      </c>
      <c r="KS26" s="360">
        <v>211139</v>
      </c>
      <c r="KT26" s="360">
        <v>223012</v>
      </c>
      <c r="KU26" s="360">
        <v>634040</v>
      </c>
      <c r="KV26" s="360">
        <v>0</v>
      </c>
      <c r="KW26" s="364">
        <v>1068191</v>
      </c>
      <c r="KX26" s="362">
        <v>1068191</v>
      </c>
      <c r="KY26" s="363">
        <v>0</v>
      </c>
      <c r="KZ26" s="360">
        <v>0</v>
      </c>
      <c r="LA26" s="364">
        <v>0</v>
      </c>
      <c r="LB26" s="436">
        <v>0</v>
      </c>
      <c r="LC26" s="360">
        <v>0</v>
      </c>
      <c r="LD26" s="360">
        <v>0</v>
      </c>
      <c r="LE26" s="360">
        <v>0</v>
      </c>
      <c r="LF26" s="360">
        <v>0</v>
      </c>
      <c r="LG26" s="360">
        <v>0</v>
      </c>
      <c r="LH26" s="364">
        <v>0</v>
      </c>
      <c r="LI26" s="365">
        <v>0</v>
      </c>
      <c r="LJ26" s="363">
        <v>0</v>
      </c>
      <c r="LK26" s="360">
        <v>0</v>
      </c>
      <c r="LL26" s="364">
        <v>0</v>
      </c>
      <c r="LM26" s="436">
        <v>0</v>
      </c>
      <c r="LN26" s="360">
        <v>0</v>
      </c>
      <c r="LO26" s="360">
        <v>0</v>
      </c>
      <c r="LP26" s="360">
        <v>0</v>
      </c>
      <c r="LQ26" s="360">
        <v>0</v>
      </c>
      <c r="LR26" s="360">
        <v>0</v>
      </c>
      <c r="LS26" s="364">
        <v>0</v>
      </c>
      <c r="LT26" s="362">
        <v>0</v>
      </c>
      <c r="LU26" s="363">
        <v>0</v>
      </c>
      <c r="LV26" s="360">
        <v>0</v>
      </c>
      <c r="LW26" s="364">
        <v>0</v>
      </c>
      <c r="LX26" s="436">
        <v>0</v>
      </c>
      <c r="LY26" s="360">
        <v>0</v>
      </c>
      <c r="LZ26" s="360">
        <v>0</v>
      </c>
      <c r="MA26" s="360">
        <v>0</v>
      </c>
      <c r="MB26" s="360">
        <v>0</v>
      </c>
      <c r="MC26" s="360">
        <v>281693</v>
      </c>
      <c r="MD26" s="364">
        <v>281693</v>
      </c>
      <c r="ME26" s="365">
        <v>281693</v>
      </c>
      <c r="MF26" s="363">
        <v>0</v>
      </c>
      <c r="MG26" s="360">
        <v>0</v>
      </c>
      <c r="MH26" s="364">
        <v>0</v>
      </c>
      <c r="MI26" s="436">
        <v>0</v>
      </c>
      <c r="MJ26" s="360">
        <v>0</v>
      </c>
      <c r="MK26" s="360">
        <v>595166</v>
      </c>
      <c r="ML26" s="360">
        <v>921973</v>
      </c>
      <c r="MM26" s="360">
        <v>1792330</v>
      </c>
      <c r="MN26" s="360">
        <v>1205628</v>
      </c>
      <c r="MO26" s="364">
        <v>4515097</v>
      </c>
      <c r="MP26" s="369">
        <v>4515097</v>
      </c>
      <c r="MQ26" s="363">
        <v>0</v>
      </c>
      <c r="MR26" s="360">
        <v>0</v>
      </c>
      <c r="MS26" s="364">
        <v>0</v>
      </c>
      <c r="MT26" s="436">
        <v>0</v>
      </c>
      <c r="MU26" s="360">
        <v>0</v>
      </c>
      <c r="MV26" s="360">
        <v>0</v>
      </c>
      <c r="MW26" s="360">
        <v>422103</v>
      </c>
      <c r="MX26" s="360">
        <v>1355988</v>
      </c>
      <c r="MY26" s="360">
        <v>1205628</v>
      </c>
      <c r="MZ26" s="364">
        <v>2983719</v>
      </c>
      <c r="NA26" s="369">
        <v>2983719</v>
      </c>
      <c r="NB26" s="363">
        <v>0</v>
      </c>
      <c r="NC26" s="360">
        <v>0</v>
      </c>
      <c r="ND26" s="364">
        <v>0</v>
      </c>
      <c r="NE26" s="436">
        <v>0</v>
      </c>
      <c r="NF26" s="360">
        <v>0</v>
      </c>
      <c r="NG26" s="360">
        <v>595166</v>
      </c>
      <c r="NH26" s="360">
        <v>499870</v>
      </c>
      <c r="NI26" s="360">
        <v>436342</v>
      </c>
      <c r="NJ26" s="360">
        <v>0</v>
      </c>
      <c r="NK26" s="364">
        <v>1531378</v>
      </c>
      <c r="NL26" s="362">
        <v>1531378</v>
      </c>
      <c r="NM26" s="363">
        <v>0</v>
      </c>
      <c r="NN26" s="360">
        <v>0</v>
      </c>
      <c r="NO26" s="364">
        <v>0</v>
      </c>
      <c r="NP26" s="436">
        <v>0</v>
      </c>
      <c r="NQ26" s="360">
        <v>0</v>
      </c>
      <c r="NR26" s="360">
        <v>0</v>
      </c>
      <c r="NS26" s="360">
        <v>0</v>
      </c>
      <c r="NT26" s="360">
        <v>0</v>
      </c>
      <c r="NU26" s="360">
        <v>0</v>
      </c>
      <c r="NV26" s="364">
        <v>0</v>
      </c>
      <c r="NW26" s="365">
        <v>0</v>
      </c>
      <c r="NX26" s="363">
        <v>0</v>
      </c>
      <c r="NY26" s="360">
        <v>0</v>
      </c>
      <c r="NZ26" s="364">
        <v>0</v>
      </c>
      <c r="OA26" s="436">
        <v>0</v>
      </c>
      <c r="OB26" s="360">
        <v>0</v>
      </c>
      <c r="OC26" s="360">
        <v>0</v>
      </c>
      <c r="OD26" s="360">
        <v>0</v>
      </c>
      <c r="OE26" s="360">
        <v>0</v>
      </c>
      <c r="OF26" s="360">
        <v>0</v>
      </c>
      <c r="OG26" s="364">
        <v>0</v>
      </c>
      <c r="OH26" s="365">
        <v>0</v>
      </c>
      <c r="OI26" s="363">
        <v>183874</v>
      </c>
      <c r="OJ26" s="360">
        <v>327296</v>
      </c>
      <c r="OK26" s="361">
        <v>511170</v>
      </c>
      <c r="OL26" s="366">
        <v>0</v>
      </c>
      <c r="OM26" s="360">
        <v>3337602</v>
      </c>
      <c r="ON26" s="360">
        <v>3246417</v>
      </c>
      <c r="OO26" s="360">
        <v>5053192</v>
      </c>
      <c r="OP26" s="360">
        <v>5737721</v>
      </c>
      <c r="OQ26" s="360">
        <v>2597054</v>
      </c>
      <c r="OR26" s="364">
        <v>19971986</v>
      </c>
      <c r="OS26" s="369">
        <v>20483156</v>
      </c>
    </row>
    <row r="27" spans="2:409" s="137" customFormat="1" ht="21" customHeight="1" x14ac:dyDescent="0.2">
      <c r="B27" s="421" t="s">
        <v>22</v>
      </c>
      <c r="C27" s="341">
        <v>68208</v>
      </c>
      <c r="D27" s="342">
        <v>77728</v>
      </c>
      <c r="E27" s="343">
        <v>145936</v>
      </c>
      <c r="F27" s="344">
        <v>0</v>
      </c>
      <c r="G27" s="342">
        <v>1023579</v>
      </c>
      <c r="H27" s="342">
        <v>1381068</v>
      </c>
      <c r="I27" s="342">
        <v>1119478</v>
      </c>
      <c r="J27" s="342">
        <v>1096266</v>
      </c>
      <c r="K27" s="342">
        <v>1408960</v>
      </c>
      <c r="L27" s="382">
        <v>6029351</v>
      </c>
      <c r="M27" s="345">
        <v>6175287</v>
      </c>
      <c r="N27" s="341">
        <v>0</v>
      </c>
      <c r="O27" s="342">
        <v>0</v>
      </c>
      <c r="P27" s="343">
        <v>0</v>
      </c>
      <c r="Q27" s="341">
        <v>0</v>
      </c>
      <c r="R27" s="342">
        <v>283174</v>
      </c>
      <c r="S27" s="342">
        <v>176485</v>
      </c>
      <c r="T27" s="342">
        <v>331877</v>
      </c>
      <c r="U27" s="342">
        <v>175764</v>
      </c>
      <c r="V27" s="342">
        <v>771334</v>
      </c>
      <c r="W27" s="343">
        <v>1738634</v>
      </c>
      <c r="X27" s="345">
        <v>1738634</v>
      </c>
      <c r="Y27" s="341">
        <v>0</v>
      </c>
      <c r="Z27" s="342">
        <v>0</v>
      </c>
      <c r="AA27" s="343">
        <v>0</v>
      </c>
      <c r="AB27" s="341">
        <v>0</v>
      </c>
      <c r="AC27" s="342">
        <v>75355</v>
      </c>
      <c r="AD27" s="342">
        <v>28133</v>
      </c>
      <c r="AE27" s="342">
        <v>138775</v>
      </c>
      <c r="AF27" s="342">
        <v>31592</v>
      </c>
      <c r="AG27" s="342">
        <v>184821</v>
      </c>
      <c r="AH27" s="343">
        <v>458676</v>
      </c>
      <c r="AI27" s="345">
        <v>458676</v>
      </c>
      <c r="AJ27" s="341">
        <v>0</v>
      </c>
      <c r="AK27" s="342">
        <v>0</v>
      </c>
      <c r="AL27" s="343">
        <v>0</v>
      </c>
      <c r="AM27" s="341">
        <v>0</v>
      </c>
      <c r="AN27" s="342">
        <v>0</v>
      </c>
      <c r="AO27" s="342">
        <v>0</v>
      </c>
      <c r="AP27" s="342">
        <v>31374</v>
      </c>
      <c r="AQ27" s="342">
        <v>0</v>
      </c>
      <c r="AR27" s="342">
        <v>307956</v>
      </c>
      <c r="AS27" s="343">
        <v>339330</v>
      </c>
      <c r="AT27" s="345">
        <v>339330</v>
      </c>
      <c r="AU27" s="341">
        <v>0</v>
      </c>
      <c r="AV27" s="342">
        <v>0</v>
      </c>
      <c r="AW27" s="343">
        <v>0</v>
      </c>
      <c r="AX27" s="341">
        <v>0</v>
      </c>
      <c r="AY27" s="342">
        <v>140745</v>
      </c>
      <c r="AZ27" s="342">
        <v>72675</v>
      </c>
      <c r="BA27" s="342">
        <v>101164</v>
      </c>
      <c r="BB27" s="342">
        <v>35546</v>
      </c>
      <c r="BC27" s="342">
        <v>256619</v>
      </c>
      <c r="BD27" s="343">
        <v>606749</v>
      </c>
      <c r="BE27" s="345">
        <v>606749</v>
      </c>
      <c r="BF27" s="341">
        <v>0</v>
      </c>
      <c r="BG27" s="342">
        <v>0</v>
      </c>
      <c r="BH27" s="346">
        <v>0</v>
      </c>
      <c r="BI27" s="347">
        <v>0</v>
      </c>
      <c r="BJ27" s="342">
        <v>53536</v>
      </c>
      <c r="BK27" s="342">
        <v>47677</v>
      </c>
      <c r="BL27" s="342">
        <v>0</v>
      </c>
      <c r="BM27" s="342">
        <v>46844</v>
      </c>
      <c r="BN27" s="342">
        <v>0</v>
      </c>
      <c r="BO27" s="343">
        <v>148057</v>
      </c>
      <c r="BP27" s="345">
        <v>148057</v>
      </c>
      <c r="BQ27" s="341">
        <v>0</v>
      </c>
      <c r="BR27" s="342">
        <v>0</v>
      </c>
      <c r="BS27" s="343">
        <v>0</v>
      </c>
      <c r="BT27" s="341">
        <v>0</v>
      </c>
      <c r="BU27" s="342">
        <v>13538</v>
      </c>
      <c r="BV27" s="342">
        <v>28000</v>
      </c>
      <c r="BW27" s="342">
        <v>60564</v>
      </c>
      <c r="BX27" s="342">
        <v>61782</v>
      </c>
      <c r="BY27" s="342">
        <v>21938</v>
      </c>
      <c r="BZ27" s="343">
        <v>185822</v>
      </c>
      <c r="CA27" s="345">
        <v>185822</v>
      </c>
      <c r="CB27" s="341">
        <v>48538</v>
      </c>
      <c r="CC27" s="342">
        <v>29848</v>
      </c>
      <c r="CD27" s="343">
        <v>78386</v>
      </c>
      <c r="CE27" s="341">
        <v>0</v>
      </c>
      <c r="CF27" s="342">
        <v>158621</v>
      </c>
      <c r="CG27" s="342">
        <v>520770</v>
      </c>
      <c r="CH27" s="342">
        <v>327727</v>
      </c>
      <c r="CI27" s="342">
        <v>491764</v>
      </c>
      <c r="CJ27" s="342">
        <v>160083</v>
      </c>
      <c r="CK27" s="343">
        <v>1658965</v>
      </c>
      <c r="CL27" s="345">
        <v>1737351</v>
      </c>
      <c r="CM27" s="341">
        <v>0</v>
      </c>
      <c r="CN27" s="342">
        <v>0</v>
      </c>
      <c r="CO27" s="343">
        <v>0</v>
      </c>
      <c r="CP27" s="347">
        <v>0</v>
      </c>
      <c r="CQ27" s="342">
        <v>133008</v>
      </c>
      <c r="CR27" s="342">
        <v>276081</v>
      </c>
      <c r="CS27" s="342">
        <v>252617</v>
      </c>
      <c r="CT27" s="342">
        <v>389578</v>
      </c>
      <c r="CU27" s="342">
        <v>160083</v>
      </c>
      <c r="CV27" s="343">
        <v>1211367</v>
      </c>
      <c r="CW27" s="345">
        <v>1211367</v>
      </c>
      <c r="CX27" s="341">
        <v>48538</v>
      </c>
      <c r="CY27" s="342">
        <v>29848</v>
      </c>
      <c r="CZ27" s="343">
        <v>78386</v>
      </c>
      <c r="DA27" s="341">
        <v>0</v>
      </c>
      <c r="DB27" s="342">
        <v>25613</v>
      </c>
      <c r="DC27" s="342">
        <v>244689</v>
      </c>
      <c r="DD27" s="342">
        <v>75110</v>
      </c>
      <c r="DE27" s="342">
        <v>102186</v>
      </c>
      <c r="DF27" s="342">
        <v>0</v>
      </c>
      <c r="DG27" s="343">
        <v>447598</v>
      </c>
      <c r="DH27" s="345">
        <v>525984</v>
      </c>
      <c r="DI27" s="341">
        <v>0</v>
      </c>
      <c r="DJ27" s="342">
        <v>0</v>
      </c>
      <c r="DK27" s="346">
        <v>0</v>
      </c>
      <c r="DL27" s="347">
        <v>0</v>
      </c>
      <c r="DM27" s="342">
        <v>0</v>
      </c>
      <c r="DN27" s="342">
        <v>126525</v>
      </c>
      <c r="DO27" s="342">
        <v>35455</v>
      </c>
      <c r="DP27" s="342">
        <v>154387</v>
      </c>
      <c r="DQ27" s="342">
        <v>0</v>
      </c>
      <c r="DR27" s="343">
        <v>316367</v>
      </c>
      <c r="DS27" s="345">
        <v>316367</v>
      </c>
      <c r="DT27" s="341">
        <v>0</v>
      </c>
      <c r="DU27" s="342">
        <v>0</v>
      </c>
      <c r="DV27" s="343">
        <v>0</v>
      </c>
      <c r="DW27" s="341">
        <v>0</v>
      </c>
      <c r="DX27" s="342">
        <v>0</v>
      </c>
      <c r="DY27" s="342">
        <v>126525</v>
      </c>
      <c r="DZ27" s="342">
        <v>35455</v>
      </c>
      <c r="EA27" s="342">
        <v>88006</v>
      </c>
      <c r="EB27" s="342">
        <v>0</v>
      </c>
      <c r="EC27" s="343">
        <v>249986</v>
      </c>
      <c r="ED27" s="345">
        <v>249986</v>
      </c>
      <c r="EE27" s="341">
        <v>0</v>
      </c>
      <c r="EF27" s="346">
        <v>0</v>
      </c>
      <c r="EG27" s="343">
        <v>0</v>
      </c>
      <c r="EH27" s="341">
        <v>0</v>
      </c>
      <c r="EI27" s="342">
        <v>0</v>
      </c>
      <c r="EJ27" s="342">
        <v>0</v>
      </c>
      <c r="EK27" s="342">
        <v>0</v>
      </c>
      <c r="EL27" s="342">
        <v>66381</v>
      </c>
      <c r="EM27" s="342">
        <v>0</v>
      </c>
      <c r="EN27" s="346">
        <v>66381</v>
      </c>
      <c r="EO27" s="345">
        <v>66381</v>
      </c>
      <c r="EP27" s="341">
        <v>0</v>
      </c>
      <c r="EQ27" s="342">
        <v>0</v>
      </c>
      <c r="ER27" s="346">
        <v>0</v>
      </c>
      <c r="ES27" s="347">
        <v>0</v>
      </c>
      <c r="ET27" s="342">
        <v>0</v>
      </c>
      <c r="EU27" s="342">
        <v>0</v>
      </c>
      <c r="EV27" s="342">
        <v>0</v>
      </c>
      <c r="EW27" s="342">
        <v>0</v>
      </c>
      <c r="EX27" s="342">
        <v>0</v>
      </c>
      <c r="EY27" s="343">
        <v>0</v>
      </c>
      <c r="EZ27" s="345">
        <v>0</v>
      </c>
      <c r="FA27" s="341">
        <v>0</v>
      </c>
      <c r="FB27" s="342">
        <v>0</v>
      </c>
      <c r="FC27" s="346">
        <v>0</v>
      </c>
      <c r="FD27" s="436">
        <v>0</v>
      </c>
      <c r="FE27" s="342">
        <v>0</v>
      </c>
      <c r="FF27" s="342">
        <v>0</v>
      </c>
      <c r="FG27" s="342">
        <v>0</v>
      </c>
      <c r="FH27" s="342">
        <v>0</v>
      </c>
      <c r="FI27" s="342">
        <v>0</v>
      </c>
      <c r="FJ27" s="343">
        <v>0</v>
      </c>
      <c r="FK27" s="345">
        <v>0</v>
      </c>
      <c r="FL27" s="341">
        <v>19670</v>
      </c>
      <c r="FM27" s="342">
        <v>47880</v>
      </c>
      <c r="FN27" s="343">
        <v>67550</v>
      </c>
      <c r="FO27" s="341">
        <v>0</v>
      </c>
      <c r="FP27" s="342">
        <v>204596</v>
      </c>
      <c r="FQ27" s="342">
        <v>265946</v>
      </c>
      <c r="FR27" s="342">
        <v>109032</v>
      </c>
      <c r="FS27" s="342">
        <v>103446</v>
      </c>
      <c r="FT27" s="342">
        <v>84798</v>
      </c>
      <c r="FU27" s="343">
        <v>767818</v>
      </c>
      <c r="FV27" s="345">
        <v>835368</v>
      </c>
      <c r="FW27" s="348">
        <v>19670</v>
      </c>
      <c r="FX27" s="342">
        <v>26880</v>
      </c>
      <c r="FY27" s="346">
        <v>46550</v>
      </c>
      <c r="FZ27" s="347">
        <v>0</v>
      </c>
      <c r="GA27" s="342">
        <v>64610</v>
      </c>
      <c r="GB27" s="342">
        <v>105329</v>
      </c>
      <c r="GC27" s="342">
        <v>109032</v>
      </c>
      <c r="GD27" s="342">
        <v>103446</v>
      </c>
      <c r="GE27" s="342">
        <v>84798</v>
      </c>
      <c r="GF27" s="343">
        <v>467215</v>
      </c>
      <c r="GG27" s="349">
        <v>513765</v>
      </c>
      <c r="GH27" s="348">
        <v>0</v>
      </c>
      <c r="GI27" s="342">
        <v>21000</v>
      </c>
      <c r="GJ27" s="346">
        <v>21000</v>
      </c>
      <c r="GK27" s="347">
        <v>0</v>
      </c>
      <c r="GL27" s="342">
        <v>0</v>
      </c>
      <c r="GM27" s="342">
        <v>20617</v>
      </c>
      <c r="GN27" s="342">
        <v>0</v>
      </c>
      <c r="GO27" s="342">
        <v>0</v>
      </c>
      <c r="GP27" s="342">
        <v>0</v>
      </c>
      <c r="GQ27" s="343">
        <v>20617</v>
      </c>
      <c r="GR27" s="345">
        <v>41617</v>
      </c>
      <c r="GS27" s="341">
        <v>0</v>
      </c>
      <c r="GT27" s="342">
        <v>0</v>
      </c>
      <c r="GU27" s="343">
        <v>0</v>
      </c>
      <c r="GV27" s="341">
        <v>0</v>
      </c>
      <c r="GW27" s="342">
        <v>139986</v>
      </c>
      <c r="GX27" s="342">
        <v>140000</v>
      </c>
      <c r="GY27" s="342">
        <v>0</v>
      </c>
      <c r="GZ27" s="342">
        <v>0</v>
      </c>
      <c r="HA27" s="342">
        <v>0</v>
      </c>
      <c r="HB27" s="346">
        <v>279986</v>
      </c>
      <c r="HC27" s="345">
        <v>279986</v>
      </c>
      <c r="HD27" s="341">
        <v>0</v>
      </c>
      <c r="HE27" s="342">
        <v>0</v>
      </c>
      <c r="HF27" s="346">
        <v>0</v>
      </c>
      <c r="HG27" s="347">
        <v>0</v>
      </c>
      <c r="HH27" s="342">
        <v>377188</v>
      </c>
      <c r="HI27" s="342">
        <v>291342</v>
      </c>
      <c r="HJ27" s="342">
        <v>315387</v>
      </c>
      <c r="HK27" s="342">
        <v>170905</v>
      </c>
      <c r="HL27" s="342">
        <v>392745</v>
      </c>
      <c r="HM27" s="343">
        <v>1547567</v>
      </c>
      <c r="HN27" s="344">
        <v>1547567</v>
      </c>
      <c r="HO27" s="348">
        <v>0</v>
      </c>
      <c r="HP27" s="342">
        <v>0</v>
      </c>
      <c r="HQ27" s="343">
        <v>0</v>
      </c>
      <c r="HR27" s="341">
        <v>0</v>
      </c>
      <c r="HS27" s="342">
        <v>0</v>
      </c>
      <c r="HT27" s="342">
        <v>0</v>
      </c>
      <c r="HU27" s="342">
        <v>0</v>
      </c>
      <c r="HV27" s="342">
        <v>0</v>
      </c>
      <c r="HW27" s="342">
        <v>0</v>
      </c>
      <c r="HX27" s="346">
        <v>0</v>
      </c>
      <c r="HY27" s="345">
        <v>0</v>
      </c>
      <c r="HZ27" s="350">
        <v>0</v>
      </c>
      <c r="IA27" s="351">
        <v>0</v>
      </c>
      <c r="IB27" s="352">
        <v>0</v>
      </c>
      <c r="IC27" s="353">
        <v>0</v>
      </c>
      <c r="ID27" s="351">
        <v>269983</v>
      </c>
      <c r="IE27" s="354">
        <v>467663</v>
      </c>
      <c r="IF27" s="352">
        <v>129787</v>
      </c>
      <c r="IG27" s="351">
        <v>210994</v>
      </c>
      <c r="IH27" s="352">
        <v>0</v>
      </c>
      <c r="II27" s="355">
        <v>1078427</v>
      </c>
      <c r="IJ27" s="356">
        <v>1078427</v>
      </c>
      <c r="IK27" s="357">
        <v>0</v>
      </c>
      <c r="IL27" s="358">
        <v>0</v>
      </c>
      <c r="IM27" s="359">
        <v>0</v>
      </c>
      <c r="IN27" s="436">
        <v>0</v>
      </c>
      <c r="IO27" s="360">
        <v>0</v>
      </c>
      <c r="IP27" s="360">
        <v>0</v>
      </c>
      <c r="IQ27" s="360">
        <v>129787</v>
      </c>
      <c r="IR27" s="360">
        <v>175931</v>
      </c>
      <c r="IS27" s="360">
        <v>0</v>
      </c>
      <c r="IT27" s="361">
        <v>305718</v>
      </c>
      <c r="IU27" s="362">
        <v>305718</v>
      </c>
      <c r="IV27" s="363">
        <v>0</v>
      </c>
      <c r="IW27" s="360">
        <v>0</v>
      </c>
      <c r="IX27" s="364">
        <v>0</v>
      </c>
      <c r="IY27" s="436">
        <v>0</v>
      </c>
      <c r="IZ27" s="360">
        <v>0</v>
      </c>
      <c r="JA27" s="360">
        <v>0</v>
      </c>
      <c r="JB27" s="360">
        <v>0</v>
      </c>
      <c r="JC27" s="360">
        <v>0</v>
      </c>
      <c r="JD27" s="360">
        <v>0</v>
      </c>
      <c r="JE27" s="364">
        <v>0</v>
      </c>
      <c r="JF27" s="365">
        <v>0</v>
      </c>
      <c r="JG27" s="363">
        <v>0</v>
      </c>
      <c r="JH27" s="360">
        <v>0</v>
      </c>
      <c r="JI27" s="361">
        <v>0</v>
      </c>
      <c r="JJ27" s="366">
        <v>0</v>
      </c>
      <c r="JK27" s="360">
        <v>269983</v>
      </c>
      <c r="JL27" s="360">
        <v>203581</v>
      </c>
      <c r="JM27" s="360">
        <v>0</v>
      </c>
      <c r="JN27" s="360">
        <v>35063</v>
      </c>
      <c r="JO27" s="360">
        <v>0</v>
      </c>
      <c r="JP27" s="364">
        <v>508627</v>
      </c>
      <c r="JQ27" s="362">
        <v>508627</v>
      </c>
      <c r="JR27" s="363">
        <v>0</v>
      </c>
      <c r="JS27" s="360">
        <v>0</v>
      </c>
      <c r="JT27" s="361">
        <v>0</v>
      </c>
      <c r="JU27" s="366">
        <v>0</v>
      </c>
      <c r="JV27" s="360">
        <v>0</v>
      </c>
      <c r="JW27" s="360">
        <v>0</v>
      </c>
      <c r="JX27" s="360">
        <v>0</v>
      </c>
      <c r="JY27" s="360">
        <v>0</v>
      </c>
      <c r="JZ27" s="360">
        <v>0</v>
      </c>
      <c r="KA27" s="364">
        <v>0</v>
      </c>
      <c r="KB27" s="362">
        <v>0</v>
      </c>
      <c r="KC27" s="367">
        <v>0</v>
      </c>
      <c r="KD27" s="368">
        <v>0</v>
      </c>
      <c r="KE27" s="364">
        <v>0</v>
      </c>
      <c r="KF27" s="366">
        <v>0</v>
      </c>
      <c r="KG27" s="360">
        <v>0</v>
      </c>
      <c r="KH27" s="360">
        <v>264082</v>
      </c>
      <c r="KI27" s="360">
        <v>0</v>
      </c>
      <c r="KJ27" s="360">
        <v>0</v>
      </c>
      <c r="KK27" s="360">
        <v>0</v>
      </c>
      <c r="KL27" s="364">
        <v>264082</v>
      </c>
      <c r="KM27" s="369">
        <v>264082</v>
      </c>
      <c r="KN27" s="357">
        <v>0</v>
      </c>
      <c r="KO27" s="358">
        <v>0</v>
      </c>
      <c r="KP27" s="359">
        <v>0</v>
      </c>
      <c r="KQ27" s="436">
        <v>0</v>
      </c>
      <c r="KR27" s="360">
        <v>0</v>
      </c>
      <c r="KS27" s="360">
        <v>0</v>
      </c>
      <c r="KT27" s="360">
        <v>0</v>
      </c>
      <c r="KU27" s="360">
        <v>0</v>
      </c>
      <c r="KV27" s="360">
        <v>0</v>
      </c>
      <c r="KW27" s="364">
        <v>0</v>
      </c>
      <c r="KX27" s="362">
        <v>0</v>
      </c>
      <c r="KY27" s="363">
        <v>0</v>
      </c>
      <c r="KZ27" s="360">
        <v>0</v>
      </c>
      <c r="LA27" s="364">
        <v>0</v>
      </c>
      <c r="LB27" s="436">
        <v>0</v>
      </c>
      <c r="LC27" s="360">
        <v>0</v>
      </c>
      <c r="LD27" s="360">
        <v>0</v>
      </c>
      <c r="LE27" s="360">
        <v>0</v>
      </c>
      <c r="LF27" s="360">
        <v>0</v>
      </c>
      <c r="LG27" s="360">
        <v>0</v>
      </c>
      <c r="LH27" s="364">
        <v>0</v>
      </c>
      <c r="LI27" s="365">
        <v>0</v>
      </c>
      <c r="LJ27" s="363">
        <v>0</v>
      </c>
      <c r="LK27" s="360">
        <v>0</v>
      </c>
      <c r="LL27" s="364">
        <v>0</v>
      </c>
      <c r="LM27" s="436">
        <v>0</v>
      </c>
      <c r="LN27" s="360">
        <v>0</v>
      </c>
      <c r="LO27" s="360">
        <v>0</v>
      </c>
      <c r="LP27" s="360">
        <v>0</v>
      </c>
      <c r="LQ27" s="360">
        <v>0</v>
      </c>
      <c r="LR27" s="360">
        <v>0</v>
      </c>
      <c r="LS27" s="364">
        <v>0</v>
      </c>
      <c r="LT27" s="362">
        <v>0</v>
      </c>
      <c r="LU27" s="363">
        <v>0</v>
      </c>
      <c r="LV27" s="360">
        <v>0</v>
      </c>
      <c r="LW27" s="364">
        <v>0</v>
      </c>
      <c r="LX27" s="436">
        <v>0</v>
      </c>
      <c r="LY27" s="360">
        <v>0</v>
      </c>
      <c r="LZ27" s="360">
        <v>0</v>
      </c>
      <c r="MA27" s="360">
        <v>0</v>
      </c>
      <c r="MB27" s="360">
        <v>0</v>
      </c>
      <c r="MC27" s="360">
        <v>0</v>
      </c>
      <c r="MD27" s="364">
        <v>0</v>
      </c>
      <c r="ME27" s="365">
        <v>0</v>
      </c>
      <c r="MF27" s="363">
        <v>0</v>
      </c>
      <c r="MG27" s="360">
        <v>0</v>
      </c>
      <c r="MH27" s="364">
        <v>0</v>
      </c>
      <c r="MI27" s="436">
        <v>0</v>
      </c>
      <c r="MJ27" s="360">
        <v>0</v>
      </c>
      <c r="MK27" s="360">
        <v>381560</v>
      </c>
      <c r="ML27" s="360">
        <v>199325</v>
      </c>
      <c r="MM27" s="360">
        <v>476965</v>
      </c>
      <c r="MN27" s="360">
        <v>0</v>
      </c>
      <c r="MO27" s="364">
        <v>1057850</v>
      </c>
      <c r="MP27" s="369">
        <v>1057850</v>
      </c>
      <c r="MQ27" s="363">
        <v>0</v>
      </c>
      <c r="MR27" s="360">
        <v>0</v>
      </c>
      <c r="MS27" s="364">
        <v>0</v>
      </c>
      <c r="MT27" s="436">
        <v>0</v>
      </c>
      <c r="MU27" s="360">
        <v>0</v>
      </c>
      <c r="MV27" s="360">
        <v>182637</v>
      </c>
      <c r="MW27" s="360">
        <v>199325</v>
      </c>
      <c r="MX27" s="360">
        <v>223341</v>
      </c>
      <c r="MY27" s="360">
        <v>0</v>
      </c>
      <c r="MZ27" s="364">
        <v>605303</v>
      </c>
      <c r="NA27" s="369">
        <v>605303</v>
      </c>
      <c r="NB27" s="363">
        <v>0</v>
      </c>
      <c r="NC27" s="360">
        <v>0</v>
      </c>
      <c r="ND27" s="364">
        <v>0</v>
      </c>
      <c r="NE27" s="436">
        <v>0</v>
      </c>
      <c r="NF27" s="360">
        <v>0</v>
      </c>
      <c r="NG27" s="360">
        <v>198923</v>
      </c>
      <c r="NH27" s="360">
        <v>0</v>
      </c>
      <c r="NI27" s="360">
        <v>253624</v>
      </c>
      <c r="NJ27" s="360">
        <v>0</v>
      </c>
      <c r="NK27" s="364">
        <v>452547</v>
      </c>
      <c r="NL27" s="362">
        <v>452547</v>
      </c>
      <c r="NM27" s="363">
        <v>0</v>
      </c>
      <c r="NN27" s="360">
        <v>0</v>
      </c>
      <c r="NO27" s="364">
        <v>0</v>
      </c>
      <c r="NP27" s="436">
        <v>0</v>
      </c>
      <c r="NQ27" s="360">
        <v>0</v>
      </c>
      <c r="NR27" s="360">
        <v>0</v>
      </c>
      <c r="NS27" s="360">
        <v>0</v>
      </c>
      <c r="NT27" s="360">
        <v>0</v>
      </c>
      <c r="NU27" s="360">
        <v>0</v>
      </c>
      <c r="NV27" s="364">
        <v>0</v>
      </c>
      <c r="NW27" s="365">
        <v>0</v>
      </c>
      <c r="NX27" s="363">
        <v>0</v>
      </c>
      <c r="NY27" s="360">
        <v>0</v>
      </c>
      <c r="NZ27" s="364">
        <v>0</v>
      </c>
      <c r="OA27" s="436">
        <v>0</v>
      </c>
      <c r="OB27" s="360">
        <v>0</v>
      </c>
      <c r="OC27" s="360">
        <v>0</v>
      </c>
      <c r="OD27" s="360">
        <v>0</v>
      </c>
      <c r="OE27" s="360">
        <v>0</v>
      </c>
      <c r="OF27" s="360">
        <v>0</v>
      </c>
      <c r="OG27" s="364">
        <v>0</v>
      </c>
      <c r="OH27" s="365">
        <v>0</v>
      </c>
      <c r="OI27" s="363">
        <v>68208</v>
      </c>
      <c r="OJ27" s="360">
        <v>77728</v>
      </c>
      <c r="OK27" s="361">
        <v>145936</v>
      </c>
      <c r="OL27" s="366">
        <v>0</v>
      </c>
      <c r="OM27" s="360">
        <v>1293562</v>
      </c>
      <c r="ON27" s="360">
        <v>2230291</v>
      </c>
      <c r="OO27" s="360">
        <v>1448590</v>
      </c>
      <c r="OP27" s="360">
        <v>1784225</v>
      </c>
      <c r="OQ27" s="360">
        <v>1408960</v>
      </c>
      <c r="OR27" s="364">
        <v>8165628</v>
      </c>
      <c r="OS27" s="369">
        <v>8311564</v>
      </c>
    </row>
    <row r="28" spans="2:409" s="137" customFormat="1" ht="21" customHeight="1" x14ac:dyDescent="0.2">
      <c r="B28" s="421" t="s">
        <v>23</v>
      </c>
      <c r="C28" s="341">
        <v>107469</v>
      </c>
      <c r="D28" s="342">
        <v>285523</v>
      </c>
      <c r="E28" s="343">
        <v>392992</v>
      </c>
      <c r="F28" s="344">
        <v>0</v>
      </c>
      <c r="G28" s="342">
        <v>1594198</v>
      </c>
      <c r="H28" s="342">
        <v>2129946</v>
      </c>
      <c r="I28" s="342">
        <v>1981214</v>
      </c>
      <c r="J28" s="342">
        <v>2345344</v>
      </c>
      <c r="K28" s="342">
        <v>1389853</v>
      </c>
      <c r="L28" s="382">
        <v>9440555</v>
      </c>
      <c r="M28" s="345">
        <v>9833547</v>
      </c>
      <c r="N28" s="341">
        <v>96437</v>
      </c>
      <c r="O28" s="342">
        <v>95239</v>
      </c>
      <c r="P28" s="343">
        <v>191676</v>
      </c>
      <c r="Q28" s="341">
        <v>0</v>
      </c>
      <c r="R28" s="342">
        <v>330914</v>
      </c>
      <c r="S28" s="342">
        <v>871110</v>
      </c>
      <c r="T28" s="342">
        <v>1182709</v>
      </c>
      <c r="U28" s="342">
        <v>309437</v>
      </c>
      <c r="V28" s="342">
        <v>199613</v>
      </c>
      <c r="W28" s="343">
        <v>2893783</v>
      </c>
      <c r="X28" s="345">
        <v>3085459</v>
      </c>
      <c r="Y28" s="341">
        <v>0</v>
      </c>
      <c r="Z28" s="342">
        <v>0</v>
      </c>
      <c r="AA28" s="343">
        <v>0</v>
      </c>
      <c r="AB28" s="341">
        <v>0</v>
      </c>
      <c r="AC28" s="342">
        <v>54221</v>
      </c>
      <c r="AD28" s="342">
        <v>195858</v>
      </c>
      <c r="AE28" s="342">
        <v>780370</v>
      </c>
      <c r="AF28" s="342">
        <v>76754</v>
      </c>
      <c r="AG28" s="342">
        <v>0</v>
      </c>
      <c r="AH28" s="343">
        <v>1107203</v>
      </c>
      <c r="AI28" s="345">
        <v>1107203</v>
      </c>
      <c r="AJ28" s="341">
        <v>0</v>
      </c>
      <c r="AK28" s="342">
        <v>0</v>
      </c>
      <c r="AL28" s="343">
        <v>0</v>
      </c>
      <c r="AM28" s="341">
        <v>0</v>
      </c>
      <c r="AN28" s="342">
        <v>0</v>
      </c>
      <c r="AO28" s="342">
        <v>61372</v>
      </c>
      <c r="AP28" s="342">
        <v>31095</v>
      </c>
      <c r="AQ28" s="342">
        <v>0</v>
      </c>
      <c r="AR28" s="342">
        <v>0</v>
      </c>
      <c r="AS28" s="343">
        <v>92467</v>
      </c>
      <c r="AT28" s="345">
        <v>92467</v>
      </c>
      <c r="AU28" s="341">
        <v>77753</v>
      </c>
      <c r="AV28" s="342">
        <v>74958</v>
      </c>
      <c r="AW28" s="343">
        <v>152711</v>
      </c>
      <c r="AX28" s="341">
        <v>0</v>
      </c>
      <c r="AY28" s="342">
        <v>214162</v>
      </c>
      <c r="AZ28" s="342">
        <v>471450</v>
      </c>
      <c r="BA28" s="342">
        <v>241450</v>
      </c>
      <c r="BB28" s="342">
        <v>92949</v>
      </c>
      <c r="BC28" s="342">
        <v>65801</v>
      </c>
      <c r="BD28" s="343">
        <v>1085812</v>
      </c>
      <c r="BE28" s="345">
        <v>1238523</v>
      </c>
      <c r="BF28" s="341">
        <v>18684</v>
      </c>
      <c r="BG28" s="342">
        <v>20281</v>
      </c>
      <c r="BH28" s="346">
        <v>38965</v>
      </c>
      <c r="BI28" s="347">
        <v>0</v>
      </c>
      <c r="BJ28" s="342">
        <v>0</v>
      </c>
      <c r="BK28" s="342">
        <v>50114</v>
      </c>
      <c r="BL28" s="342">
        <v>0</v>
      </c>
      <c r="BM28" s="342">
        <v>0</v>
      </c>
      <c r="BN28" s="342">
        <v>0</v>
      </c>
      <c r="BO28" s="343">
        <v>50114</v>
      </c>
      <c r="BP28" s="345">
        <v>89079</v>
      </c>
      <c r="BQ28" s="341">
        <v>0</v>
      </c>
      <c r="BR28" s="342">
        <v>0</v>
      </c>
      <c r="BS28" s="343">
        <v>0</v>
      </c>
      <c r="BT28" s="341">
        <v>0</v>
      </c>
      <c r="BU28" s="342">
        <v>62531</v>
      </c>
      <c r="BV28" s="342">
        <v>92316</v>
      </c>
      <c r="BW28" s="342">
        <v>129794</v>
      </c>
      <c r="BX28" s="342">
        <v>139734</v>
      </c>
      <c r="BY28" s="342">
        <v>133812</v>
      </c>
      <c r="BZ28" s="343">
        <v>558187</v>
      </c>
      <c r="CA28" s="345">
        <v>558187</v>
      </c>
      <c r="CB28" s="341">
        <v>0</v>
      </c>
      <c r="CC28" s="342">
        <v>0</v>
      </c>
      <c r="CD28" s="343">
        <v>0</v>
      </c>
      <c r="CE28" s="341">
        <v>0</v>
      </c>
      <c r="CF28" s="342">
        <v>461947</v>
      </c>
      <c r="CG28" s="342">
        <v>550365</v>
      </c>
      <c r="CH28" s="342">
        <v>440470</v>
      </c>
      <c r="CI28" s="342">
        <v>510403</v>
      </c>
      <c r="CJ28" s="342">
        <v>0</v>
      </c>
      <c r="CK28" s="343">
        <v>1963185</v>
      </c>
      <c r="CL28" s="345">
        <v>1963185</v>
      </c>
      <c r="CM28" s="341">
        <v>0</v>
      </c>
      <c r="CN28" s="342">
        <v>0</v>
      </c>
      <c r="CO28" s="343">
        <v>0</v>
      </c>
      <c r="CP28" s="347">
        <v>0</v>
      </c>
      <c r="CQ28" s="342">
        <v>369673</v>
      </c>
      <c r="CR28" s="342">
        <v>469739</v>
      </c>
      <c r="CS28" s="342">
        <v>328121</v>
      </c>
      <c r="CT28" s="342">
        <v>335077</v>
      </c>
      <c r="CU28" s="342">
        <v>0</v>
      </c>
      <c r="CV28" s="343">
        <v>1502610</v>
      </c>
      <c r="CW28" s="345">
        <v>1502610</v>
      </c>
      <c r="CX28" s="341">
        <v>0</v>
      </c>
      <c r="CY28" s="342">
        <v>0</v>
      </c>
      <c r="CZ28" s="343">
        <v>0</v>
      </c>
      <c r="DA28" s="341">
        <v>0</v>
      </c>
      <c r="DB28" s="342">
        <v>92274</v>
      </c>
      <c r="DC28" s="342">
        <v>80626</v>
      </c>
      <c r="DD28" s="342">
        <v>112349</v>
      </c>
      <c r="DE28" s="342">
        <v>175326</v>
      </c>
      <c r="DF28" s="342">
        <v>0</v>
      </c>
      <c r="DG28" s="343">
        <v>460575</v>
      </c>
      <c r="DH28" s="345">
        <v>460575</v>
      </c>
      <c r="DI28" s="341">
        <v>0</v>
      </c>
      <c r="DJ28" s="342">
        <v>0</v>
      </c>
      <c r="DK28" s="346">
        <v>0</v>
      </c>
      <c r="DL28" s="347">
        <v>0</v>
      </c>
      <c r="DM28" s="342">
        <v>81820</v>
      </c>
      <c r="DN28" s="342">
        <v>170185</v>
      </c>
      <c r="DO28" s="342">
        <v>199254</v>
      </c>
      <c r="DP28" s="342">
        <v>114422</v>
      </c>
      <c r="DQ28" s="342">
        <v>212805</v>
      </c>
      <c r="DR28" s="343">
        <v>778486</v>
      </c>
      <c r="DS28" s="345">
        <v>778486</v>
      </c>
      <c r="DT28" s="341">
        <v>0</v>
      </c>
      <c r="DU28" s="342">
        <v>0</v>
      </c>
      <c r="DV28" s="343">
        <v>0</v>
      </c>
      <c r="DW28" s="341">
        <v>0</v>
      </c>
      <c r="DX28" s="342">
        <v>81820</v>
      </c>
      <c r="DY28" s="342">
        <v>170185</v>
      </c>
      <c r="DZ28" s="342">
        <v>154123</v>
      </c>
      <c r="EA28" s="342">
        <v>114422</v>
      </c>
      <c r="EB28" s="342">
        <v>212805</v>
      </c>
      <c r="EC28" s="343">
        <v>733355</v>
      </c>
      <c r="ED28" s="345">
        <v>733355</v>
      </c>
      <c r="EE28" s="341">
        <v>0</v>
      </c>
      <c r="EF28" s="346">
        <v>0</v>
      </c>
      <c r="EG28" s="343">
        <v>0</v>
      </c>
      <c r="EH28" s="341">
        <v>0</v>
      </c>
      <c r="EI28" s="342">
        <v>0</v>
      </c>
      <c r="EJ28" s="342">
        <v>0</v>
      </c>
      <c r="EK28" s="342">
        <v>45131</v>
      </c>
      <c r="EL28" s="342">
        <v>0</v>
      </c>
      <c r="EM28" s="342">
        <v>0</v>
      </c>
      <c r="EN28" s="346">
        <v>45131</v>
      </c>
      <c r="EO28" s="345">
        <v>45131</v>
      </c>
      <c r="EP28" s="341">
        <v>0</v>
      </c>
      <c r="EQ28" s="342">
        <v>0</v>
      </c>
      <c r="ER28" s="346">
        <v>0</v>
      </c>
      <c r="ES28" s="347">
        <v>0</v>
      </c>
      <c r="ET28" s="342">
        <v>0</v>
      </c>
      <c r="EU28" s="342">
        <v>0</v>
      </c>
      <c r="EV28" s="342">
        <v>0</v>
      </c>
      <c r="EW28" s="342">
        <v>0</v>
      </c>
      <c r="EX28" s="342">
        <v>0</v>
      </c>
      <c r="EY28" s="343">
        <v>0</v>
      </c>
      <c r="EZ28" s="345">
        <v>0</v>
      </c>
      <c r="FA28" s="341">
        <v>0</v>
      </c>
      <c r="FB28" s="342">
        <v>0</v>
      </c>
      <c r="FC28" s="346">
        <v>0</v>
      </c>
      <c r="FD28" s="436">
        <v>0</v>
      </c>
      <c r="FE28" s="342">
        <v>0</v>
      </c>
      <c r="FF28" s="342">
        <v>0</v>
      </c>
      <c r="FG28" s="342">
        <v>0</v>
      </c>
      <c r="FH28" s="342">
        <v>0</v>
      </c>
      <c r="FI28" s="342">
        <v>0</v>
      </c>
      <c r="FJ28" s="343">
        <v>0</v>
      </c>
      <c r="FK28" s="345">
        <v>0</v>
      </c>
      <c r="FL28" s="341">
        <v>11032</v>
      </c>
      <c r="FM28" s="342">
        <v>190284</v>
      </c>
      <c r="FN28" s="343">
        <v>201316</v>
      </c>
      <c r="FO28" s="341">
        <v>0</v>
      </c>
      <c r="FP28" s="342">
        <v>105203</v>
      </c>
      <c r="FQ28" s="342">
        <v>236866</v>
      </c>
      <c r="FR28" s="342">
        <v>158781</v>
      </c>
      <c r="FS28" s="342">
        <v>97552</v>
      </c>
      <c r="FT28" s="342">
        <v>55958</v>
      </c>
      <c r="FU28" s="343">
        <v>654360</v>
      </c>
      <c r="FV28" s="345">
        <v>855676</v>
      </c>
      <c r="FW28" s="348">
        <v>11032</v>
      </c>
      <c r="FX28" s="342">
        <v>34790</v>
      </c>
      <c r="FY28" s="346">
        <v>45822</v>
      </c>
      <c r="FZ28" s="347">
        <v>0</v>
      </c>
      <c r="GA28" s="342">
        <v>105203</v>
      </c>
      <c r="GB28" s="342">
        <v>236866</v>
      </c>
      <c r="GC28" s="342">
        <v>158781</v>
      </c>
      <c r="GD28" s="342">
        <v>97552</v>
      </c>
      <c r="GE28" s="342">
        <v>55958</v>
      </c>
      <c r="GF28" s="343">
        <v>654360</v>
      </c>
      <c r="GG28" s="349">
        <v>700182</v>
      </c>
      <c r="GH28" s="348">
        <v>0</v>
      </c>
      <c r="GI28" s="342">
        <v>16100</v>
      </c>
      <c r="GJ28" s="346">
        <v>16100</v>
      </c>
      <c r="GK28" s="347">
        <v>0</v>
      </c>
      <c r="GL28" s="342">
        <v>0</v>
      </c>
      <c r="GM28" s="342">
        <v>0</v>
      </c>
      <c r="GN28" s="342">
        <v>0</v>
      </c>
      <c r="GO28" s="342">
        <v>0</v>
      </c>
      <c r="GP28" s="342">
        <v>0</v>
      </c>
      <c r="GQ28" s="343">
        <v>0</v>
      </c>
      <c r="GR28" s="345">
        <v>16100</v>
      </c>
      <c r="GS28" s="341">
        <v>0</v>
      </c>
      <c r="GT28" s="342">
        <v>139394</v>
      </c>
      <c r="GU28" s="343">
        <v>139394</v>
      </c>
      <c r="GV28" s="341">
        <v>0</v>
      </c>
      <c r="GW28" s="342">
        <v>0</v>
      </c>
      <c r="GX28" s="342">
        <v>0</v>
      </c>
      <c r="GY28" s="342">
        <v>0</v>
      </c>
      <c r="GZ28" s="342">
        <v>0</v>
      </c>
      <c r="HA28" s="342">
        <v>0</v>
      </c>
      <c r="HB28" s="346">
        <v>0</v>
      </c>
      <c r="HC28" s="345">
        <v>139394</v>
      </c>
      <c r="HD28" s="341">
        <v>0</v>
      </c>
      <c r="HE28" s="342">
        <v>0</v>
      </c>
      <c r="HF28" s="346">
        <v>0</v>
      </c>
      <c r="HG28" s="347">
        <v>0</v>
      </c>
      <c r="HH28" s="342">
        <v>614314</v>
      </c>
      <c r="HI28" s="342">
        <v>301420</v>
      </c>
      <c r="HJ28" s="342">
        <v>0</v>
      </c>
      <c r="HK28" s="342">
        <v>1313530</v>
      </c>
      <c r="HL28" s="342">
        <v>921477</v>
      </c>
      <c r="HM28" s="343">
        <v>3150741</v>
      </c>
      <c r="HN28" s="344">
        <v>3150741</v>
      </c>
      <c r="HO28" s="348">
        <v>0</v>
      </c>
      <c r="HP28" s="342">
        <v>0</v>
      </c>
      <c r="HQ28" s="343">
        <v>0</v>
      </c>
      <c r="HR28" s="341">
        <v>0</v>
      </c>
      <c r="HS28" s="342">
        <v>0</v>
      </c>
      <c r="HT28" s="342">
        <v>0</v>
      </c>
      <c r="HU28" s="342">
        <v>0</v>
      </c>
      <c r="HV28" s="342">
        <v>0</v>
      </c>
      <c r="HW28" s="342">
        <v>0</v>
      </c>
      <c r="HX28" s="346">
        <v>0</v>
      </c>
      <c r="HY28" s="345">
        <v>0</v>
      </c>
      <c r="HZ28" s="373">
        <v>0</v>
      </c>
      <c r="IA28" s="371">
        <v>0</v>
      </c>
      <c r="IB28" s="373">
        <v>0</v>
      </c>
      <c r="IC28" s="370">
        <v>0</v>
      </c>
      <c r="ID28" s="371">
        <v>226960</v>
      </c>
      <c r="IE28" s="372">
        <v>337538</v>
      </c>
      <c r="IF28" s="373">
        <v>765993</v>
      </c>
      <c r="IG28" s="371">
        <v>0</v>
      </c>
      <c r="IH28" s="373">
        <v>232199</v>
      </c>
      <c r="II28" s="374">
        <v>1562690</v>
      </c>
      <c r="IJ28" s="373">
        <v>1562690</v>
      </c>
      <c r="IK28" s="357">
        <v>0</v>
      </c>
      <c r="IL28" s="358">
        <v>0</v>
      </c>
      <c r="IM28" s="359">
        <v>0</v>
      </c>
      <c r="IN28" s="436">
        <v>0</v>
      </c>
      <c r="IO28" s="360">
        <v>0</v>
      </c>
      <c r="IP28" s="360">
        <v>0</v>
      </c>
      <c r="IQ28" s="360">
        <v>0</v>
      </c>
      <c r="IR28" s="360">
        <v>0</v>
      </c>
      <c r="IS28" s="360">
        <v>232199</v>
      </c>
      <c r="IT28" s="361">
        <v>232199</v>
      </c>
      <c r="IU28" s="362">
        <v>232199</v>
      </c>
      <c r="IV28" s="363">
        <v>0</v>
      </c>
      <c r="IW28" s="360">
        <v>0</v>
      </c>
      <c r="IX28" s="364">
        <v>0</v>
      </c>
      <c r="IY28" s="436">
        <v>0</v>
      </c>
      <c r="IZ28" s="360">
        <v>0</v>
      </c>
      <c r="JA28" s="360">
        <v>0</v>
      </c>
      <c r="JB28" s="360">
        <v>0</v>
      </c>
      <c r="JC28" s="360">
        <v>0</v>
      </c>
      <c r="JD28" s="360">
        <v>0</v>
      </c>
      <c r="JE28" s="364">
        <v>0</v>
      </c>
      <c r="JF28" s="365">
        <v>0</v>
      </c>
      <c r="JG28" s="363">
        <v>0</v>
      </c>
      <c r="JH28" s="360">
        <v>0</v>
      </c>
      <c r="JI28" s="361">
        <v>0</v>
      </c>
      <c r="JJ28" s="366">
        <v>0</v>
      </c>
      <c r="JK28" s="360">
        <v>28812</v>
      </c>
      <c r="JL28" s="360">
        <v>134204</v>
      </c>
      <c r="JM28" s="360">
        <v>130058</v>
      </c>
      <c r="JN28" s="360">
        <v>0</v>
      </c>
      <c r="JO28" s="360">
        <v>0</v>
      </c>
      <c r="JP28" s="364">
        <v>293074</v>
      </c>
      <c r="JQ28" s="362">
        <v>293074</v>
      </c>
      <c r="JR28" s="363">
        <v>0</v>
      </c>
      <c r="JS28" s="360">
        <v>0</v>
      </c>
      <c r="JT28" s="361">
        <v>0</v>
      </c>
      <c r="JU28" s="366">
        <v>0</v>
      </c>
      <c r="JV28" s="360">
        <v>0</v>
      </c>
      <c r="JW28" s="360">
        <v>0</v>
      </c>
      <c r="JX28" s="360">
        <v>0</v>
      </c>
      <c r="JY28" s="360">
        <v>0</v>
      </c>
      <c r="JZ28" s="360">
        <v>0</v>
      </c>
      <c r="KA28" s="364">
        <v>0</v>
      </c>
      <c r="KB28" s="362">
        <v>0</v>
      </c>
      <c r="KC28" s="367">
        <v>0</v>
      </c>
      <c r="KD28" s="368">
        <v>0</v>
      </c>
      <c r="KE28" s="364">
        <v>0</v>
      </c>
      <c r="KF28" s="366">
        <v>0</v>
      </c>
      <c r="KG28" s="360">
        <v>0</v>
      </c>
      <c r="KH28" s="360">
        <v>0</v>
      </c>
      <c r="KI28" s="360">
        <v>0</v>
      </c>
      <c r="KJ28" s="360">
        <v>0</v>
      </c>
      <c r="KK28" s="360">
        <v>0</v>
      </c>
      <c r="KL28" s="364">
        <v>0</v>
      </c>
      <c r="KM28" s="369">
        <v>0</v>
      </c>
      <c r="KN28" s="357">
        <v>0</v>
      </c>
      <c r="KO28" s="358">
        <v>0</v>
      </c>
      <c r="KP28" s="359">
        <v>0</v>
      </c>
      <c r="KQ28" s="436">
        <v>0</v>
      </c>
      <c r="KR28" s="360">
        <v>198148</v>
      </c>
      <c r="KS28" s="360">
        <v>203334</v>
      </c>
      <c r="KT28" s="360">
        <v>635935</v>
      </c>
      <c r="KU28" s="360">
        <v>0</v>
      </c>
      <c r="KV28" s="360">
        <v>0</v>
      </c>
      <c r="KW28" s="364">
        <v>1037417</v>
      </c>
      <c r="KX28" s="362">
        <v>1037417</v>
      </c>
      <c r="KY28" s="363">
        <v>0</v>
      </c>
      <c r="KZ28" s="360">
        <v>0</v>
      </c>
      <c r="LA28" s="364">
        <v>0</v>
      </c>
      <c r="LB28" s="436">
        <v>0</v>
      </c>
      <c r="LC28" s="360">
        <v>0</v>
      </c>
      <c r="LD28" s="360">
        <v>0</v>
      </c>
      <c r="LE28" s="360">
        <v>0</v>
      </c>
      <c r="LF28" s="360">
        <v>0</v>
      </c>
      <c r="LG28" s="360">
        <v>0</v>
      </c>
      <c r="LH28" s="364">
        <v>0</v>
      </c>
      <c r="LI28" s="365">
        <v>0</v>
      </c>
      <c r="LJ28" s="363">
        <v>0</v>
      </c>
      <c r="LK28" s="360">
        <v>0</v>
      </c>
      <c r="LL28" s="364">
        <v>0</v>
      </c>
      <c r="LM28" s="436">
        <v>0</v>
      </c>
      <c r="LN28" s="360">
        <v>0</v>
      </c>
      <c r="LO28" s="360">
        <v>0</v>
      </c>
      <c r="LP28" s="360">
        <v>0</v>
      </c>
      <c r="LQ28" s="360">
        <v>0</v>
      </c>
      <c r="LR28" s="360">
        <v>0</v>
      </c>
      <c r="LS28" s="364">
        <v>0</v>
      </c>
      <c r="LT28" s="362">
        <v>0</v>
      </c>
      <c r="LU28" s="363">
        <v>0</v>
      </c>
      <c r="LV28" s="360">
        <v>0</v>
      </c>
      <c r="LW28" s="364">
        <v>0</v>
      </c>
      <c r="LX28" s="436">
        <v>0</v>
      </c>
      <c r="LY28" s="360">
        <v>0</v>
      </c>
      <c r="LZ28" s="360">
        <v>0</v>
      </c>
      <c r="MA28" s="360">
        <v>0</v>
      </c>
      <c r="MB28" s="360">
        <v>0</v>
      </c>
      <c r="MC28" s="360">
        <v>0</v>
      </c>
      <c r="MD28" s="364">
        <v>0</v>
      </c>
      <c r="ME28" s="365">
        <v>0</v>
      </c>
      <c r="MF28" s="363">
        <v>0</v>
      </c>
      <c r="MG28" s="360">
        <v>0</v>
      </c>
      <c r="MH28" s="364">
        <v>0</v>
      </c>
      <c r="MI28" s="436">
        <v>0</v>
      </c>
      <c r="MJ28" s="360">
        <v>0</v>
      </c>
      <c r="MK28" s="360">
        <v>0</v>
      </c>
      <c r="ML28" s="360">
        <v>534062</v>
      </c>
      <c r="MM28" s="360">
        <v>619820</v>
      </c>
      <c r="MN28" s="360">
        <v>995248</v>
      </c>
      <c r="MO28" s="364">
        <v>2149130</v>
      </c>
      <c r="MP28" s="369">
        <v>2149130</v>
      </c>
      <c r="MQ28" s="363">
        <v>0</v>
      </c>
      <c r="MR28" s="360">
        <v>0</v>
      </c>
      <c r="MS28" s="364">
        <v>0</v>
      </c>
      <c r="MT28" s="436">
        <v>0</v>
      </c>
      <c r="MU28" s="360">
        <v>0</v>
      </c>
      <c r="MV28" s="360">
        <v>0</v>
      </c>
      <c r="MW28" s="360">
        <v>534062</v>
      </c>
      <c r="MX28" s="360">
        <v>619820</v>
      </c>
      <c r="MY28" s="360">
        <v>456177</v>
      </c>
      <c r="MZ28" s="364">
        <v>1610059</v>
      </c>
      <c r="NA28" s="369">
        <v>1610059</v>
      </c>
      <c r="NB28" s="363">
        <v>0</v>
      </c>
      <c r="NC28" s="360">
        <v>0</v>
      </c>
      <c r="ND28" s="364">
        <v>0</v>
      </c>
      <c r="NE28" s="436">
        <v>0</v>
      </c>
      <c r="NF28" s="360">
        <v>0</v>
      </c>
      <c r="NG28" s="360">
        <v>0</v>
      </c>
      <c r="NH28" s="360">
        <v>0</v>
      </c>
      <c r="NI28" s="360">
        <v>0</v>
      </c>
      <c r="NJ28" s="360">
        <v>229369</v>
      </c>
      <c r="NK28" s="364">
        <v>229369</v>
      </c>
      <c r="NL28" s="362">
        <v>229369</v>
      </c>
      <c r="NM28" s="363">
        <v>0</v>
      </c>
      <c r="NN28" s="360">
        <v>0</v>
      </c>
      <c r="NO28" s="364">
        <v>0</v>
      </c>
      <c r="NP28" s="436">
        <v>0</v>
      </c>
      <c r="NQ28" s="360">
        <v>0</v>
      </c>
      <c r="NR28" s="360">
        <v>0</v>
      </c>
      <c r="NS28" s="360">
        <v>0</v>
      </c>
      <c r="NT28" s="360">
        <v>0</v>
      </c>
      <c r="NU28" s="360">
        <v>0</v>
      </c>
      <c r="NV28" s="364">
        <v>0</v>
      </c>
      <c r="NW28" s="365">
        <v>0</v>
      </c>
      <c r="NX28" s="363">
        <v>0</v>
      </c>
      <c r="NY28" s="360">
        <v>0</v>
      </c>
      <c r="NZ28" s="364">
        <v>0</v>
      </c>
      <c r="OA28" s="436">
        <v>0</v>
      </c>
      <c r="OB28" s="360">
        <v>0</v>
      </c>
      <c r="OC28" s="360">
        <v>0</v>
      </c>
      <c r="OD28" s="360">
        <v>0</v>
      </c>
      <c r="OE28" s="360">
        <v>0</v>
      </c>
      <c r="OF28" s="360">
        <v>309702</v>
      </c>
      <c r="OG28" s="364">
        <v>309702</v>
      </c>
      <c r="OH28" s="365">
        <v>309702</v>
      </c>
      <c r="OI28" s="363">
        <v>107469</v>
      </c>
      <c r="OJ28" s="360">
        <v>285523</v>
      </c>
      <c r="OK28" s="361">
        <v>392992</v>
      </c>
      <c r="OL28" s="366">
        <v>0</v>
      </c>
      <c r="OM28" s="360">
        <v>1821158</v>
      </c>
      <c r="ON28" s="360">
        <v>2467484</v>
      </c>
      <c r="OO28" s="360">
        <v>3281269</v>
      </c>
      <c r="OP28" s="360">
        <v>2965164</v>
      </c>
      <c r="OQ28" s="360">
        <v>2617300</v>
      </c>
      <c r="OR28" s="364">
        <v>13152375</v>
      </c>
      <c r="OS28" s="369">
        <v>13545367</v>
      </c>
    </row>
    <row r="29" spans="2:409" s="137" customFormat="1" ht="21" customHeight="1" x14ac:dyDescent="0.2">
      <c r="B29" s="421" t="s">
        <v>24</v>
      </c>
      <c r="C29" s="341">
        <v>210071</v>
      </c>
      <c r="D29" s="342">
        <v>463114</v>
      </c>
      <c r="E29" s="343">
        <v>673185</v>
      </c>
      <c r="F29" s="344">
        <v>0</v>
      </c>
      <c r="G29" s="342">
        <v>2029970</v>
      </c>
      <c r="H29" s="342">
        <v>2298455</v>
      </c>
      <c r="I29" s="342">
        <v>1239546</v>
      </c>
      <c r="J29" s="342">
        <v>2125217</v>
      </c>
      <c r="K29" s="342">
        <v>2453848</v>
      </c>
      <c r="L29" s="382">
        <v>10147036</v>
      </c>
      <c r="M29" s="345">
        <v>10820221</v>
      </c>
      <c r="N29" s="341">
        <v>73624</v>
      </c>
      <c r="O29" s="342">
        <v>77290</v>
      </c>
      <c r="P29" s="343">
        <v>150914</v>
      </c>
      <c r="Q29" s="341">
        <v>0</v>
      </c>
      <c r="R29" s="342">
        <v>618203</v>
      </c>
      <c r="S29" s="342">
        <v>650831</v>
      </c>
      <c r="T29" s="342">
        <v>422779</v>
      </c>
      <c r="U29" s="342">
        <v>1176081</v>
      </c>
      <c r="V29" s="342">
        <v>937716</v>
      </c>
      <c r="W29" s="343">
        <v>3805610</v>
      </c>
      <c r="X29" s="345">
        <v>3956524</v>
      </c>
      <c r="Y29" s="341">
        <v>0</v>
      </c>
      <c r="Z29" s="342">
        <v>0</v>
      </c>
      <c r="AA29" s="343">
        <v>0</v>
      </c>
      <c r="AB29" s="341">
        <v>0</v>
      </c>
      <c r="AC29" s="342">
        <v>216460</v>
      </c>
      <c r="AD29" s="342">
        <v>320979</v>
      </c>
      <c r="AE29" s="342">
        <v>169839</v>
      </c>
      <c r="AF29" s="342">
        <v>557058</v>
      </c>
      <c r="AG29" s="342">
        <v>425965</v>
      </c>
      <c r="AH29" s="343">
        <v>1690301</v>
      </c>
      <c r="AI29" s="345">
        <v>1690301</v>
      </c>
      <c r="AJ29" s="341">
        <v>0</v>
      </c>
      <c r="AK29" s="342">
        <v>0</v>
      </c>
      <c r="AL29" s="343">
        <v>0</v>
      </c>
      <c r="AM29" s="341">
        <v>0</v>
      </c>
      <c r="AN29" s="342">
        <v>42256</v>
      </c>
      <c r="AO29" s="342">
        <v>0</v>
      </c>
      <c r="AP29" s="342">
        <v>12244</v>
      </c>
      <c r="AQ29" s="342">
        <v>95078</v>
      </c>
      <c r="AR29" s="342">
        <v>105649</v>
      </c>
      <c r="AS29" s="343">
        <v>255227</v>
      </c>
      <c r="AT29" s="345">
        <v>255227</v>
      </c>
      <c r="AU29" s="341">
        <v>69998</v>
      </c>
      <c r="AV29" s="342">
        <v>65929</v>
      </c>
      <c r="AW29" s="343">
        <v>135927</v>
      </c>
      <c r="AX29" s="341">
        <v>0</v>
      </c>
      <c r="AY29" s="342">
        <v>244218</v>
      </c>
      <c r="AZ29" s="342">
        <v>190384</v>
      </c>
      <c r="BA29" s="342">
        <v>170290</v>
      </c>
      <c r="BB29" s="342">
        <v>385205</v>
      </c>
      <c r="BC29" s="342">
        <v>212501</v>
      </c>
      <c r="BD29" s="343">
        <v>1202598</v>
      </c>
      <c r="BE29" s="345">
        <v>1338525</v>
      </c>
      <c r="BF29" s="341">
        <v>0</v>
      </c>
      <c r="BG29" s="342">
        <v>0</v>
      </c>
      <c r="BH29" s="346">
        <v>0</v>
      </c>
      <c r="BI29" s="347">
        <v>0</v>
      </c>
      <c r="BJ29" s="342">
        <v>0</v>
      </c>
      <c r="BK29" s="342">
        <v>0</v>
      </c>
      <c r="BL29" s="342">
        <v>0</v>
      </c>
      <c r="BM29" s="342">
        <v>0</v>
      </c>
      <c r="BN29" s="342">
        <v>18993</v>
      </c>
      <c r="BO29" s="343">
        <v>18993</v>
      </c>
      <c r="BP29" s="345">
        <v>18993</v>
      </c>
      <c r="BQ29" s="341">
        <v>3626</v>
      </c>
      <c r="BR29" s="342">
        <v>11361</v>
      </c>
      <c r="BS29" s="343">
        <v>14987</v>
      </c>
      <c r="BT29" s="341">
        <v>0</v>
      </c>
      <c r="BU29" s="342">
        <v>115269</v>
      </c>
      <c r="BV29" s="342">
        <v>139468</v>
      </c>
      <c r="BW29" s="342">
        <v>70406</v>
      </c>
      <c r="BX29" s="342">
        <v>138740</v>
      </c>
      <c r="BY29" s="342">
        <v>174608</v>
      </c>
      <c r="BZ29" s="343">
        <v>638491</v>
      </c>
      <c r="CA29" s="345">
        <v>653478</v>
      </c>
      <c r="CB29" s="341">
        <v>35733</v>
      </c>
      <c r="CC29" s="342">
        <v>35660</v>
      </c>
      <c r="CD29" s="343">
        <v>71393</v>
      </c>
      <c r="CE29" s="341">
        <v>0</v>
      </c>
      <c r="CF29" s="342">
        <v>504648</v>
      </c>
      <c r="CG29" s="342">
        <v>334774</v>
      </c>
      <c r="CH29" s="342">
        <v>134653</v>
      </c>
      <c r="CI29" s="342">
        <v>61434</v>
      </c>
      <c r="CJ29" s="342">
        <v>381707</v>
      </c>
      <c r="CK29" s="343">
        <v>1417216</v>
      </c>
      <c r="CL29" s="345">
        <v>1488609</v>
      </c>
      <c r="CM29" s="341">
        <v>0</v>
      </c>
      <c r="CN29" s="342">
        <v>0</v>
      </c>
      <c r="CO29" s="343">
        <v>0</v>
      </c>
      <c r="CP29" s="347">
        <v>0</v>
      </c>
      <c r="CQ29" s="342">
        <v>306220</v>
      </c>
      <c r="CR29" s="342">
        <v>255443</v>
      </c>
      <c r="CS29" s="342">
        <v>65160</v>
      </c>
      <c r="CT29" s="342">
        <v>0</v>
      </c>
      <c r="CU29" s="342">
        <v>132449</v>
      </c>
      <c r="CV29" s="343">
        <v>759272</v>
      </c>
      <c r="CW29" s="345">
        <v>759272</v>
      </c>
      <c r="CX29" s="341">
        <v>35733</v>
      </c>
      <c r="CY29" s="342">
        <v>35660</v>
      </c>
      <c r="CZ29" s="343">
        <v>71393</v>
      </c>
      <c r="DA29" s="341">
        <v>0</v>
      </c>
      <c r="DB29" s="342">
        <v>198428</v>
      </c>
      <c r="DC29" s="342">
        <v>79331</v>
      </c>
      <c r="DD29" s="342">
        <v>69493</v>
      </c>
      <c r="DE29" s="342">
        <v>61434</v>
      </c>
      <c r="DF29" s="342">
        <v>249258</v>
      </c>
      <c r="DG29" s="343">
        <v>657944</v>
      </c>
      <c r="DH29" s="345">
        <v>729337</v>
      </c>
      <c r="DI29" s="341">
        <v>0</v>
      </c>
      <c r="DJ29" s="342">
        <v>0</v>
      </c>
      <c r="DK29" s="346">
        <v>0</v>
      </c>
      <c r="DL29" s="347">
        <v>0</v>
      </c>
      <c r="DM29" s="342">
        <v>0</v>
      </c>
      <c r="DN29" s="342">
        <v>0</v>
      </c>
      <c r="DO29" s="342">
        <v>23963</v>
      </c>
      <c r="DP29" s="342">
        <v>0</v>
      </c>
      <c r="DQ29" s="342">
        <v>82032</v>
      </c>
      <c r="DR29" s="343">
        <v>105995</v>
      </c>
      <c r="DS29" s="345">
        <v>105995</v>
      </c>
      <c r="DT29" s="341">
        <v>0</v>
      </c>
      <c r="DU29" s="342">
        <v>0</v>
      </c>
      <c r="DV29" s="343">
        <v>0</v>
      </c>
      <c r="DW29" s="341">
        <v>0</v>
      </c>
      <c r="DX29" s="342">
        <v>0</v>
      </c>
      <c r="DY29" s="342">
        <v>0</v>
      </c>
      <c r="DZ29" s="342">
        <v>23963</v>
      </c>
      <c r="EA29" s="342">
        <v>0</v>
      </c>
      <c r="EB29" s="342">
        <v>82032</v>
      </c>
      <c r="EC29" s="343">
        <v>105995</v>
      </c>
      <c r="ED29" s="345">
        <v>105995</v>
      </c>
      <c r="EE29" s="341">
        <v>0</v>
      </c>
      <c r="EF29" s="346">
        <v>0</v>
      </c>
      <c r="EG29" s="343">
        <v>0</v>
      </c>
      <c r="EH29" s="341">
        <v>0</v>
      </c>
      <c r="EI29" s="342">
        <v>0</v>
      </c>
      <c r="EJ29" s="342">
        <v>0</v>
      </c>
      <c r="EK29" s="342">
        <v>0</v>
      </c>
      <c r="EL29" s="342">
        <v>0</v>
      </c>
      <c r="EM29" s="342">
        <v>0</v>
      </c>
      <c r="EN29" s="346">
        <v>0</v>
      </c>
      <c r="EO29" s="345">
        <v>0</v>
      </c>
      <c r="EP29" s="341">
        <v>0</v>
      </c>
      <c r="EQ29" s="342">
        <v>0</v>
      </c>
      <c r="ER29" s="346">
        <v>0</v>
      </c>
      <c r="ES29" s="347">
        <v>0</v>
      </c>
      <c r="ET29" s="342">
        <v>0</v>
      </c>
      <c r="EU29" s="342">
        <v>0</v>
      </c>
      <c r="EV29" s="342">
        <v>0</v>
      </c>
      <c r="EW29" s="342">
        <v>0</v>
      </c>
      <c r="EX29" s="342">
        <v>0</v>
      </c>
      <c r="EY29" s="343">
        <v>0</v>
      </c>
      <c r="EZ29" s="345">
        <v>0</v>
      </c>
      <c r="FA29" s="341">
        <v>0</v>
      </c>
      <c r="FB29" s="342">
        <v>0</v>
      </c>
      <c r="FC29" s="346">
        <v>0</v>
      </c>
      <c r="FD29" s="436">
        <v>0</v>
      </c>
      <c r="FE29" s="342">
        <v>0</v>
      </c>
      <c r="FF29" s="342">
        <v>0</v>
      </c>
      <c r="FG29" s="342">
        <v>0</v>
      </c>
      <c r="FH29" s="342">
        <v>0</v>
      </c>
      <c r="FI29" s="342">
        <v>0</v>
      </c>
      <c r="FJ29" s="343">
        <v>0</v>
      </c>
      <c r="FK29" s="345">
        <v>0</v>
      </c>
      <c r="FL29" s="341">
        <v>17388</v>
      </c>
      <c r="FM29" s="342">
        <v>181230</v>
      </c>
      <c r="FN29" s="343">
        <v>198618</v>
      </c>
      <c r="FO29" s="341">
        <v>0</v>
      </c>
      <c r="FP29" s="342">
        <v>81235</v>
      </c>
      <c r="FQ29" s="342">
        <v>273056</v>
      </c>
      <c r="FR29" s="342">
        <v>146377</v>
      </c>
      <c r="FS29" s="342">
        <v>136906</v>
      </c>
      <c r="FT29" s="342">
        <v>212821</v>
      </c>
      <c r="FU29" s="343">
        <v>850395</v>
      </c>
      <c r="FV29" s="345">
        <v>1049013</v>
      </c>
      <c r="FW29" s="348">
        <v>17388</v>
      </c>
      <c r="FX29" s="342">
        <v>39326</v>
      </c>
      <c r="FY29" s="346">
        <v>56714</v>
      </c>
      <c r="FZ29" s="347">
        <v>0</v>
      </c>
      <c r="GA29" s="342">
        <v>81235</v>
      </c>
      <c r="GB29" s="342">
        <v>157556</v>
      </c>
      <c r="GC29" s="342">
        <v>146377</v>
      </c>
      <c r="GD29" s="342">
        <v>136906</v>
      </c>
      <c r="GE29" s="342">
        <v>165697</v>
      </c>
      <c r="GF29" s="343">
        <v>687771</v>
      </c>
      <c r="GG29" s="349">
        <v>744485</v>
      </c>
      <c r="GH29" s="348">
        <v>0</v>
      </c>
      <c r="GI29" s="342">
        <v>14784</v>
      </c>
      <c r="GJ29" s="346">
        <v>14784</v>
      </c>
      <c r="GK29" s="347">
        <v>0</v>
      </c>
      <c r="GL29" s="342">
        <v>0</v>
      </c>
      <c r="GM29" s="342">
        <v>0</v>
      </c>
      <c r="GN29" s="342">
        <v>0</v>
      </c>
      <c r="GO29" s="342">
        <v>0</v>
      </c>
      <c r="GP29" s="342">
        <v>47124</v>
      </c>
      <c r="GQ29" s="343">
        <v>47124</v>
      </c>
      <c r="GR29" s="345">
        <v>61908</v>
      </c>
      <c r="GS29" s="341">
        <v>0</v>
      </c>
      <c r="GT29" s="342">
        <v>127120</v>
      </c>
      <c r="GU29" s="343">
        <v>127120</v>
      </c>
      <c r="GV29" s="341">
        <v>0</v>
      </c>
      <c r="GW29" s="342">
        <v>0</v>
      </c>
      <c r="GX29" s="342">
        <v>115500</v>
      </c>
      <c r="GY29" s="342">
        <v>0</v>
      </c>
      <c r="GZ29" s="342">
        <v>0</v>
      </c>
      <c r="HA29" s="342">
        <v>0</v>
      </c>
      <c r="HB29" s="346">
        <v>115500</v>
      </c>
      <c r="HC29" s="345">
        <v>242620</v>
      </c>
      <c r="HD29" s="341">
        <v>83326</v>
      </c>
      <c r="HE29" s="342">
        <v>168934</v>
      </c>
      <c r="HF29" s="346">
        <v>252260</v>
      </c>
      <c r="HG29" s="347">
        <v>0</v>
      </c>
      <c r="HH29" s="342">
        <v>825884</v>
      </c>
      <c r="HI29" s="342">
        <v>1039794</v>
      </c>
      <c r="HJ29" s="342">
        <v>511774</v>
      </c>
      <c r="HK29" s="342">
        <v>750796</v>
      </c>
      <c r="HL29" s="342">
        <v>839572</v>
      </c>
      <c r="HM29" s="343">
        <v>3967820</v>
      </c>
      <c r="HN29" s="344">
        <v>4220080</v>
      </c>
      <c r="HO29" s="348">
        <v>0</v>
      </c>
      <c r="HP29" s="342">
        <v>0</v>
      </c>
      <c r="HQ29" s="343">
        <v>0</v>
      </c>
      <c r="HR29" s="341">
        <v>0</v>
      </c>
      <c r="HS29" s="342">
        <v>0</v>
      </c>
      <c r="HT29" s="342">
        <v>0</v>
      </c>
      <c r="HU29" s="342">
        <v>0</v>
      </c>
      <c r="HV29" s="342">
        <v>0</v>
      </c>
      <c r="HW29" s="342">
        <v>0</v>
      </c>
      <c r="HX29" s="346">
        <v>0</v>
      </c>
      <c r="HY29" s="345">
        <v>0</v>
      </c>
      <c r="HZ29" s="350">
        <v>0</v>
      </c>
      <c r="IA29" s="351">
        <v>0</v>
      </c>
      <c r="IB29" s="352">
        <v>0</v>
      </c>
      <c r="IC29" s="353">
        <v>0</v>
      </c>
      <c r="ID29" s="351">
        <v>274319</v>
      </c>
      <c r="IE29" s="354">
        <v>584982</v>
      </c>
      <c r="IF29" s="352">
        <v>0</v>
      </c>
      <c r="IG29" s="351">
        <v>657259</v>
      </c>
      <c r="IH29" s="352">
        <v>281700</v>
      </c>
      <c r="II29" s="355">
        <v>1798260</v>
      </c>
      <c r="IJ29" s="356">
        <v>1798260</v>
      </c>
      <c r="IK29" s="357">
        <v>0</v>
      </c>
      <c r="IL29" s="358">
        <v>0</v>
      </c>
      <c r="IM29" s="359">
        <v>0</v>
      </c>
      <c r="IN29" s="436">
        <v>0</v>
      </c>
      <c r="IO29" s="360">
        <v>0</v>
      </c>
      <c r="IP29" s="360">
        <v>0</v>
      </c>
      <c r="IQ29" s="360">
        <v>0</v>
      </c>
      <c r="IR29" s="360">
        <v>378658</v>
      </c>
      <c r="IS29" s="360">
        <v>0</v>
      </c>
      <c r="IT29" s="361">
        <v>378658</v>
      </c>
      <c r="IU29" s="362">
        <v>378658</v>
      </c>
      <c r="IV29" s="363">
        <v>0</v>
      </c>
      <c r="IW29" s="360">
        <v>0</v>
      </c>
      <c r="IX29" s="364">
        <v>0</v>
      </c>
      <c r="IY29" s="436">
        <v>0</v>
      </c>
      <c r="IZ29" s="360">
        <v>0</v>
      </c>
      <c r="JA29" s="360">
        <v>0</v>
      </c>
      <c r="JB29" s="360">
        <v>0</v>
      </c>
      <c r="JC29" s="360">
        <v>0</v>
      </c>
      <c r="JD29" s="360">
        <v>0</v>
      </c>
      <c r="JE29" s="364">
        <v>0</v>
      </c>
      <c r="JF29" s="365">
        <v>0</v>
      </c>
      <c r="JG29" s="363">
        <v>0</v>
      </c>
      <c r="JH29" s="360">
        <v>0</v>
      </c>
      <c r="JI29" s="361">
        <v>0</v>
      </c>
      <c r="JJ29" s="366">
        <v>0</v>
      </c>
      <c r="JK29" s="360">
        <v>0</v>
      </c>
      <c r="JL29" s="360">
        <v>6822</v>
      </c>
      <c r="JM29" s="360">
        <v>0</v>
      </c>
      <c r="JN29" s="360">
        <v>97654</v>
      </c>
      <c r="JO29" s="360">
        <v>0</v>
      </c>
      <c r="JP29" s="364">
        <v>104476</v>
      </c>
      <c r="JQ29" s="362">
        <v>104476</v>
      </c>
      <c r="JR29" s="363">
        <v>0</v>
      </c>
      <c r="JS29" s="360">
        <v>0</v>
      </c>
      <c r="JT29" s="361">
        <v>0</v>
      </c>
      <c r="JU29" s="366">
        <v>0</v>
      </c>
      <c r="JV29" s="360">
        <v>0</v>
      </c>
      <c r="JW29" s="360">
        <v>0</v>
      </c>
      <c r="JX29" s="360">
        <v>0</v>
      </c>
      <c r="JY29" s="360">
        <v>0</v>
      </c>
      <c r="JZ29" s="360">
        <v>75693</v>
      </c>
      <c r="KA29" s="364">
        <v>75693</v>
      </c>
      <c r="KB29" s="362">
        <v>75693</v>
      </c>
      <c r="KC29" s="367">
        <v>0</v>
      </c>
      <c r="KD29" s="368">
        <v>0</v>
      </c>
      <c r="KE29" s="364">
        <v>0</v>
      </c>
      <c r="KF29" s="366">
        <v>0</v>
      </c>
      <c r="KG29" s="360">
        <v>274319</v>
      </c>
      <c r="KH29" s="360">
        <v>386624</v>
      </c>
      <c r="KI29" s="360">
        <v>0</v>
      </c>
      <c r="KJ29" s="360">
        <v>180947</v>
      </c>
      <c r="KK29" s="360">
        <v>0</v>
      </c>
      <c r="KL29" s="364">
        <v>841890</v>
      </c>
      <c r="KM29" s="369">
        <v>841890</v>
      </c>
      <c r="KN29" s="357">
        <v>0</v>
      </c>
      <c r="KO29" s="358">
        <v>0</v>
      </c>
      <c r="KP29" s="359">
        <v>0</v>
      </c>
      <c r="KQ29" s="436">
        <v>0</v>
      </c>
      <c r="KR29" s="360">
        <v>0</v>
      </c>
      <c r="KS29" s="360">
        <v>191536</v>
      </c>
      <c r="KT29" s="360">
        <v>0</v>
      </c>
      <c r="KU29" s="360">
        <v>0</v>
      </c>
      <c r="KV29" s="360">
        <v>206007</v>
      </c>
      <c r="KW29" s="364">
        <v>397543</v>
      </c>
      <c r="KX29" s="362">
        <v>397543</v>
      </c>
      <c r="KY29" s="363">
        <v>0</v>
      </c>
      <c r="KZ29" s="360">
        <v>0</v>
      </c>
      <c r="LA29" s="364">
        <v>0</v>
      </c>
      <c r="LB29" s="436">
        <v>0</v>
      </c>
      <c r="LC29" s="360">
        <v>0</v>
      </c>
      <c r="LD29" s="360">
        <v>0</v>
      </c>
      <c r="LE29" s="360">
        <v>0</v>
      </c>
      <c r="LF29" s="360">
        <v>0</v>
      </c>
      <c r="LG29" s="360">
        <v>0</v>
      </c>
      <c r="LH29" s="364">
        <v>0</v>
      </c>
      <c r="LI29" s="365">
        <v>0</v>
      </c>
      <c r="LJ29" s="363">
        <v>0</v>
      </c>
      <c r="LK29" s="360">
        <v>0</v>
      </c>
      <c r="LL29" s="364">
        <v>0</v>
      </c>
      <c r="LM29" s="436">
        <v>0</v>
      </c>
      <c r="LN29" s="360">
        <v>0</v>
      </c>
      <c r="LO29" s="360">
        <v>0</v>
      </c>
      <c r="LP29" s="360">
        <v>0</v>
      </c>
      <c r="LQ29" s="360">
        <v>0</v>
      </c>
      <c r="LR29" s="360">
        <v>0</v>
      </c>
      <c r="LS29" s="364">
        <v>0</v>
      </c>
      <c r="LT29" s="362">
        <v>0</v>
      </c>
      <c r="LU29" s="363">
        <v>0</v>
      </c>
      <c r="LV29" s="360">
        <v>0</v>
      </c>
      <c r="LW29" s="364">
        <v>0</v>
      </c>
      <c r="LX29" s="436">
        <v>0</v>
      </c>
      <c r="LY29" s="360">
        <v>0</v>
      </c>
      <c r="LZ29" s="360">
        <v>0</v>
      </c>
      <c r="MA29" s="360">
        <v>0</v>
      </c>
      <c r="MB29" s="360">
        <v>0</v>
      </c>
      <c r="MC29" s="360">
        <v>0</v>
      </c>
      <c r="MD29" s="364">
        <v>0</v>
      </c>
      <c r="ME29" s="365">
        <v>0</v>
      </c>
      <c r="MF29" s="363">
        <v>0</v>
      </c>
      <c r="MG29" s="360">
        <v>0</v>
      </c>
      <c r="MH29" s="364">
        <v>0</v>
      </c>
      <c r="MI29" s="436">
        <v>0</v>
      </c>
      <c r="MJ29" s="360">
        <v>0</v>
      </c>
      <c r="MK29" s="360">
        <v>0</v>
      </c>
      <c r="ML29" s="360">
        <v>634578</v>
      </c>
      <c r="MM29" s="360">
        <v>664039</v>
      </c>
      <c r="MN29" s="360">
        <v>223440</v>
      </c>
      <c r="MO29" s="364">
        <v>1522057</v>
      </c>
      <c r="MP29" s="369">
        <v>1522057</v>
      </c>
      <c r="MQ29" s="363">
        <v>0</v>
      </c>
      <c r="MR29" s="360">
        <v>0</v>
      </c>
      <c r="MS29" s="364">
        <v>0</v>
      </c>
      <c r="MT29" s="436">
        <v>0</v>
      </c>
      <c r="MU29" s="360">
        <v>0</v>
      </c>
      <c r="MV29" s="360">
        <v>0</v>
      </c>
      <c r="MW29" s="360">
        <v>203290</v>
      </c>
      <c r="MX29" s="360">
        <v>664039</v>
      </c>
      <c r="MY29" s="360">
        <v>223440</v>
      </c>
      <c r="MZ29" s="364">
        <v>1090769</v>
      </c>
      <c r="NA29" s="369">
        <v>1090769</v>
      </c>
      <c r="NB29" s="363">
        <v>0</v>
      </c>
      <c r="NC29" s="360">
        <v>0</v>
      </c>
      <c r="ND29" s="364">
        <v>0</v>
      </c>
      <c r="NE29" s="436">
        <v>0</v>
      </c>
      <c r="NF29" s="360">
        <v>0</v>
      </c>
      <c r="NG29" s="360">
        <v>0</v>
      </c>
      <c r="NH29" s="360">
        <v>431288</v>
      </c>
      <c r="NI29" s="360">
        <v>0</v>
      </c>
      <c r="NJ29" s="360">
        <v>0</v>
      </c>
      <c r="NK29" s="364">
        <v>431288</v>
      </c>
      <c r="NL29" s="362">
        <v>431288</v>
      </c>
      <c r="NM29" s="363">
        <v>0</v>
      </c>
      <c r="NN29" s="360">
        <v>0</v>
      </c>
      <c r="NO29" s="364">
        <v>0</v>
      </c>
      <c r="NP29" s="436">
        <v>0</v>
      </c>
      <c r="NQ29" s="360">
        <v>0</v>
      </c>
      <c r="NR29" s="360">
        <v>0</v>
      </c>
      <c r="NS29" s="360">
        <v>0</v>
      </c>
      <c r="NT29" s="360">
        <v>0</v>
      </c>
      <c r="NU29" s="360">
        <v>0</v>
      </c>
      <c r="NV29" s="364">
        <v>0</v>
      </c>
      <c r="NW29" s="365">
        <v>0</v>
      </c>
      <c r="NX29" s="363">
        <v>0</v>
      </c>
      <c r="NY29" s="360">
        <v>0</v>
      </c>
      <c r="NZ29" s="364">
        <v>0</v>
      </c>
      <c r="OA29" s="436">
        <v>0</v>
      </c>
      <c r="OB29" s="360">
        <v>0</v>
      </c>
      <c r="OC29" s="360">
        <v>0</v>
      </c>
      <c r="OD29" s="360">
        <v>0</v>
      </c>
      <c r="OE29" s="360">
        <v>0</v>
      </c>
      <c r="OF29" s="360">
        <v>0</v>
      </c>
      <c r="OG29" s="364">
        <v>0</v>
      </c>
      <c r="OH29" s="365">
        <v>0</v>
      </c>
      <c r="OI29" s="363">
        <v>210071</v>
      </c>
      <c r="OJ29" s="360">
        <v>463114</v>
      </c>
      <c r="OK29" s="361">
        <v>673185</v>
      </c>
      <c r="OL29" s="366">
        <v>0</v>
      </c>
      <c r="OM29" s="360">
        <v>2304289</v>
      </c>
      <c r="ON29" s="360">
        <v>2883437</v>
      </c>
      <c r="OO29" s="360">
        <v>1874124</v>
      </c>
      <c r="OP29" s="360">
        <v>3446515</v>
      </c>
      <c r="OQ29" s="360">
        <v>2958988</v>
      </c>
      <c r="OR29" s="364">
        <v>13467353</v>
      </c>
      <c r="OS29" s="369">
        <v>14140538</v>
      </c>
    </row>
    <row r="30" spans="2:409" s="137" customFormat="1" ht="21" customHeight="1" x14ac:dyDescent="0.2">
      <c r="B30" s="421" t="s">
        <v>25</v>
      </c>
      <c r="C30" s="341">
        <v>51485</v>
      </c>
      <c r="D30" s="342">
        <v>136676</v>
      </c>
      <c r="E30" s="343">
        <v>188161</v>
      </c>
      <c r="F30" s="344">
        <v>0</v>
      </c>
      <c r="G30" s="342">
        <v>545324</v>
      </c>
      <c r="H30" s="342">
        <v>831142</v>
      </c>
      <c r="I30" s="342">
        <v>788460</v>
      </c>
      <c r="J30" s="342">
        <v>323792</v>
      </c>
      <c r="K30" s="342">
        <v>805644</v>
      </c>
      <c r="L30" s="382">
        <v>3294362</v>
      </c>
      <c r="M30" s="345">
        <v>3482523</v>
      </c>
      <c r="N30" s="341">
        <v>23369</v>
      </c>
      <c r="O30" s="342">
        <v>80564</v>
      </c>
      <c r="P30" s="343">
        <v>103933</v>
      </c>
      <c r="Q30" s="341">
        <v>0</v>
      </c>
      <c r="R30" s="342">
        <v>191834</v>
      </c>
      <c r="S30" s="342">
        <v>204898</v>
      </c>
      <c r="T30" s="342">
        <v>105703</v>
      </c>
      <c r="U30" s="342">
        <v>130449</v>
      </c>
      <c r="V30" s="342">
        <v>495439</v>
      </c>
      <c r="W30" s="343">
        <v>1128323</v>
      </c>
      <c r="X30" s="345">
        <v>1232256</v>
      </c>
      <c r="Y30" s="341">
        <v>0</v>
      </c>
      <c r="Z30" s="342">
        <v>0</v>
      </c>
      <c r="AA30" s="343">
        <v>0</v>
      </c>
      <c r="AB30" s="341">
        <v>0</v>
      </c>
      <c r="AC30" s="342">
        <v>74494</v>
      </c>
      <c r="AD30" s="342">
        <v>93241</v>
      </c>
      <c r="AE30" s="342">
        <v>48705</v>
      </c>
      <c r="AF30" s="342">
        <v>118423</v>
      </c>
      <c r="AG30" s="342">
        <v>313793</v>
      </c>
      <c r="AH30" s="343">
        <v>648656</v>
      </c>
      <c r="AI30" s="345">
        <v>648656</v>
      </c>
      <c r="AJ30" s="341">
        <v>0</v>
      </c>
      <c r="AK30" s="342">
        <v>0</v>
      </c>
      <c r="AL30" s="343">
        <v>0</v>
      </c>
      <c r="AM30" s="341">
        <v>0</v>
      </c>
      <c r="AN30" s="342">
        <v>40917</v>
      </c>
      <c r="AO30" s="342">
        <v>0</v>
      </c>
      <c r="AP30" s="342">
        <v>0</v>
      </c>
      <c r="AQ30" s="342">
        <v>0</v>
      </c>
      <c r="AR30" s="342">
        <v>81842</v>
      </c>
      <c r="AS30" s="343">
        <v>122759</v>
      </c>
      <c r="AT30" s="345">
        <v>122759</v>
      </c>
      <c r="AU30" s="341">
        <v>3370</v>
      </c>
      <c r="AV30" s="342">
        <v>75132</v>
      </c>
      <c r="AW30" s="343">
        <v>78502</v>
      </c>
      <c r="AX30" s="341">
        <v>0</v>
      </c>
      <c r="AY30" s="342">
        <v>58839</v>
      </c>
      <c r="AZ30" s="342">
        <v>99631</v>
      </c>
      <c r="BA30" s="342">
        <v>23069</v>
      </c>
      <c r="BB30" s="342">
        <v>0</v>
      </c>
      <c r="BC30" s="342">
        <v>71027</v>
      </c>
      <c r="BD30" s="343">
        <v>252566</v>
      </c>
      <c r="BE30" s="345">
        <v>331068</v>
      </c>
      <c r="BF30" s="341">
        <v>0</v>
      </c>
      <c r="BG30" s="342">
        <v>0</v>
      </c>
      <c r="BH30" s="346">
        <v>0</v>
      </c>
      <c r="BI30" s="347">
        <v>0</v>
      </c>
      <c r="BJ30" s="342">
        <v>0</v>
      </c>
      <c r="BK30" s="342">
        <v>0</v>
      </c>
      <c r="BL30" s="342">
        <v>0</v>
      </c>
      <c r="BM30" s="342">
        <v>0</v>
      </c>
      <c r="BN30" s="342">
        <v>0</v>
      </c>
      <c r="BO30" s="343">
        <v>0</v>
      </c>
      <c r="BP30" s="345">
        <v>0</v>
      </c>
      <c r="BQ30" s="341">
        <v>19999</v>
      </c>
      <c r="BR30" s="342">
        <v>5432</v>
      </c>
      <c r="BS30" s="343">
        <v>25431</v>
      </c>
      <c r="BT30" s="341">
        <v>0</v>
      </c>
      <c r="BU30" s="342">
        <v>17584</v>
      </c>
      <c r="BV30" s="342">
        <v>12026</v>
      </c>
      <c r="BW30" s="342">
        <v>33929</v>
      </c>
      <c r="BX30" s="342">
        <v>12026</v>
      </c>
      <c r="BY30" s="342">
        <v>28777</v>
      </c>
      <c r="BZ30" s="343">
        <v>104342</v>
      </c>
      <c r="CA30" s="345">
        <v>129773</v>
      </c>
      <c r="CB30" s="341">
        <v>17028</v>
      </c>
      <c r="CC30" s="342">
        <v>0</v>
      </c>
      <c r="CD30" s="343">
        <v>17028</v>
      </c>
      <c r="CE30" s="341">
        <v>0</v>
      </c>
      <c r="CF30" s="342">
        <v>237123</v>
      </c>
      <c r="CG30" s="342">
        <v>197262</v>
      </c>
      <c r="CH30" s="342">
        <v>109473</v>
      </c>
      <c r="CI30" s="342">
        <v>0</v>
      </c>
      <c r="CJ30" s="342">
        <v>60852</v>
      </c>
      <c r="CK30" s="343">
        <v>604710</v>
      </c>
      <c r="CL30" s="345">
        <v>621738</v>
      </c>
      <c r="CM30" s="341">
        <v>0</v>
      </c>
      <c r="CN30" s="342">
        <v>0</v>
      </c>
      <c r="CO30" s="343">
        <v>0</v>
      </c>
      <c r="CP30" s="347">
        <v>0</v>
      </c>
      <c r="CQ30" s="342">
        <v>111683</v>
      </c>
      <c r="CR30" s="342">
        <v>140716</v>
      </c>
      <c r="CS30" s="342">
        <v>15463</v>
      </c>
      <c r="CT30" s="342">
        <v>0</v>
      </c>
      <c r="CU30" s="342">
        <v>0</v>
      </c>
      <c r="CV30" s="343">
        <v>267862</v>
      </c>
      <c r="CW30" s="345">
        <v>267862</v>
      </c>
      <c r="CX30" s="341">
        <v>17028</v>
      </c>
      <c r="CY30" s="342">
        <v>0</v>
      </c>
      <c r="CZ30" s="343">
        <v>17028</v>
      </c>
      <c r="DA30" s="341">
        <v>0</v>
      </c>
      <c r="DB30" s="342">
        <v>125440</v>
      </c>
      <c r="DC30" s="342">
        <v>56546</v>
      </c>
      <c r="DD30" s="342">
        <v>94010</v>
      </c>
      <c r="DE30" s="342">
        <v>0</v>
      </c>
      <c r="DF30" s="342">
        <v>60852</v>
      </c>
      <c r="DG30" s="343">
        <v>336848</v>
      </c>
      <c r="DH30" s="345">
        <v>353876</v>
      </c>
      <c r="DI30" s="341">
        <v>0</v>
      </c>
      <c r="DJ30" s="342">
        <v>0</v>
      </c>
      <c r="DK30" s="346">
        <v>0</v>
      </c>
      <c r="DL30" s="347">
        <v>0</v>
      </c>
      <c r="DM30" s="342">
        <v>77601</v>
      </c>
      <c r="DN30" s="342">
        <v>0</v>
      </c>
      <c r="DO30" s="342">
        <v>222855</v>
      </c>
      <c r="DP30" s="342">
        <v>0</v>
      </c>
      <c r="DQ30" s="342">
        <v>0</v>
      </c>
      <c r="DR30" s="343">
        <v>300456</v>
      </c>
      <c r="DS30" s="345">
        <v>300456</v>
      </c>
      <c r="DT30" s="341">
        <v>0</v>
      </c>
      <c r="DU30" s="342">
        <v>0</v>
      </c>
      <c r="DV30" s="343">
        <v>0</v>
      </c>
      <c r="DW30" s="341">
        <v>0</v>
      </c>
      <c r="DX30" s="342">
        <v>77601</v>
      </c>
      <c r="DY30" s="342">
        <v>0</v>
      </c>
      <c r="DZ30" s="342">
        <v>222855</v>
      </c>
      <c r="EA30" s="342">
        <v>0</v>
      </c>
      <c r="EB30" s="342">
        <v>0</v>
      </c>
      <c r="EC30" s="343">
        <v>300456</v>
      </c>
      <c r="ED30" s="345">
        <v>300456</v>
      </c>
      <c r="EE30" s="341">
        <v>0</v>
      </c>
      <c r="EF30" s="346">
        <v>0</v>
      </c>
      <c r="EG30" s="343">
        <v>0</v>
      </c>
      <c r="EH30" s="341">
        <v>0</v>
      </c>
      <c r="EI30" s="342">
        <v>0</v>
      </c>
      <c r="EJ30" s="342">
        <v>0</v>
      </c>
      <c r="EK30" s="342">
        <v>0</v>
      </c>
      <c r="EL30" s="342">
        <v>0</v>
      </c>
      <c r="EM30" s="342">
        <v>0</v>
      </c>
      <c r="EN30" s="346">
        <v>0</v>
      </c>
      <c r="EO30" s="345">
        <v>0</v>
      </c>
      <c r="EP30" s="341">
        <v>0</v>
      </c>
      <c r="EQ30" s="342">
        <v>0</v>
      </c>
      <c r="ER30" s="346">
        <v>0</v>
      </c>
      <c r="ES30" s="347">
        <v>0</v>
      </c>
      <c r="ET30" s="342">
        <v>0</v>
      </c>
      <c r="EU30" s="342">
        <v>0</v>
      </c>
      <c r="EV30" s="342">
        <v>0</v>
      </c>
      <c r="EW30" s="342">
        <v>0</v>
      </c>
      <c r="EX30" s="342">
        <v>0</v>
      </c>
      <c r="EY30" s="343">
        <v>0</v>
      </c>
      <c r="EZ30" s="345">
        <v>0</v>
      </c>
      <c r="FA30" s="341">
        <v>0</v>
      </c>
      <c r="FB30" s="342">
        <v>0</v>
      </c>
      <c r="FC30" s="346">
        <v>0</v>
      </c>
      <c r="FD30" s="436">
        <v>0</v>
      </c>
      <c r="FE30" s="342">
        <v>0</v>
      </c>
      <c r="FF30" s="342">
        <v>0</v>
      </c>
      <c r="FG30" s="342">
        <v>0</v>
      </c>
      <c r="FH30" s="342">
        <v>0</v>
      </c>
      <c r="FI30" s="342">
        <v>0</v>
      </c>
      <c r="FJ30" s="343">
        <v>0</v>
      </c>
      <c r="FK30" s="345">
        <v>0</v>
      </c>
      <c r="FL30" s="341">
        <v>11088</v>
      </c>
      <c r="FM30" s="342">
        <v>56112</v>
      </c>
      <c r="FN30" s="343">
        <v>67200</v>
      </c>
      <c r="FO30" s="341">
        <v>0</v>
      </c>
      <c r="FP30" s="342">
        <v>38766</v>
      </c>
      <c r="FQ30" s="342">
        <v>124726</v>
      </c>
      <c r="FR30" s="342">
        <v>31234</v>
      </c>
      <c r="FS30" s="342">
        <v>18508</v>
      </c>
      <c r="FT30" s="342">
        <v>59500</v>
      </c>
      <c r="FU30" s="343">
        <v>272734</v>
      </c>
      <c r="FV30" s="345">
        <v>339934</v>
      </c>
      <c r="FW30" s="348">
        <v>11088</v>
      </c>
      <c r="FX30" s="342">
        <v>56112</v>
      </c>
      <c r="FY30" s="346">
        <v>67200</v>
      </c>
      <c r="FZ30" s="347">
        <v>0</v>
      </c>
      <c r="GA30" s="342">
        <v>38766</v>
      </c>
      <c r="GB30" s="342">
        <v>63126</v>
      </c>
      <c r="GC30" s="342">
        <v>31234</v>
      </c>
      <c r="GD30" s="342">
        <v>18508</v>
      </c>
      <c r="GE30" s="342">
        <v>59500</v>
      </c>
      <c r="GF30" s="343">
        <v>211134</v>
      </c>
      <c r="GG30" s="349">
        <v>278334</v>
      </c>
      <c r="GH30" s="348">
        <v>0</v>
      </c>
      <c r="GI30" s="342">
        <v>0</v>
      </c>
      <c r="GJ30" s="346">
        <v>0</v>
      </c>
      <c r="GK30" s="347">
        <v>0</v>
      </c>
      <c r="GL30" s="342">
        <v>0</v>
      </c>
      <c r="GM30" s="342">
        <v>0</v>
      </c>
      <c r="GN30" s="342">
        <v>0</v>
      </c>
      <c r="GO30" s="342">
        <v>0</v>
      </c>
      <c r="GP30" s="342">
        <v>0</v>
      </c>
      <c r="GQ30" s="343">
        <v>0</v>
      </c>
      <c r="GR30" s="345">
        <v>0</v>
      </c>
      <c r="GS30" s="341">
        <v>0</v>
      </c>
      <c r="GT30" s="342">
        <v>0</v>
      </c>
      <c r="GU30" s="343">
        <v>0</v>
      </c>
      <c r="GV30" s="341">
        <v>0</v>
      </c>
      <c r="GW30" s="342">
        <v>0</v>
      </c>
      <c r="GX30" s="342">
        <v>61600</v>
      </c>
      <c r="GY30" s="342">
        <v>0</v>
      </c>
      <c r="GZ30" s="342">
        <v>0</v>
      </c>
      <c r="HA30" s="342">
        <v>0</v>
      </c>
      <c r="HB30" s="346">
        <v>61600</v>
      </c>
      <c r="HC30" s="345">
        <v>61600</v>
      </c>
      <c r="HD30" s="341">
        <v>0</v>
      </c>
      <c r="HE30" s="342">
        <v>0</v>
      </c>
      <c r="HF30" s="346">
        <v>0</v>
      </c>
      <c r="HG30" s="347">
        <v>0</v>
      </c>
      <c r="HH30" s="342">
        <v>0</v>
      </c>
      <c r="HI30" s="342">
        <v>304256</v>
      </c>
      <c r="HJ30" s="342">
        <v>319195</v>
      </c>
      <c r="HK30" s="342">
        <v>174835</v>
      </c>
      <c r="HL30" s="342">
        <v>189853</v>
      </c>
      <c r="HM30" s="343">
        <v>988139</v>
      </c>
      <c r="HN30" s="344">
        <v>988139</v>
      </c>
      <c r="HO30" s="348">
        <v>0</v>
      </c>
      <c r="HP30" s="342">
        <v>0</v>
      </c>
      <c r="HQ30" s="343">
        <v>0</v>
      </c>
      <c r="HR30" s="341">
        <v>0</v>
      </c>
      <c r="HS30" s="342">
        <v>0</v>
      </c>
      <c r="HT30" s="342">
        <v>0</v>
      </c>
      <c r="HU30" s="342">
        <v>0</v>
      </c>
      <c r="HV30" s="342">
        <v>0</v>
      </c>
      <c r="HW30" s="342">
        <v>0</v>
      </c>
      <c r="HX30" s="346">
        <v>0</v>
      </c>
      <c r="HY30" s="345">
        <v>0</v>
      </c>
      <c r="HZ30" s="373">
        <v>0</v>
      </c>
      <c r="IA30" s="371">
        <v>0</v>
      </c>
      <c r="IB30" s="373">
        <v>0</v>
      </c>
      <c r="IC30" s="370">
        <v>0</v>
      </c>
      <c r="ID30" s="371">
        <v>338701</v>
      </c>
      <c r="IE30" s="372">
        <v>89058</v>
      </c>
      <c r="IF30" s="373">
        <v>17299</v>
      </c>
      <c r="IG30" s="371">
        <v>0</v>
      </c>
      <c r="IH30" s="373">
        <v>0</v>
      </c>
      <c r="II30" s="374">
        <v>445058</v>
      </c>
      <c r="IJ30" s="373">
        <v>445058</v>
      </c>
      <c r="IK30" s="357">
        <v>0</v>
      </c>
      <c r="IL30" s="358">
        <v>0</v>
      </c>
      <c r="IM30" s="359">
        <v>0</v>
      </c>
      <c r="IN30" s="436">
        <v>0</v>
      </c>
      <c r="IO30" s="360">
        <v>0</v>
      </c>
      <c r="IP30" s="360">
        <v>0</v>
      </c>
      <c r="IQ30" s="360">
        <v>0</v>
      </c>
      <c r="IR30" s="360">
        <v>0</v>
      </c>
      <c r="IS30" s="360">
        <v>0</v>
      </c>
      <c r="IT30" s="361">
        <v>0</v>
      </c>
      <c r="IU30" s="362">
        <v>0</v>
      </c>
      <c r="IV30" s="363">
        <v>0</v>
      </c>
      <c r="IW30" s="360">
        <v>0</v>
      </c>
      <c r="IX30" s="364">
        <v>0</v>
      </c>
      <c r="IY30" s="436">
        <v>0</v>
      </c>
      <c r="IZ30" s="360">
        <v>0</v>
      </c>
      <c r="JA30" s="360">
        <v>0</v>
      </c>
      <c r="JB30" s="360">
        <v>0</v>
      </c>
      <c r="JC30" s="360">
        <v>0</v>
      </c>
      <c r="JD30" s="360">
        <v>0</v>
      </c>
      <c r="JE30" s="364">
        <v>0</v>
      </c>
      <c r="JF30" s="365">
        <v>0</v>
      </c>
      <c r="JG30" s="363">
        <v>0</v>
      </c>
      <c r="JH30" s="360">
        <v>0</v>
      </c>
      <c r="JI30" s="361">
        <v>0</v>
      </c>
      <c r="JJ30" s="366">
        <v>0</v>
      </c>
      <c r="JK30" s="360">
        <v>152279</v>
      </c>
      <c r="JL30" s="360">
        <v>89058</v>
      </c>
      <c r="JM30" s="360">
        <v>17299</v>
      </c>
      <c r="JN30" s="360">
        <v>0</v>
      </c>
      <c r="JO30" s="360">
        <v>0</v>
      </c>
      <c r="JP30" s="364">
        <v>258636</v>
      </c>
      <c r="JQ30" s="362">
        <v>258636</v>
      </c>
      <c r="JR30" s="363">
        <v>0</v>
      </c>
      <c r="JS30" s="360">
        <v>0</v>
      </c>
      <c r="JT30" s="361">
        <v>0</v>
      </c>
      <c r="JU30" s="366">
        <v>0</v>
      </c>
      <c r="JV30" s="360">
        <v>0</v>
      </c>
      <c r="JW30" s="360">
        <v>0</v>
      </c>
      <c r="JX30" s="360">
        <v>0</v>
      </c>
      <c r="JY30" s="360">
        <v>0</v>
      </c>
      <c r="JZ30" s="360">
        <v>0</v>
      </c>
      <c r="KA30" s="364">
        <v>0</v>
      </c>
      <c r="KB30" s="362">
        <v>0</v>
      </c>
      <c r="KC30" s="367">
        <v>0</v>
      </c>
      <c r="KD30" s="368">
        <v>0</v>
      </c>
      <c r="KE30" s="364">
        <v>0</v>
      </c>
      <c r="KF30" s="366">
        <v>0</v>
      </c>
      <c r="KG30" s="360">
        <v>0</v>
      </c>
      <c r="KH30" s="360">
        <v>0</v>
      </c>
      <c r="KI30" s="360">
        <v>0</v>
      </c>
      <c r="KJ30" s="360">
        <v>0</v>
      </c>
      <c r="KK30" s="360">
        <v>0</v>
      </c>
      <c r="KL30" s="364">
        <v>0</v>
      </c>
      <c r="KM30" s="369">
        <v>0</v>
      </c>
      <c r="KN30" s="357">
        <v>0</v>
      </c>
      <c r="KO30" s="358">
        <v>0</v>
      </c>
      <c r="KP30" s="359">
        <v>0</v>
      </c>
      <c r="KQ30" s="436">
        <v>0</v>
      </c>
      <c r="KR30" s="360">
        <v>186422</v>
      </c>
      <c r="KS30" s="360">
        <v>0</v>
      </c>
      <c r="KT30" s="360">
        <v>0</v>
      </c>
      <c r="KU30" s="360">
        <v>0</v>
      </c>
      <c r="KV30" s="360">
        <v>0</v>
      </c>
      <c r="KW30" s="364">
        <v>186422</v>
      </c>
      <c r="KX30" s="362">
        <v>186422</v>
      </c>
      <c r="KY30" s="363">
        <v>0</v>
      </c>
      <c r="KZ30" s="360">
        <v>0</v>
      </c>
      <c r="LA30" s="364">
        <v>0</v>
      </c>
      <c r="LB30" s="436">
        <v>0</v>
      </c>
      <c r="LC30" s="360">
        <v>0</v>
      </c>
      <c r="LD30" s="360">
        <v>0</v>
      </c>
      <c r="LE30" s="360">
        <v>0</v>
      </c>
      <c r="LF30" s="360">
        <v>0</v>
      </c>
      <c r="LG30" s="360">
        <v>0</v>
      </c>
      <c r="LH30" s="364">
        <v>0</v>
      </c>
      <c r="LI30" s="365">
        <v>0</v>
      </c>
      <c r="LJ30" s="363">
        <v>0</v>
      </c>
      <c r="LK30" s="360">
        <v>0</v>
      </c>
      <c r="LL30" s="364">
        <v>0</v>
      </c>
      <c r="LM30" s="436">
        <v>0</v>
      </c>
      <c r="LN30" s="360">
        <v>0</v>
      </c>
      <c r="LO30" s="360">
        <v>0</v>
      </c>
      <c r="LP30" s="360">
        <v>0</v>
      </c>
      <c r="LQ30" s="360">
        <v>0</v>
      </c>
      <c r="LR30" s="360">
        <v>0</v>
      </c>
      <c r="LS30" s="364">
        <v>0</v>
      </c>
      <c r="LT30" s="362">
        <v>0</v>
      </c>
      <c r="LU30" s="363">
        <v>0</v>
      </c>
      <c r="LV30" s="360">
        <v>0</v>
      </c>
      <c r="LW30" s="364">
        <v>0</v>
      </c>
      <c r="LX30" s="436">
        <v>0</v>
      </c>
      <c r="LY30" s="360">
        <v>0</v>
      </c>
      <c r="LZ30" s="360">
        <v>0</v>
      </c>
      <c r="MA30" s="360">
        <v>0</v>
      </c>
      <c r="MB30" s="360">
        <v>0</v>
      </c>
      <c r="MC30" s="360">
        <v>0</v>
      </c>
      <c r="MD30" s="364">
        <v>0</v>
      </c>
      <c r="ME30" s="365">
        <v>0</v>
      </c>
      <c r="MF30" s="363">
        <v>0</v>
      </c>
      <c r="MG30" s="360">
        <v>0</v>
      </c>
      <c r="MH30" s="364">
        <v>0</v>
      </c>
      <c r="MI30" s="436">
        <v>0</v>
      </c>
      <c r="MJ30" s="360">
        <v>216699</v>
      </c>
      <c r="MK30" s="360">
        <v>464675</v>
      </c>
      <c r="ML30" s="360">
        <v>412704</v>
      </c>
      <c r="MM30" s="360">
        <v>878335</v>
      </c>
      <c r="MN30" s="360">
        <v>659980</v>
      </c>
      <c r="MO30" s="364">
        <v>2632393</v>
      </c>
      <c r="MP30" s="369">
        <v>2632393</v>
      </c>
      <c r="MQ30" s="363">
        <v>0</v>
      </c>
      <c r="MR30" s="360">
        <v>0</v>
      </c>
      <c r="MS30" s="364">
        <v>0</v>
      </c>
      <c r="MT30" s="436">
        <v>0</v>
      </c>
      <c r="MU30" s="360">
        <v>0</v>
      </c>
      <c r="MV30" s="360">
        <v>0</v>
      </c>
      <c r="MW30" s="360">
        <v>412704</v>
      </c>
      <c r="MX30" s="360">
        <v>401372</v>
      </c>
      <c r="MY30" s="360">
        <v>659980</v>
      </c>
      <c r="MZ30" s="364">
        <v>1474056</v>
      </c>
      <c r="NA30" s="369">
        <v>1474056</v>
      </c>
      <c r="NB30" s="363">
        <v>0</v>
      </c>
      <c r="NC30" s="360">
        <v>0</v>
      </c>
      <c r="ND30" s="364">
        <v>0</v>
      </c>
      <c r="NE30" s="436">
        <v>0</v>
      </c>
      <c r="NF30" s="360">
        <v>216699</v>
      </c>
      <c r="NG30" s="360">
        <v>464675</v>
      </c>
      <c r="NH30" s="360">
        <v>0</v>
      </c>
      <c r="NI30" s="360">
        <v>476963</v>
      </c>
      <c r="NJ30" s="360">
        <v>0</v>
      </c>
      <c r="NK30" s="364">
        <v>1158337</v>
      </c>
      <c r="NL30" s="362">
        <v>1158337</v>
      </c>
      <c r="NM30" s="363">
        <v>0</v>
      </c>
      <c r="NN30" s="360">
        <v>0</v>
      </c>
      <c r="NO30" s="364">
        <v>0</v>
      </c>
      <c r="NP30" s="436">
        <v>0</v>
      </c>
      <c r="NQ30" s="360">
        <v>0</v>
      </c>
      <c r="NR30" s="360">
        <v>0</v>
      </c>
      <c r="NS30" s="360">
        <v>0</v>
      </c>
      <c r="NT30" s="360">
        <v>0</v>
      </c>
      <c r="NU30" s="360">
        <v>0</v>
      </c>
      <c r="NV30" s="364">
        <v>0</v>
      </c>
      <c r="NW30" s="365">
        <v>0</v>
      </c>
      <c r="NX30" s="363">
        <v>0</v>
      </c>
      <c r="NY30" s="360">
        <v>0</v>
      </c>
      <c r="NZ30" s="364">
        <v>0</v>
      </c>
      <c r="OA30" s="436">
        <v>0</v>
      </c>
      <c r="OB30" s="360">
        <v>0</v>
      </c>
      <c r="OC30" s="360">
        <v>0</v>
      </c>
      <c r="OD30" s="360">
        <v>0</v>
      </c>
      <c r="OE30" s="360">
        <v>0</v>
      </c>
      <c r="OF30" s="360">
        <v>0</v>
      </c>
      <c r="OG30" s="364">
        <v>0</v>
      </c>
      <c r="OH30" s="365">
        <v>0</v>
      </c>
      <c r="OI30" s="363">
        <v>51485</v>
      </c>
      <c r="OJ30" s="360">
        <v>136676</v>
      </c>
      <c r="OK30" s="361">
        <v>188161</v>
      </c>
      <c r="OL30" s="366">
        <v>0</v>
      </c>
      <c r="OM30" s="360">
        <v>1100724</v>
      </c>
      <c r="ON30" s="360">
        <v>1384875</v>
      </c>
      <c r="OO30" s="360">
        <v>1218463</v>
      </c>
      <c r="OP30" s="360">
        <v>1202127</v>
      </c>
      <c r="OQ30" s="360">
        <v>1465624</v>
      </c>
      <c r="OR30" s="364">
        <v>6371813</v>
      </c>
      <c r="OS30" s="369">
        <v>6559974</v>
      </c>
    </row>
    <row r="31" spans="2:409" s="137" customFormat="1" ht="21" customHeight="1" x14ac:dyDescent="0.2">
      <c r="B31" s="421" t="s">
        <v>26</v>
      </c>
      <c r="C31" s="341">
        <v>93326</v>
      </c>
      <c r="D31" s="342">
        <v>193937</v>
      </c>
      <c r="E31" s="343">
        <v>287263</v>
      </c>
      <c r="F31" s="344">
        <v>0</v>
      </c>
      <c r="G31" s="342">
        <v>1758964</v>
      </c>
      <c r="H31" s="342">
        <v>1319607</v>
      </c>
      <c r="I31" s="342">
        <v>778099</v>
      </c>
      <c r="J31" s="342">
        <v>956851</v>
      </c>
      <c r="K31" s="342">
        <v>974750</v>
      </c>
      <c r="L31" s="382">
        <v>5788271</v>
      </c>
      <c r="M31" s="345">
        <v>6075534</v>
      </c>
      <c r="N31" s="341">
        <v>45798</v>
      </c>
      <c r="O31" s="342">
        <v>93151</v>
      </c>
      <c r="P31" s="343">
        <v>138949</v>
      </c>
      <c r="Q31" s="341">
        <v>0</v>
      </c>
      <c r="R31" s="342">
        <v>386140</v>
      </c>
      <c r="S31" s="342">
        <v>521063</v>
      </c>
      <c r="T31" s="342">
        <v>82892</v>
      </c>
      <c r="U31" s="342">
        <v>314296</v>
      </c>
      <c r="V31" s="342">
        <v>863276</v>
      </c>
      <c r="W31" s="343">
        <v>2167667</v>
      </c>
      <c r="X31" s="345">
        <v>2306616</v>
      </c>
      <c r="Y31" s="341">
        <v>0</v>
      </c>
      <c r="Z31" s="342">
        <v>0</v>
      </c>
      <c r="AA31" s="343">
        <v>0</v>
      </c>
      <c r="AB31" s="341">
        <v>0</v>
      </c>
      <c r="AC31" s="342">
        <v>101336</v>
      </c>
      <c r="AD31" s="342">
        <v>210694</v>
      </c>
      <c r="AE31" s="342">
        <v>26899</v>
      </c>
      <c r="AF31" s="342">
        <v>89100</v>
      </c>
      <c r="AG31" s="342">
        <v>444751</v>
      </c>
      <c r="AH31" s="343">
        <v>872780</v>
      </c>
      <c r="AI31" s="345">
        <v>872780</v>
      </c>
      <c r="AJ31" s="341">
        <v>0</v>
      </c>
      <c r="AK31" s="342">
        <v>0</v>
      </c>
      <c r="AL31" s="343">
        <v>0</v>
      </c>
      <c r="AM31" s="341">
        <v>0</v>
      </c>
      <c r="AN31" s="342">
        <v>0</v>
      </c>
      <c r="AO31" s="342">
        <v>0</v>
      </c>
      <c r="AP31" s="342">
        <v>0</v>
      </c>
      <c r="AQ31" s="342">
        <v>0</v>
      </c>
      <c r="AR31" s="342">
        <v>139192</v>
      </c>
      <c r="AS31" s="343">
        <v>139192</v>
      </c>
      <c r="AT31" s="345">
        <v>139192</v>
      </c>
      <c r="AU31" s="341">
        <v>0</v>
      </c>
      <c r="AV31" s="342">
        <v>32043</v>
      </c>
      <c r="AW31" s="343">
        <v>32043</v>
      </c>
      <c r="AX31" s="341">
        <v>0</v>
      </c>
      <c r="AY31" s="342">
        <v>144031</v>
      </c>
      <c r="AZ31" s="342">
        <v>257526</v>
      </c>
      <c r="BA31" s="342">
        <v>0</v>
      </c>
      <c r="BB31" s="342">
        <v>143303</v>
      </c>
      <c r="BC31" s="342">
        <v>257983</v>
      </c>
      <c r="BD31" s="343">
        <v>802843</v>
      </c>
      <c r="BE31" s="345">
        <v>834886</v>
      </c>
      <c r="BF31" s="341">
        <v>28634</v>
      </c>
      <c r="BG31" s="342">
        <v>61108</v>
      </c>
      <c r="BH31" s="346">
        <v>89742</v>
      </c>
      <c r="BI31" s="347">
        <v>0</v>
      </c>
      <c r="BJ31" s="342">
        <v>33435</v>
      </c>
      <c r="BK31" s="342">
        <v>0</v>
      </c>
      <c r="BL31" s="342">
        <v>0</v>
      </c>
      <c r="BM31" s="342">
        <v>0</v>
      </c>
      <c r="BN31" s="342">
        <v>0</v>
      </c>
      <c r="BO31" s="343">
        <v>33435</v>
      </c>
      <c r="BP31" s="345">
        <v>123177</v>
      </c>
      <c r="BQ31" s="341">
        <v>17164</v>
      </c>
      <c r="BR31" s="342">
        <v>0</v>
      </c>
      <c r="BS31" s="343">
        <v>17164</v>
      </c>
      <c r="BT31" s="341">
        <v>0</v>
      </c>
      <c r="BU31" s="342">
        <v>107338</v>
      </c>
      <c r="BV31" s="342">
        <v>52843</v>
      </c>
      <c r="BW31" s="342">
        <v>55993</v>
      </c>
      <c r="BX31" s="342">
        <v>81893</v>
      </c>
      <c r="BY31" s="342">
        <v>21350</v>
      </c>
      <c r="BZ31" s="343">
        <v>319417</v>
      </c>
      <c r="CA31" s="345">
        <v>336581</v>
      </c>
      <c r="CB31" s="341">
        <v>0</v>
      </c>
      <c r="CC31" s="342">
        <v>0</v>
      </c>
      <c r="CD31" s="343">
        <v>0</v>
      </c>
      <c r="CE31" s="341">
        <v>0</v>
      </c>
      <c r="CF31" s="342">
        <v>454287</v>
      </c>
      <c r="CG31" s="342">
        <v>232844</v>
      </c>
      <c r="CH31" s="342">
        <v>42033</v>
      </c>
      <c r="CI31" s="342">
        <v>64290</v>
      </c>
      <c r="CJ31" s="342">
        <v>0</v>
      </c>
      <c r="CK31" s="343">
        <v>793454</v>
      </c>
      <c r="CL31" s="345">
        <v>793454</v>
      </c>
      <c r="CM31" s="341">
        <v>0</v>
      </c>
      <c r="CN31" s="342">
        <v>0</v>
      </c>
      <c r="CO31" s="343">
        <v>0</v>
      </c>
      <c r="CP31" s="347">
        <v>0</v>
      </c>
      <c r="CQ31" s="342">
        <v>254034</v>
      </c>
      <c r="CR31" s="342">
        <v>104279</v>
      </c>
      <c r="CS31" s="342">
        <v>42033</v>
      </c>
      <c r="CT31" s="342">
        <v>64290</v>
      </c>
      <c r="CU31" s="342">
        <v>0</v>
      </c>
      <c r="CV31" s="343">
        <v>464636</v>
      </c>
      <c r="CW31" s="345">
        <v>464636</v>
      </c>
      <c r="CX31" s="341">
        <v>0</v>
      </c>
      <c r="CY31" s="342">
        <v>0</v>
      </c>
      <c r="CZ31" s="343">
        <v>0</v>
      </c>
      <c r="DA31" s="341">
        <v>0</v>
      </c>
      <c r="DB31" s="342">
        <v>200253</v>
      </c>
      <c r="DC31" s="342">
        <v>128565</v>
      </c>
      <c r="DD31" s="342">
        <v>0</v>
      </c>
      <c r="DE31" s="342">
        <v>0</v>
      </c>
      <c r="DF31" s="342">
        <v>0</v>
      </c>
      <c r="DG31" s="343">
        <v>328818</v>
      </c>
      <c r="DH31" s="345">
        <v>328818</v>
      </c>
      <c r="DI31" s="341">
        <v>0</v>
      </c>
      <c r="DJ31" s="342">
        <v>0</v>
      </c>
      <c r="DK31" s="346">
        <v>0</v>
      </c>
      <c r="DL31" s="347">
        <v>0</v>
      </c>
      <c r="DM31" s="342">
        <v>116274</v>
      </c>
      <c r="DN31" s="342">
        <v>22863</v>
      </c>
      <c r="DO31" s="342">
        <v>118902</v>
      </c>
      <c r="DP31" s="342">
        <v>0</v>
      </c>
      <c r="DQ31" s="342">
        <v>0</v>
      </c>
      <c r="DR31" s="343">
        <v>258039</v>
      </c>
      <c r="DS31" s="345">
        <v>258039</v>
      </c>
      <c r="DT31" s="341">
        <v>0</v>
      </c>
      <c r="DU31" s="342">
        <v>0</v>
      </c>
      <c r="DV31" s="343">
        <v>0</v>
      </c>
      <c r="DW31" s="341">
        <v>0</v>
      </c>
      <c r="DX31" s="342">
        <v>116274</v>
      </c>
      <c r="DY31" s="342">
        <v>22863</v>
      </c>
      <c r="DZ31" s="342">
        <v>118902</v>
      </c>
      <c r="EA31" s="342">
        <v>0</v>
      </c>
      <c r="EB31" s="342">
        <v>0</v>
      </c>
      <c r="EC31" s="343">
        <v>258039</v>
      </c>
      <c r="ED31" s="345">
        <v>258039</v>
      </c>
      <c r="EE31" s="341">
        <v>0</v>
      </c>
      <c r="EF31" s="346">
        <v>0</v>
      </c>
      <c r="EG31" s="343">
        <v>0</v>
      </c>
      <c r="EH31" s="341">
        <v>0</v>
      </c>
      <c r="EI31" s="342">
        <v>0</v>
      </c>
      <c r="EJ31" s="342">
        <v>0</v>
      </c>
      <c r="EK31" s="342">
        <v>0</v>
      </c>
      <c r="EL31" s="342">
        <v>0</v>
      </c>
      <c r="EM31" s="342">
        <v>0</v>
      </c>
      <c r="EN31" s="346">
        <v>0</v>
      </c>
      <c r="EO31" s="345">
        <v>0</v>
      </c>
      <c r="EP31" s="341">
        <v>0</v>
      </c>
      <c r="EQ31" s="342">
        <v>0</v>
      </c>
      <c r="ER31" s="346">
        <v>0</v>
      </c>
      <c r="ES31" s="347">
        <v>0</v>
      </c>
      <c r="ET31" s="342">
        <v>0</v>
      </c>
      <c r="EU31" s="342">
        <v>0</v>
      </c>
      <c r="EV31" s="342">
        <v>0</v>
      </c>
      <c r="EW31" s="342">
        <v>0</v>
      </c>
      <c r="EX31" s="342">
        <v>0</v>
      </c>
      <c r="EY31" s="343">
        <v>0</v>
      </c>
      <c r="EZ31" s="345">
        <v>0</v>
      </c>
      <c r="FA31" s="341">
        <v>0</v>
      </c>
      <c r="FB31" s="342">
        <v>0</v>
      </c>
      <c r="FC31" s="346">
        <v>0</v>
      </c>
      <c r="FD31" s="436">
        <v>0</v>
      </c>
      <c r="FE31" s="342">
        <v>0</v>
      </c>
      <c r="FF31" s="342">
        <v>0</v>
      </c>
      <c r="FG31" s="342">
        <v>0</v>
      </c>
      <c r="FH31" s="342">
        <v>0</v>
      </c>
      <c r="FI31" s="342">
        <v>0</v>
      </c>
      <c r="FJ31" s="343">
        <v>0</v>
      </c>
      <c r="FK31" s="345">
        <v>0</v>
      </c>
      <c r="FL31" s="341">
        <v>3500</v>
      </c>
      <c r="FM31" s="342">
        <v>19166</v>
      </c>
      <c r="FN31" s="343">
        <v>22666</v>
      </c>
      <c r="FO31" s="341">
        <v>0</v>
      </c>
      <c r="FP31" s="342">
        <v>52220</v>
      </c>
      <c r="FQ31" s="342">
        <v>132503</v>
      </c>
      <c r="FR31" s="342">
        <v>28630</v>
      </c>
      <c r="FS31" s="342">
        <v>39109</v>
      </c>
      <c r="FT31" s="342">
        <v>98441</v>
      </c>
      <c r="FU31" s="343">
        <v>350903</v>
      </c>
      <c r="FV31" s="345">
        <v>373569</v>
      </c>
      <c r="FW31" s="348">
        <v>3500</v>
      </c>
      <c r="FX31" s="342">
        <v>19166</v>
      </c>
      <c r="FY31" s="346">
        <v>22666</v>
      </c>
      <c r="FZ31" s="347">
        <v>0</v>
      </c>
      <c r="GA31" s="342">
        <v>52220</v>
      </c>
      <c r="GB31" s="342">
        <v>132503</v>
      </c>
      <c r="GC31" s="342">
        <v>28630</v>
      </c>
      <c r="GD31" s="342">
        <v>39109</v>
      </c>
      <c r="GE31" s="342">
        <v>98441</v>
      </c>
      <c r="GF31" s="343">
        <v>350903</v>
      </c>
      <c r="GG31" s="349">
        <v>373569</v>
      </c>
      <c r="GH31" s="348">
        <v>0</v>
      </c>
      <c r="GI31" s="342">
        <v>0</v>
      </c>
      <c r="GJ31" s="346">
        <v>0</v>
      </c>
      <c r="GK31" s="347">
        <v>0</v>
      </c>
      <c r="GL31" s="342">
        <v>0</v>
      </c>
      <c r="GM31" s="342">
        <v>0</v>
      </c>
      <c r="GN31" s="342">
        <v>0</v>
      </c>
      <c r="GO31" s="342">
        <v>0</v>
      </c>
      <c r="GP31" s="342">
        <v>0</v>
      </c>
      <c r="GQ31" s="343">
        <v>0</v>
      </c>
      <c r="GR31" s="345">
        <v>0</v>
      </c>
      <c r="GS31" s="341">
        <v>0</v>
      </c>
      <c r="GT31" s="342">
        <v>0</v>
      </c>
      <c r="GU31" s="343">
        <v>0</v>
      </c>
      <c r="GV31" s="341">
        <v>0</v>
      </c>
      <c r="GW31" s="342">
        <v>0</v>
      </c>
      <c r="GX31" s="342">
        <v>0</v>
      </c>
      <c r="GY31" s="342">
        <v>0</v>
      </c>
      <c r="GZ31" s="342">
        <v>0</v>
      </c>
      <c r="HA31" s="342">
        <v>0</v>
      </c>
      <c r="HB31" s="346">
        <v>0</v>
      </c>
      <c r="HC31" s="345">
        <v>0</v>
      </c>
      <c r="HD31" s="341">
        <v>44028</v>
      </c>
      <c r="HE31" s="342">
        <v>81620</v>
      </c>
      <c r="HF31" s="346">
        <v>125648</v>
      </c>
      <c r="HG31" s="347">
        <v>0</v>
      </c>
      <c r="HH31" s="342">
        <v>750043</v>
      </c>
      <c r="HI31" s="342">
        <v>410334</v>
      </c>
      <c r="HJ31" s="342">
        <v>505642</v>
      </c>
      <c r="HK31" s="342">
        <v>539156</v>
      </c>
      <c r="HL31" s="342">
        <v>13033</v>
      </c>
      <c r="HM31" s="343">
        <v>2218208</v>
      </c>
      <c r="HN31" s="344">
        <v>2343856</v>
      </c>
      <c r="HO31" s="348">
        <v>0</v>
      </c>
      <c r="HP31" s="342">
        <v>0</v>
      </c>
      <c r="HQ31" s="343">
        <v>0</v>
      </c>
      <c r="HR31" s="341">
        <v>0</v>
      </c>
      <c r="HS31" s="342">
        <v>0</v>
      </c>
      <c r="HT31" s="342">
        <v>0</v>
      </c>
      <c r="HU31" s="342">
        <v>0</v>
      </c>
      <c r="HV31" s="342">
        <v>0</v>
      </c>
      <c r="HW31" s="342">
        <v>0</v>
      </c>
      <c r="HX31" s="346">
        <v>0</v>
      </c>
      <c r="HY31" s="345">
        <v>0</v>
      </c>
      <c r="HZ31" s="350">
        <v>0</v>
      </c>
      <c r="IA31" s="351">
        <v>0</v>
      </c>
      <c r="IB31" s="352">
        <v>0</v>
      </c>
      <c r="IC31" s="353">
        <v>0</v>
      </c>
      <c r="ID31" s="351">
        <v>12940</v>
      </c>
      <c r="IE31" s="354">
        <v>407798</v>
      </c>
      <c r="IF31" s="352">
        <v>627806</v>
      </c>
      <c r="IG31" s="351">
        <v>206870</v>
      </c>
      <c r="IH31" s="352">
        <v>22077</v>
      </c>
      <c r="II31" s="355">
        <v>1277491</v>
      </c>
      <c r="IJ31" s="356">
        <v>1277491</v>
      </c>
      <c r="IK31" s="357">
        <v>0</v>
      </c>
      <c r="IL31" s="358">
        <v>0</v>
      </c>
      <c r="IM31" s="359">
        <v>0</v>
      </c>
      <c r="IN31" s="436">
        <v>0</v>
      </c>
      <c r="IO31" s="360">
        <v>0</v>
      </c>
      <c r="IP31" s="360">
        <v>0</v>
      </c>
      <c r="IQ31" s="360">
        <v>0</v>
      </c>
      <c r="IR31" s="360">
        <v>0</v>
      </c>
      <c r="IS31" s="360">
        <v>0</v>
      </c>
      <c r="IT31" s="361">
        <v>0</v>
      </c>
      <c r="IU31" s="362">
        <v>0</v>
      </c>
      <c r="IV31" s="363">
        <v>0</v>
      </c>
      <c r="IW31" s="360">
        <v>0</v>
      </c>
      <c r="IX31" s="364">
        <v>0</v>
      </c>
      <c r="IY31" s="436">
        <v>0</v>
      </c>
      <c r="IZ31" s="360">
        <v>0</v>
      </c>
      <c r="JA31" s="360">
        <v>0</v>
      </c>
      <c r="JB31" s="360">
        <v>0</v>
      </c>
      <c r="JC31" s="360">
        <v>0</v>
      </c>
      <c r="JD31" s="360">
        <v>0</v>
      </c>
      <c r="JE31" s="364">
        <v>0</v>
      </c>
      <c r="JF31" s="365">
        <v>0</v>
      </c>
      <c r="JG31" s="363">
        <v>0</v>
      </c>
      <c r="JH31" s="360">
        <v>0</v>
      </c>
      <c r="JI31" s="361">
        <v>0</v>
      </c>
      <c r="JJ31" s="366">
        <v>0</v>
      </c>
      <c r="JK31" s="360">
        <v>12940</v>
      </c>
      <c r="JL31" s="360">
        <v>52687</v>
      </c>
      <c r="JM31" s="360">
        <v>219357</v>
      </c>
      <c r="JN31" s="360">
        <v>0</v>
      </c>
      <c r="JO31" s="360">
        <v>22077</v>
      </c>
      <c r="JP31" s="364">
        <v>307061</v>
      </c>
      <c r="JQ31" s="362">
        <v>307061</v>
      </c>
      <c r="JR31" s="363">
        <v>0</v>
      </c>
      <c r="JS31" s="360">
        <v>0</v>
      </c>
      <c r="JT31" s="361">
        <v>0</v>
      </c>
      <c r="JU31" s="366">
        <v>0</v>
      </c>
      <c r="JV31" s="360">
        <v>0</v>
      </c>
      <c r="JW31" s="360">
        <v>0</v>
      </c>
      <c r="JX31" s="360">
        <v>0</v>
      </c>
      <c r="JY31" s="360">
        <v>0</v>
      </c>
      <c r="JZ31" s="360">
        <v>0</v>
      </c>
      <c r="KA31" s="364">
        <v>0</v>
      </c>
      <c r="KB31" s="362">
        <v>0</v>
      </c>
      <c r="KC31" s="367">
        <v>0</v>
      </c>
      <c r="KD31" s="368">
        <v>0</v>
      </c>
      <c r="KE31" s="364">
        <v>0</v>
      </c>
      <c r="KF31" s="366">
        <v>0</v>
      </c>
      <c r="KG31" s="360">
        <v>0</v>
      </c>
      <c r="KH31" s="360">
        <v>155538</v>
      </c>
      <c r="KI31" s="360">
        <v>0</v>
      </c>
      <c r="KJ31" s="360">
        <v>0</v>
      </c>
      <c r="KK31" s="360">
        <v>0</v>
      </c>
      <c r="KL31" s="364">
        <v>155538</v>
      </c>
      <c r="KM31" s="369">
        <v>155538</v>
      </c>
      <c r="KN31" s="357">
        <v>0</v>
      </c>
      <c r="KO31" s="358">
        <v>0</v>
      </c>
      <c r="KP31" s="359">
        <v>0</v>
      </c>
      <c r="KQ31" s="436">
        <v>0</v>
      </c>
      <c r="KR31" s="360">
        <v>0</v>
      </c>
      <c r="KS31" s="360">
        <v>199573</v>
      </c>
      <c r="KT31" s="360">
        <v>408449</v>
      </c>
      <c r="KU31" s="360">
        <v>206870</v>
      </c>
      <c r="KV31" s="360">
        <v>0</v>
      </c>
      <c r="KW31" s="364">
        <v>814892</v>
      </c>
      <c r="KX31" s="362">
        <v>814892</v>
      </c>
      <c r="KY31" s="363">
        <v>0</v>
      </c>
      <c r="KZ31" s="360">
        <v>0</v>
      </c>
      <c r="LA31" s="364">
        <v>0</v>
      </c>
      <c r="LB31" s="436">
        <v>0</v>
      </c>
      <c r="LC31" s="360">
        <v>0</v>
      </c>
      <c r="LD31" s="360">
        <v>0</v>
      </c>
      <c r="LE31" s="360">
        <v>0</v>
      </c>
      <c r="LF31" s="360">
        <v>0</v>
      </c>
      <c r="LG31" s="360">
        <v>0</v>
      </c>
      <c r="LH31" s="364">
        <v>0</v>
      </c>
      <c r="LI31" s="365">
        <v>0</v>
      </c>
      <c r="LJ31" s="363">
        <v>0</v>
      </c>
      <c r="LK31" s="360">
        <v>0</v>
      </c>
      <c r="LL31" s="364">
        <v>0</v>
      </c>
      <c r="LM31" s="436">
        <v>0</v>
      </c>
      <c r="LN31" s="360">
        <v>0</v>
      </c>
      <c r="LO31" s="360">
        <v>0</v>
      </c>
      <c r="LP31" s="360">
        <v>0</v>
      </c>
      <c r="LQ31" s="360">
        <v>0</v>
      </c>
      <c r="LR31" s="360">
        <v>0</v>
      </c>
      <c r="LS31" s="364">
        <v>0</v>
      </c>
      <c r="LT31" s="362">
        <v>0</v>
      </c>
      <c r="LU31" s="363">
        <v>0</v>
      </c>
      <c r="LV31" s="360">
        <v>0</v>
      </c>
      <c r="LW31" s="364">
        <v>0</v>
      </c>
      <c r="LX31" s="436">
        <v>0</v>
      </c>
      <c r="LY31" s="360">
        <v>0</v>
      </c>
      <c r="LZ31" s="360">
        <v>0</v>
      </c>
      <c r="MA31" s="360">
        <v>0</v>
      </c>
      <c r="MB31" s="360">
        <v>0</v>
      </c>
      <c r="MC31" s="360">
        <v>0</v>
      </c>
      <c r="MD31" s="364">
        <v>0</v>
      </c>
      <c r="ME31" s="365">
        <v>0</v>
      </c>
      <c r="MF31" s="363">
        <v>0</v>
      </c>
      <c r="MG31" s="360">
        <v>0</v>
      </c>
      <c r="MH31" s="364">
        <v>0</v>
      </c>
      <c r="MI31" s="436">
        <v>0</v>
      </c>
      <c r="MJ31" s="360">
        <v>0</v>
      </c>
      <c r="MK31" s="360">
        <v>640255</v>
      </c>
      <c r="ML31" s="360">
        <v>686794</v>
      </c>
      <c r="MM31" s="360">
        <v>1107803</v>
      </c>
      <c r="MN31" s="360">
        <v>217416</v>
      </c>
      <c r="MO31" s="364">
        <v>2652268</v>
      </c>
      <c r="MP31" s="369">
        <v>2652268</v>
      </c>
      <c r="MQ31" s="363">
        <v>0</v>
      </c>
      <c r="MR31" s="360">
        <v>0</v>
      </c>
      <c r="MS31" s="364">
        <v>0</v>
      </c>
      <c r="MT31" s="436">
        <v>0</v>
      </c>
      <c r="MU31" s="360">
        <v>0</v>
      </c>
      <c r="MV31" s="360">
        <v>0</v>
      </c>
      <c r="MW31" s="360">
        <v>195390</v>
      </c>
      <c r="MX31" s="360">
        <v>427140</v>
      </c>
      <c r="MY31" s="360">
        <v>217416</v>
      </c>
      <c r="MZ31" s="364">
        <v>839946</v>
      </c>
      <c r="NA31" s="369">
        <v>839946</v>
      </c>
      <c r="NB31" s="363">
        <v>0</v>
      </c>
      <c r="NC31" s="360">
        <v>0</v>
      </c>
      <c r="ND31" s="364">
        <v>0</v>
      </c>
      <c r="NE31" s="436">
        <v>0</v>
      </c>
      <c r="NF31" s="360">
        <v>0</v>
      </c>
      <c r="NG31" s="360">
        <v>640255</v>
      </c>
      <c r="NH31" s="360">
        <v>491404</v>
      </c>
      <c r="NI31" s="360">
        <v>680663</v>
      </c>
      <c r="NJ31" s="360">
        <v>0</v>
      </c>
      <c r="NK31" s="364">
        <v>1812322</v>
      </c>
      <c r="NL31" s="362">
        <v>1812322</v>
      </c>
      <c r="NM31" s="363">
        <v>0</v>
      </c>
      <c r="NN31" s="360">
        <v>0</v>
      </c>
      <c r="NO31" s="364">
        <v>0</v>
      </c>
      <c r="NP31" s="436">
        <v>0</v>
      </c>
      <c r="NQ31" s="360">
        <v>0</v>
      </c>
      <c r="NR31" s="360">
        <v>0</v>
      </c>
      <c r="NS31" s="360">
        <v>0</v>
      </c>
      <c r="NT31" s="360">
        <v>0</v>
      </c>
      <c r="NU31" s="360">
        <v>0</v>
      </c>
      <c r="NV31" s="364">
        <v>0</v>
      </c>
      <c r="NW31" s="365">
        <v>0</v>
      </c>
      <c r="NX31" s="363">
        <v>0</v>
      </c>
      <c r="NY31" s="360">
        <v>0</v>
      </c>
      <c r="NZ31" s="364">
        <v>0</v>
      </c>
      <c r="OA31" s="436">
        <v>0</v>
      </c>
      <c r="OB31" s="360">
        <v>0</v>
      </c>
      <c r="OC31" s="360">
        <v>0</v>
      </c>
      <c r="OD31" s="360">
        <v>0</v>
      </c>
      <c r="OE31" s="360">
        <v>0</v>
      </c>
      <c r="OF31" s="360">
        <v>0</v>
      </c>
      <c r="OG31" s="364">
        <v>0</v>
      </c>
      <c r="OH31" s="365">
        <v>0</v>
      </c>
      <c r="OI31" s="363">
        <v>93326</v>
      </c>
      <c r="OJ31" s="360">
        <v>193937</v>
      </c>
      <c r="OK31" s="361">
        <v>287263</v>
      </c>
      <c r="OL31" s="366">
        <v>0</v>
      </c>
      <c r="OM31" s="360">
        <v>1771904</v>
      </c>
      <c r="ON31" s="360">
        <v>2367660</v>
      </c>
      <c r="OO31" s="360">
        <v>2092699</v>
      </c>
      <c r="OP31" s="360">
        <v>2271524</v>
      </c>
      <c r="OQ31" s="360">
        <v>1214243</v>
      </c>
      <c r="OR31" s="364">
        <v>9718030</v>
      </c>
      <c r="OS31" s="369">
        <v>10005293</v>
      </c>
    </row>
    <row r="32" spans="2:409" s="137" customFormat="1" ht="21" customHeight="1" x14ac:dyDescent="0.2">
      <c r="B32" s="421" t="s">
        <v>27</v>
      </c>
      <c r="C32" s="341">
        <v>30723</v>
      </c>
      <c r="D32" s="342">
        <v>224923</v>
      </c>
      <c r="E32" s="343">
        <v>255646</v>
      </c>
      <c r="F32" s="344">
        <v>0</v>
      </c>
      <c r="G32" s="342">
        <v>658192</v>
      </c>
      <c r="H32" s="342">
        <v>897244</v>
      </c>
      <c r="I32" s="342">
        <v>1748777</v>
      </c>
      <c r="J32" s="342">
        <v>338003</v>
      </c>
      <c r="K32" s="342">
        <v>540568</v>
      </c>
      <c r="L32" s="382">
        <v>4182784</v>
      </c>
      <c r="M32" s="345">
        <v>4438430</v>
      </c>
      <c r="N32" s="341">
        <v>0</v>
      </c>
      <c r="O32" s="342">
        <v>44155</v>
      </c>
      <c r="P32" s="343">
        <v>44155</v>
      </c>
      <c r="Q32" s="341">
        <v>0</v>
      </c>
      <c r="R32" s="342">
        <v>35872</v>
      </c>
      <c r="S32" s="342">
        <v>312186</v>
      </c>
      <c r="T32" s="342">
        <v>751673</v>
      </c>
      <c r="U32" s="342">
        <v>86965</v>
      </c>
      <c r="V32" s="342">
        <v>51562</v>
      </c>
      <c r="W32" s="343">
        <v>1238258</v>
      </c>
      <c r="X32" s="345">
        <v>1282413</v>
      </c>
      <c r="Y32" s="341">
        <v>0</v>
      </c>
      <c r="Z32" s="342">
        <v>0</v>
      </c>
      <c r="AA32" s="343">
        <v>0</v>
      </c>
      <c r="AB32" s="341">
        <v>0</v>
      </c>
      <c r="AC32" s="342">
        <v>22334</v>
      </c>
      <c r="AD32" s="342">
        <v>168450</v>
      </c>
      <c r="AE32" s="342">
        <v>501152</v>
      </c>
      <c r="AF32" s="342">
        <v>0</v>
      </c>
      <c r="AG32" s="342">
        <v>0</v>
      </c>
      <c r="AH32" s="343">
        <v>691936</v>
      </c>
      <c r="AI32" s="345">
        <v>691936</v>
      </c>
      <c r="AJ32" s="341">
        <v>0</v>
      </c>
      <c r="AK32" s="342">
        <v>0</v>
      </c>
      <c r="AL32" s="343">
        <v>0</v>
      </c>
      <c r="AM32" s="341">
        <v>0</v>
      </c>
      <c r="AN32" s="342">
        <v>0</v>
      </c>
      <c r="AO32" s="342">
        <v>0</v>
      </c>
      <c r="AP32" s="342">
        <v>9963</v>
      </c>
      <c r="AQ32" s="342">
        <v>31936</v>
      </c>
      <c r="AR32" s="342">
        <v>0</v>
      </c>
      <c r="AS32" s="343">
        <v>41899</v>
      </c>
      <c r="AT32" s="345">
        <v>41899</v>
      </c>
      <c r="AU32" s="341">
        <v>0</v>
      </c>
      <c r="AV32" s="342">
        <v>44155</v>
      </c>
      <c r="AW32" s="343">
        <v>44155</v>
      </c>
      <c r="AX32" s="341">
        <v>0</v>
      </c>
      <c r="AY32" s="342">
        <v>0</v>
      </c>
      <c r="AZ32" s="342">
        <v>109072</v>
      </c>
      <c r="BA32" s="342">
        <v>142446</v>
      </c>
      <c r="BB32" s="342">
        <v>36220</v>
      </c>
      <c r="BC32" s="342">
        <v>0</v>
      </c>
      <c r="BD32" s="343">
        <v>287738</v>
      </c>
      <c r="BE32" s="345">
        <v>331893</v>
      </c>
      <c r="BF32" s="341">
        <v>0</v>
      </c>
      <c r="BG32" s="342">
        <v>0</v>
      </c>
      <c r="BH32" s="346">
        <v>0</v>
      </c>
      <c r="BI32" s="347">
        <v>0</v>
      </c>
      <c r="BJ32" s="342">
        <v>0</v>
      </c>
      <c r="BK32" s="342">
        <v>0</v>
      </c>
      <c r="BL32" s="342">
        <v>0</v>
      </c>
      <c r="BM32" s="342">
        <v>0</v>
      </c>
      <c r="BN32" s="342">
        <v>0</v>
      </c>
      <c r="BO32" s="343">
        <v>0</v>
      </c>
      <c r="BP32" s="345">
        <v>0</v>
      </c>
      <c r="BQ32" s="341">
        <v>0</v>
      </c>
      <c r="BR32" s="342">
        <v>0</v>
      </c>
      <c r="BS32" s="343">
        <v>0</v>
      </c>
      <c r="BT32" s="341">
        <v>0</v>
      </c>
      <c r="BU32" s="342">
        <v>13538</v>
      </c>
      <c r="BV32" s="342">
        <v>34664</v>
      </c>
      <c r="BW32" s="342">
        <v>98112</v>
      </c>
      <c r="BX32" s="342">
        <v>18809</v>
      </c>
      <c r="BY32" s="342">
        <v>51562</v>
      </c>
      <c r="BZ32" s="343">
        <v>216685</v>
      </c>
      <c r="CA32" s="345">
        <v>216685</v>
      </c>
      <c r="CB32" s="341">
        <v>17423</v>
      </c>
      <c r="CC32" s="342">
        <v>0</v>
      </c>
      <c r="CD32" s="343">
        <v>17423</v>
      </c>
      <c r="CE32" s="341">
        <v>0</v>
      </c>
      <c r="CF32" s="342">
        <v>180577</v>
      </c>
      <c r="CG32" s="342">
        <v>237682</v>
      </c>
      <c r="CH32" s="342">
        <v>219927</v>
      </c>
      <c r="CI32" s="342">
        <v>138117</v>
      </c>
      <c r="CJ32" s="342">
        <v>0</v>
      </c>
      <c r="CK32" s="343">
        <v>776303</v>
      </c>
      <c r="CL32" s="345">
        <v>793726</v>
      </c>
      <c r="CM32" s="341">
        <v>0</v>
      </c>
      <c r="CN32" s="342">
        <v>0</v>
      </c>
      <c r="CO32" s="343">
        <v>0</v>
      </c>
      <c r="CP32" s="347">
        <v>0</v>
      </c>
      <c r="CQ32" s="342">
        <v>105115</v>
      </c>
      <c r="CR32" s="342">
        <v>197558</v>
      </c>
      <c r="CS32" s="342">
        <v>145912</v>
      </c>
      <c r="CT32" s="342">
        <v>138117</v>
      </c>
      <c r="CU32" s="342">
        <v>0</v>
      </c>
      <c r="CV32" s="343">
        <v>586702</v>
      </c>
      <c r="CW32" s="345">
        <v>586702</v>
      </c>
      <c r="CX32" s="341">
        <v>17423</v>
      </c>
      <c r="CY32" s="342">
        <v>0</v>
      </c>
      <c r="CZ32" s="343">
        <v>17423</v>
      </c>
      <c r="DA32" s="341">
        <v>0</v>
      </c>
      <c r="DB32" s="342">
        <v>75462</v>
      </c>
      <c r="DC32" s="342">
        <v>40124</v>
      </c>
      <c r="DD32" s="342">
        <v>74015</v>
      </c>
      <c r="DE32" s="342">
        <v>0</v>
      </c>
      <c r="DF32" s="342">
        <v>0</v>
      </c>
      <c r="DG32" s="343">
        <v>189601</v>
      </c>
      <c r="DH32" s="345">
        <v>207024</v>
      </c>
      <c r="DI32" s="341">
        <v>0</v>
      </c>
      <c r="DJ32" s="342">
        <v>0</v>
      </c>
      <c r="DK32" s="346">
        <v>0</v>
      </c>
      <c r="DL32" s="347">
        <v>0</v>
      </c>
      <c r="DM32" s="342">
        <v>35908</v>
      </c>
      <c r="DN32" s="342">
        <v>0</v>
      </c>
      <c r="DO32" s="342">
        <v>51889</v>
      </c>
      <c r="DP32" s="342">
        <v>69871</v>
      </c>
      <c r="DQ32" s="342">
        <v>0</v>
      </c>
      <c r="DR32" s="343">
        <v>157668</v>
      </c>
      <c r="DS32" s="345">
        <v>157668</v>
      </c>
      <c r="DT32" s="341">
        <v>0</v>
      </c>
      <c r="DU32" s="342">
        <v>0</v>
      </c>
      <c r="DV32" s="343">
        <v>0</v>
      </c>
      <c r="DW32" s="341">
        <v>0</v>
      </c>
      <c r="DX32" s="342">
        <v>35908</v>
      </c>
      <c r="DY32" s="342">
        <v>0</v>
      </c>
      <c r="DZ32" s="342">
        <v>51889</v>
      </c>
      <c r="EA32" s="342">
        <v>69871</v>
      </c>
      <c r="EB32" s="342">
        <v>0</v>
      </c>
      <c r="EC32" s="343">
        <v>157668</v>
      </c>
      <c r="ED32" s="345">
        <v>157668</v>
      </c>
      <c r="EE32" s="341">
        <v>0</v>
      </c>
      <c r="EF32" s="346">
        <v>0</v>
      </c>
      <c r="EG32" s="343">
        <v>0</v>
      </c>
      <c r="EH32" s="341">
        <v>0</v>
      </c>
      <c r="EI32" s="342">
        <v>0</v>
      </c>
      <c r="EJ32" s="342">
        <v>0</v>
      </c>
      <c r="EK32" s="342">
        <v>0</v>
      </c>
      <c r="EL32" s="342">
        <v>0</v>
      </c>
      <c r="EM32" s="342">
        <v>0</v>
      </c>
      <c r="EN32" s="346">
        <v>0</v>
      </c>
      <c r="EO32" s="345">
        <v>0</v>
      </c>
      <c r="EP32" s="341">
        <v>0</v>
      </c>
      <c r="EQ32" s="342">
        <v>0</v>
      </c>
      <c r="ER32" s="346">
        <v>0</v>
      </c>
      <c r="ES32" s="347">
        <v>0</v>
      </c>
      <c r="ET32" s="342">
        <v>0</v>
      </c>
      <c r="EU32" s="342">
        <v>0</v>
      </c>
      <c r="EV32" s="342">
        <v>0</v>
      </c>
      <c r="EW32" s="342">
        <v>0</v>
      </c>
      <c r="EX32" s="342">
        <v>0</v>
      </c>
      <c r="EY32" s="343">
        <v>0</v>
      </c>
      <c r="EZ32" s="345">
        <v>0</v>
      </c>
      <c r="FA32" s="341">
        <v>0</v>
      </c>
      <c r="FB32" s="342">
        <v>0</v>
      </c>
      <c r="FC32" s="346">
        <v>0</v>
      </c>
      <c r="FD32" s="436">
        <v>0</v>
      </c>
      <c r="FE32" s="342">
        <v>0</v>
      </c>
      <c r="FF32" s="342">
        <v>0</v>
      </c>
      <c r="FG32" s="342">
        <v>0</v>
      </c>
      <c r="FH32" s="342">
        <v>0</v>
      </c>
      <c r="FI32" s="342">
        <v>0</v>
      </c>
      <c r="FJ32" s="343">
        <v>0</v>
      </c>
      <c r="FK32" s="345">
        <v>0</v>
      </c>
      <c r="FL32" s="341">
        <v>13300</v>
      </c>
      <c r="FM32" s="342">
        <v>180768</v>
      </c>
      <c r="FN32" s="343">
        <v>194068</v>
      </c>
      <c r="FO32" s="341">
        <v>0</v>
      </c>
      <c r="FP32" s="342">
        <v>5950</v>
      </c>
      <c r="FQ32" s="342">
        <v>61082</v>
      </c>
      <c r="FR32" s="342">
        <v>221501</v>
      </c>
      <c r="FS32" s="342">
        <v>43050</v>
      </c>
      <c r="FT32" s="342">
        <v>0</v>
      </c>
      <c r="FU32" s="343">
        <v>331583</v>
      </c>
      <c r="FV32" s="345">
        <v>525651</v>
      </c>
      <c r="FW32" s="348">
        <v>13300</v>
      </c>
      <c r="FX32" s="342">
        <v>54180</v>
      </c>
      <c r="FY32" s="346">
        <v>67480</v>
      </c>
      <c r="FZ32" s="347">
        <v>0</v>
      </c>
      <c r="GA32" s="342">
        <v>5950</v>
      </c>
      <c r="GB32" s="342">
        <v>61082</v>
      </c>
      <c r="GC32" s="342">
        <v>165851</v>
      </c>
      <c r="GD32" s="342">
        <v>43050</v>
      </c>
      <c r="GE32" s="342">
        <v>0</v>
      </c>
      <c r="GF32" s="343">
        <v>275933</v>
      </c>
      <c r="GG32" s="349">
        <v>343413</v>
      </c>
      <c r="GH32" s="348">
        <v>0</v>
      </c>
      <c r="GI32" s="342">
        <v>0</v>
      </c>
      <c r="GJ32" s="346">
        <v>0</v>
      </c>
      <c r="GK32" s="347">
        <v>0</v>
      </c>
      <c r="GL32" s="342">
        <v>0</v>
      </c>
      <c r="GM32" s="342">
        <v>0</v>
      </c>
      <c r="GN32" s="342">
        <v>0</v>
      </c>
      <c r="GO32" s="342">
        <v>0</v>
      </c>
      <c r="GP32" s="342">
        <v>0</v>
      </c>
      <c r="GQ32" s="343">
        <v>0</v>
      </c>
      <c r="GR32" s="345">
        <v>0</v>
      </c>
      <c r="GS32" s="341">
        <v>0</v>
      </c>
      <c r="GT32" s="342">
        <v>126588</v>
      </c>
      <c r="GU32" s="343">
        <v>126588</v>
      </c>
      <c r="GV32" s="341">
        <v>0</v>
      </c>
      <c r="GW32" s="342">
        <v>0</v>
      </c>
      <c r="GX32" s="342">
        <v>0</v>
      </c>
      <c r="GY32" s="342">
        <v>55650</v>
      </c>
      <c r="GZ32" s="342">
        <v>0</v>
      </c>
      <c r="HA32" s="342">
        <v>0</v>
      </c>
      <c r="HB32" s="346">
        <v>55650</v>
      </c>
      <c r="HC32" s="345">
        <v>182238</v>
      </c>
      <c r="HD32" s="341">
        <v>0</v>
      </c>
      <c r="HE32" s="342">
        <v>0</v>
      </c>
      <c r="HF32" s="346">
        <v>0</v>
      </c>
      <c r="HG32" s="347">
        <v>0</v>
      </c>
      <c r="HH32" s="342">
        <v>399885</v>
      </c>
      <c r="HI32" s="342">
        <v>286294</v>
      </c>
      <c r="HJ32" s="342">
        <v>503787</v>
      </c>
      <c r="HK32" s="342">
        <v>0</v>
      </c>
      <c r="HL32" s="342">
        <v>489006</v>
      </c>
      <c r="HM32" s="343">
        <v>1678972</v>
      </c>
      <c r="HN32" s="344">
        <v>1678972</v>
      </c>
      <c r="HO32" s="348">
        <v>0</v>
      </c>
      <c r="HP32" s="342">
        <v>0</v>
      </c>
      <c r="HQ32" s="343">
        <v>0</v>
      </c>
      <c r="HR32" s="341">
        <v>0</v>
      </c>
      <c r="HS32" s="342">
        <v>0</v>
      </c>
      <c r="HT32" s="342">
        <v>0</v>
      </c>
      <c r="HU32" s="342">
        <v>0</v>
      </c>
      <c r="HV32" s="342">
        <v>0</v>
      </c>
      <c r="HW32" s="342">
        <v>0</v>
      </c>
      <c r="HX32" s="346">
        <v>0</v>
      </c>
      <c r="HY32" s="345">
        <v>0</v>
      </c>
      <c r="HZ32" s="373">
        <v>0</v>
      </c>
      <c r="IA32" s="371">
        <v>0</v>
      </c>
      <c r="IB32" s="373">
        <v>0</v>
      </c>
      <c r="IC32" s="370">
        <v>0</v>
      </c>
      <c r="ID32" s="371">
        <v>128923</v>
      </c>
      <c r="IE32" s="372">
        <v>98057</v>
      </c>
      <c r="IF32" s="373">
        <v>82362</v>
      </c>
      <c r="IG32" s="371">
        <v>0</v>
      </c>
      <c r="IH32" s="373">
        <v>0</v>
      </c>
      <c r="II32" s="374">
        <v>309342</v>
      </c>
      <c r="IJ32" s="373">
        <v>309342</v>
      </c>
      <c r="IK32" s="357">
        <v>0</v>
      </c>
      <c r="IL32" s="358">
        <v>0</v>
      </c>
      <c r="IM32" s="359">
        <v>0</v>
      </c>
      <c r="IN32" s="436">
        <v>0</v>
      </c>
      <c r="IO32" s="360">
        <v>0</v>
      </c>
      <c r="IP32" s="360">
        <v>0</v>
      </c>
      <c r="IQ32" s="360">
        <v>0</v>
      </c>
      <c r="IR32" s="360">
        <v>0</v>
      </c>
      <c r="IS32" s="360">
        <v>0</v>
      </c>
      <c r="IT32" s="361">
        <v>0</v>
      </c>
      <c r="IU32" s="362">
        <v>0</v>
      </c>
      <c r="IV32" s="363">
        <v>0</v>
      </c>
      <c r="IW32" s="360">
        <v>0</v>
      </c>
      <c r="IX32" s="364">
        <v>0</v>
      </c>
      <c r="IY32" s="436">
        <v>0</v>
      </c>
      <c r="IZ32" s="360">
        <v>0</v>
      </c>
      <c r="JA32" s="360">
        <v>0</v>
      </c>
      <c r="JB32" s="360">
        <v>0</v>
      </c>
      <c r="JC32" s="360">
        <v>0</v>
      </c>
      <c r="JD32" s="360">
        <v>0</v>
      </c>
      <c r="JE32" s="364">
        <v>0</v>
      </c>
      <c r="JF32" s="365">
        <v>0</v>
      </c>
      <c r="JG32" s="363">
        <v>0</v>
      </c>
      <c r="JH32" s="360">
        <v>0</v>
      </c>
      <c r="JI32" s="361">
        <v>0</v>
      </c>
      <c r="JJ32" s="366">
        <v>0</v>
      </c>
      <c r="JK32" s="360">
        <v>128923</v>
      </c>
      <c r="JL32" s="360">
        <v>50961</v>
      </c>
      <c r="JM32" s="360">
        <v>0</v>
      </c>
      <c r="JN32" s="360">
        <v>0</v>
      </c>
      <c r="JO32" s="360">
        <v>0</v>
      </c>
      <c r="JP32" s="364">
        <v>179884</v>
      </c>
      <c r="JQ32" s="362">
        <v>179884</v>
      </c>
      <c r="JR32" s="363">
        <v>0</v>
      </c>
      <c r="JS32" s="360">
        <v>0</v>
      </c>
      <c r="JT32" s="361">
        <v>0</v>
      </c>
      <c r="JU32" s="366">
        <v>0</v>
      </c>
      <c r="JV32" s="360">
        <v>0</v>
      </c>
      <c r="JW32" s="360">
        <v>47096</v>
      </c>
      <c r="JX32" s="360">
        <v>82362</v>
      </c>
      <c r="JY32" s="360">
        <v>0</v>
      </c>
      <c r="JZ32" s="360">
        <v>0</v>
      </c>
      <c r="KA32" s="364">
        <v>129458</v>
      </c>
      <c r="KB32" s="362">
        <v>129458</v>
      </c>
      <c r="KC32" s="367">
        <v>0</v>
      </c>
      <c r="KD32" s="368">
        <v>0</v>
      </c>
      <c r="KE32" s="364">
        <v>0</v>
      </c>
      <c r="KF32" s="366">
        <v>0</v>
      </c>
      <c r="KG32" s="360">
        <v>0</v>
      </c>
      <c r="KH32" s="360">
        <v>0</v>
      </c>
      <c r="KI32" s="360">
        <v>0</v>
      </c>
      <c r="KJ32" s="360">
        <v>0</v>
      </c>
      <c r="KK32" s="360">
        <v>0</v>
      </c>
      <c r="KL32" s="364">
        <v>0</v>
      </c>
      <c r="KM32" s="369">
        <v>0</v>
      </c>
      <c r="KN32" s="357">
        <v>0</v>
      </c>
      <c r="KO32" s="358">
        <v>0</v>
      </c>
      <c r="KP32" s="359">
        <v>0</v>
      </c>
      <c r="KQ32" s="436">
        <v>0</v>
      </c>
      <c r="KR32" s="360">
        <v>0</v>
      </c>
      <c r="KS32" s="360">
        <v>0</v>
      </c>
      <c r="KT32" s="360">
        <v>0</v>
      </c>
      <c r="KU32" s="360">
        <v>0</v>
      </c>
      <c r="KV32" s="360">
        <v>0</v>
      </c>
      <c r="KW32" s="364">
        <v>0</v>
      </c>
      <c r="KX32" s="362">
        <v>0</v>
      </c>
      <c r="KY32" s="363">
        <v>0</v>
      </c>
      <c r="KZ32" s="360">
        <v>0</v>
      </c>
      <c r="LA32" s="364">
        <v>0</v>
      </c>
      <c r="LB32" s="436">
        <v>0</v>
      </c>
      <c r="LC32" s="360">
        <v>0</v>
      </c>
      <c r="LD32" s="360">
        <v>0</v>
      </c>
      <c r="LE32" s="360">
        <v>0</v>
      </c>
      <c r="LF32" s="360">
        <v>0</v>
      </c>
      <c r="LG32" s="360">
        <v>0</v>
      </c>
      <c r="LH32" s="364">
        <v>0</v>
      </c>
      <c r="LI32" s="365">
        <v>0</v>
      </c>
      <c r="LJ32" s="363">
        <v>0</v>
      </c>
      <c r="LK32" s="360">
        <v>0</v>
      </c>
      <c r="LL32" s="364">
        <v>0</v>
      </c>
      <c r="LM32" s="436">
        <v>0</v>
      </c>
      <c r="LN32" s="360">
        <v>0</v>
      </c>
      <c r="LO32" s="360">
        <v>0</v>
      </c>
      <c r="LP32" s="360">
        <v>0</v>
      </c>
      <c r="LQ32" s="360">
        <v>0</v>
      </c>
      <c r="LR32" s="360">
        <v>0</v>
      </c>
      <c r="LS32" s="364">
        <v>0</v>
      </c>
      <c r="LT32" s="362">
        <v>0</v>
      </c>
      <c r="LU32" s="363">
        <v>0</v>
      </c>
      <c r="LV32" s="360">
        <v>0</v>
      </c>
      <c r="LW32" s="364">
        <v>0</v>
      </c>
      <c r="LX32" s="436">
        <v>0</v>
      </c>
      <c r="LY32" s="360">
        <v>0</v>
      </c>
      <c r="LZ32" s="360">
        <v>0</v>
      </c>
      <c r="MA32" s="360">
        <v>0</v>
      </c>
      <c r="MB32" s="360">
        <v>0</v>
      </c>
      <c r="MC32" s="360">
        <v>0</v>
      </c>
      <c r="MD32" s="364">
        <v>0</v>
      </c>
      <c r="ME32" s="365">
        <v>0</v>
      </c>
      <c r="MF32" s="363">
        <v>0</v>
      </c>
      <c r="MG32" s="360">
        <v>0</v>
      </c>
      <c r="MH32" s="364">
        <v>0</v>
      </c>
      <c r="MI32" s="436">
        <v>0</v>
      </c>
      <c r="MJ32" s="360">
        <v>168336</v>
      </c>
      <c r="MK32" s="360">
        <v>0</v>
      </c>
      <c r="ML32" s="360">
        <v>185720</v>
      </c>
      <c r="MM32" s="360">
        <v>205741</v>
      </c>
      <c r="MN32" s="360">
        <v>328205</v>
      </c>
      <c r="MO32" s="364">
        <v>888002</v>
      </c>
      <c r="MP32" s="369">
        <v>888002</v>
      </c>
      <c r="MQ32" s="363">
        <v>0</v>
      </c>
      <c r="MR32" s="360">
        <v>0</v>
      </c>
      <c r="MS32" s="364">
        <v>0</v>
      </c>
      <c r="MT32" s="436">
        <v>0</v>
      </c>
      <c r="MU32" s="360">
        <v>0</v>
      </c>
      <c r="MV32" s="360">
        <v>0</v>
      </c>
      <c r="MW32" s="360">
        <v>185720</v>
      </c>
      <c r="MX32" s="360">
        <v>205741</v>
      </c>
      <c r="MY32" s="360">
        <v>217416</v>
      </c>
      <c r="MZ32" s="364">
        <v>608877</v>
      </c>
      <c r="NA32" s="369">
        <v>608877</v>
      </c>
      <c r="NB32" s="363">
        <v>0</v>
      </c>
      <c r="NC32" s="360">
        <v>0</v>
      </c>
      <c r="ND32" s="364">
        <v>0</v>
      </c>
      <c r="NE32" s="436">
        <v>0</v>
      </c>
      <c r="NF32" s="360">
        <v>168336</v>
      </c>
      <c r="NG32" s="360">
        <v>0</v>
      </c>
      <c r="NH32" s="360">
        <v>0</v>
      </c>
      <c r="NI32" s="360">
        <v>0</v>
      </c>
      <c r="NJ32" s="360">
        <v>110789</v>
      </c>
      <c r="NK32" s="364">
        <v>279125</v>
      </c>
      <c r="NL32" s="362">
        <v>279125</v>
      </c>
      <c r="NM32" s="363">
        <v>0</v>
      </c>
      <c r="NN32" s="360">
        <v>0</v>
      </c>
      <c r="NO32" s="364">
        <v>0</v>
      </c>
      <c r="NP32" s="436">
        <v>0</v>
      </c>
      <c r="NQ32" s="360">
        <v>0</v>
      </c>
      <c r="NR32" s="360">
        <v>0</v>
      </c>
      <c r="NS32" s="360">
        <v>0</v>
      </c>
      <c r="NT32" s="360">
        <v>0</v>
      </c>
      <c r="NU32" s="360">
        <v>0</v>
      </c>
      <c r="NV32" s="364">
        <v>0</v>
      </c>
      <c r="NW32" s="365">
        <v>0</v>
      </c>
      <c r="NX32" s="363">
        <v>0</v>
      </c>
      <c r="NY32" s="360">
        <v>0</v>
      </c>
      <c r="NZ32" s="364">
        <v>0</v>
      </c>
      <c r="OA32" s="436">
        <v>0</v>
      </c>
      <c r="OB32" s="360">
        <v>0</v>
      </c>
      <c r="OC32" s="360">
        <v>0</v>
      </c>
      <c r="OD32" s="360">
        <v>0</v>
      </c>
      <c r="OE32" s="360">
        <v>0</v>
      </c>
      <c r="OF32" s="360">
        <v>0</v>
      </c>
      <c r="OG32" s="364">
        <v>0</v>
      </c>
      <c r="OH32" s="365">
        <v>0</v>
      </c>
      <c r="OI32" s="363">
        <v>30723</v>
      </c>
      <c r="OJ32" s="360">
        <v>224923</v>
      </c>
      <c r="OK32" s="361">
        <v>255646</v>
      </c>
      <c r="OL32" s="366">
        <v>0</v>
      </c>
      <c r="OM32" s="360">
        <v>955451</v>
      </c>
      <c r="ON32" s="360">
        <v>995301</v>
      </c>
      <c r="OO32" s="360">
        <v>2016859</v>
      </c>
      <c r="OP32" s="360">
        <v>543744</v>
      </c>
      <c r="OQ32" s="360">
        <v>868773</v>
      </c>
      <c r="OR32" s="364">
        <v>5380128</v>
      </c>
      <c r="OS32" s="369">
        <v>5635774</v>
      </c>
    </row>
    <row r="33" spans="2:409" s="137" customFormat="1" ht="21" customHeight="1" x14ac:dyDescent="0.2">
      <c r="B33" s="421" t="s">
        <v>28</v>
      </c>
      <c r="C33" s="341">
        <v>0</v>
      </c>
      <c r="D33" s="342">
        <v>7700</v>
      </c>
      <c r="E33" s="343">
        <v>7700</v>
      </c>
      <c r="F33" s="344">
        <v>0</v>
      </c>
      <c r="G33" s="342">
        <v>43143</v>
      </c>
      <c r="H33" s="342">
        <v>182989</v>
      </c>
      <c r="I33" s="342">
        <v>262542</v>
      </c>
      <c r="J33" s="342">
        <v>280396</v>
      </c>
      <c r="K33" s="342">
        <v>205851</v>
      </c>
      <c r="L33" s="382">
        <v>974921</v>
      </c>
      <c r="M33" s="345">
        <v>982621</v>
      </c>
      <c r="N33" s="341">
        <v>0</v>
      </c>
      <c r="O33" s="342">
        <v>0</v>
      </c>
      <c r="P33" s="343">
        <v>0</v>
      </c>
      <c r="Q33" s="341">
        <v>0</v>
      </c>
      <c r="R33" s="342">
        <v>38383</v>
      </c>
      <c r="S33" s="342">
        <v>100942</v>
      </c>
      <c r="T33" s="342">
        <v>20860</v>
      </c>
      <c r="U33" s="342">
        <v>80766</v>
      </c>
      <c r="V33" s="342">
        <v>18312</v>
      </c>
      <c r="W33" s="343">
        <v>259263</v>
      </c>
      <c r="X33" s="345">
        <v>259263</v>
      </c>
      <c r="Y33" s="341">
        <v>0</v>
      </c>
      <c r="Z33" s="342">
        <v>0</v>
      </c>
      <c r="AA33" s="343">
        <v>0</v>
      </c>
      <c r="AB33" s="341">
        <v>0</v>
      </c>
      <c r="AC33" s="342">
        <v>31145</v>
      </c>
      <c r="AD33" s="342">
        <v>40262</v>
      </c>
      <c r="AE33" s="342">
        <v>0</v>
      </c>
      <c r="AF33" s="342">
        <v>60956</v>
      </c>
      <c r="AG33" s="342">
        <v>0</v>
      </c>
      <c r="AH33" s="343">
        <v>132363</v>
      </c>
      <c r="AI33" s="345">
        <v>132363</v>
      </c>
      <c r="AJ33" s="341">
        <v>0</v>
      </c>
      <c r="AK33" s="342">
        <v>0</v>
      </c>
      <c r="AL33" s="343">
        <v>0</v>
      </c>
      <c r="AM33" s="341">
        <v>0</v>
      </c>
      <c r="AN33" s="342">
        <v>0</v>
      </c>
      <c r="AO33" s="342">
        <v>0</v>
      </c>
      <c r="AP33" s="342">
        <v>0</v>
      </c>
      <c r="AQ33" s="342">
        <v>0</v>
      </c>
      <c r="AR33" s="342">
        <v>0</v>
      </c>
      <c r="AS33" s="343">
        <v>0</v>
      </c>
      <c r="AT33" s="345">
        <v>0</v>
      </c>
      <c r="AU33" s="341">
        <v>0</v>
      </c>
      <c r="AV33" s="342">
        <v>0</v>
      </c>
      <c r="AW33" s="343">
        <v>0</v>
      </c>
      <c r="AX33" s="341">
        <v>0</v>
      </c>
      <c r="AY33" s="342">
        <v>0</v>
      </c>
      <c r="AZ33" s="342">
        <v>43530</v>
      </c>
      <c r="BA33" s="342">
        <v>12082</v>
      </c>
      <c r="BB33" s="342">
        <v>0</v>
      </c>
      <c r="BC33" s="342">
        <v>0</v>
      </c>
      <c r="BD33" s="343">
        <v>55612</v>
      </c>
      <c r="BE33" s="345">
        <v>55612</v>
      </c>
      <c r="BF33" s="341">
        <v>0</v>
      </c>
      <c r="BG33" s="342">
        <v>0</v>
      </c>
      <c r="BH33" s="346">
        <v>0</v>
      </c>
      <c r="BI33" s="347">
        <v>0</v>
      </c>
      <c r="BJ33" s="342">
        <v>0</v>
      </c>
      <c r="BK33" s="342">
        <v>0</v>
      </c>
      <c r="BL33" s="342">
        <v>0</v>
      </c>
      <c r="BM33" s="342">
        <v>0</v>
      </c>
      <c r="BN33" s="342">
        <v>0</v>
      </c>
      <c r="BO33" s="343">
        <v>0</v>
      </c>
      <c r="BP33" s="345">
        <v>0</v>
      </c>
      <c r="BQ33" s="341">
        <v>0</v>
      </c>
      <c r="BR33" s="342">
        <v>0</v>
      </c>
      <c r="BS33" s="343">
        <v>0</v>
      </c>
      <c r="BT33" s="341">
        <v>0</v>
      </c>
      <c r="BU33" s="342">
        <v>7238</v>
      </c>
      <c r="BV33" s="342">
        <v>17150</v>
      </c>
      <c r="BW33" s="342">
        <v>8778</v>
      </c>
      <c r="BX33" s="342">
        <v>19810</v>
      </c>
      <c r="BY33" s="342">
        <v>18312</v>
      </c>
      <c r="BZ33" s="343">
        <v>71288</v>
      </c>
      <c r="CA33" s="345">
        <v>71288</v>
      </c>
      <c r="CB33" s="341">
        <v>0</v>
      </c>
      <c r="CC33" s="342">
        <v>0</v>
      </c>
      <c r="CD33" s="343">
        <v>0</v>
      </c>
      <c r="CE33" s="341">
        <v>0</v>
      </c>
      <c r="CF33" s="342">
        <v>0</v>
      </c>
      <c r="CG33" s="342">
        <v>47621</v>
      </c>
      <c r="CH33" s="342">
        <v>209146</v>
      </c>
      <c r="CI33" s="342">
        <v>0</v>
      </c>
      <c r="CJ33" s="342">
        <v>0</v>
      </c>
      <c r="CK33" s="343">
        <v>256767</v>
      </c>
      <c r="CL33" s="345">
        <v>256767</v>
      </c>
      <c r="CM33" s="341">
        <v>0</v>
      </c>
      <c r="CN33" s="342">
        <v>0</v>
      </c>
      <c r="CO33" s="343">
        <v>0</v>
      </c>
      <c r="CP33" s="347">
        <v>0</v>
      </c>
      <c r="CQ33" s="342">
        <v>0</v>
      </c>
      <c r="CR33" s="342">
        <v>47621</v>
      </c>
      <c r="CS33" s="342">
        <v>149429</v>
      </c>
      <c r="CT33" s="342">
        <v>0</v>
      </c>
      <c r="CU33" s="342">
        <v>0</v>
      </c>
      <c r="CV33" s="343">
        <v>197050</v>
      </c>
      <c r="CW33" s="345">
        <v>197050</v>
      </c>
      <c r="CX33" s="341">
        <v>0</v>
      </c>
      <c r="CY33" s="342">
        <v>0</v>
      </c>
      <c r="CZ33" s="343">
        <v>0</v>
      </c>
      <c r="DA33" s="341">
        <v>0</v>
      </c>
      <c r="DB33" s="342">
        <v>0</v>
      </c>
      <c r="DC33" s="342">
        <v>0</v>
      </c>
      <c r="DD33" s="342">
        <v>59717</v>
      </c>
      <c r="DE33" s="342">
        <v>0</v>
      </c>
      <c r="DF33" s="342">
        <v>0</v>
      </c>
      <c r="DG33" s="343">
        <v>59717</v>
      </c>
      <c r="DH33" s="345">
        <v>59717</v>
      </c>
      <c r="DI33" s="341">
        <v>0</v>
      </c>
      <c r="DJ33" s="342">
        <v>0</v>
      </c>
      <c r="DK33" s="346">
        <v>0</v>
      </c>
      <c r="DL33" s="347">
        <v>0</v>
      </c>
      <c r="DM33" s="342">
        <v>0</v>
      </c>
      <c r="DN33" s="342">
        <v>0</v>
      </c>
      <c r="DO33" s="342">
        <v>20986</v>
      </c>
      <c r="DP33" s="342">
        <v>0</v>
      </c>
      <c r="DQ33" s="342">
        <v>0</v>
      </c>
      <c r="DR33" s="343">
        <v>20986</v>
      </c>
      <c r="DS33" s="345">
        <v>20986</v>
      </c>
      <c r="DT33" s="341">
        <v>0</v>
      </c>
      <c r="DU33" s="342">
        <v>0</v>
      </c>
      <c r="DV33" s="343">
        <v>0</v>
      </c>
      <c r="DW33" s="341">
        <v>0</v>
      </c>
      <c r="DX33" s="342">
        <v>0</v>
      </c>
      <c r="DY33" s="342">
        <v>0</v>
      </c>
      <c r="DZ33" s="342">
        <v>20986</v>
      </c>
      <c r="EA33" s="342">
        <v>0</v>
      </c>
      <c r="EB33" s="342">
        <v>0</v>
      </c>
      <c r="EC33" s="343">
        <v>20986</v>
      </c>
      <c r="ED33" s="345">
        <v>20986</v>
      </c>
      <c r="EE33" s="341">
        <v>0</v>
      </c>
      <c r="EF33" s="346">
        <v>0</v>
      </c>
      <c r="EG33" s="343">
        <v>0</v>
      </c>
      <c r="EH33" s="341">
        <v>0</v>
      </c>
      <c r="EI33" s="342">
        <v>0</v>
      </c>
      <c r="EJ33" s="342">
        <v>0</v>
      </c>
      <c r="EK33" s="342">
        <v>0</v>
      </c>
      <c r="EL33" s="342">
        <v>0</v>
      </c>
      <c r="EM33" s="342">
        <v>0</v>
      </c>
      <c r="EN33" s="346">
        <v>0</v>
      </c>
      <c r="EO33" s="345">
        <v>0</v>
      </c>
      <c r="EP33" s="341">
        <v>0</v>
      </c>
      <c r="EQ33" s="342">
        <v>0</v>
      </c>
      <c r="ER33" s="346">
        <v>0</v>
      </c>
      <c r="ES33" s="347">
        <v>0</v>
      </c>
      <c r="ET33" s="342">
        <v>0</v>
      </c>
      <c r="EU33" s="342">
        <v>0</v>
      </c>
      <c r="EV33" s="342">
        <v>0</v>
      </c>
      <c r="EW33" s="342">
        <v>0</v>
      </c>
      <c r="EX33" s="342">
        <v>0</v>
      </c>
      <c r="EY33" s="343">
        <v>0</v>
      </c>
      <c r="EZ33" s="345">
        <v>0</v>
      </c>
      <c r="FA33" s="341">
        <v>0</v>
      </c>
      <c r="FB33" s="342">
        <v>0</v>
      </c>
      <c r="FC33" s="346">
        <v>0</v>
      </c>
      <c r="FD33" s="436">
        <v>0</v>
      </c>
      <c r="FE33" s="342">
        <v>0</v>
      </c>
      <c r="FF33" s="342">
        <v>0</v>
      </c>
      <c r="FG33" s="342">
        <v>0</v>
      </c>
      <c r="FH33" s="342">
        <v>0</v>
      </c>
      <c r="FI33" s="342">
        <v>0</v>
      </c>
      <c r="FJ33" s="343">
        <v>0</v>
      </c>
      <c r="FK33" s="345">
        <v>0</v>
      </c>
      <c r="FL33" s="341">
        <v>0</v>
      </c>
      <c r="FM33" s="342">
        <v>7700</v>
      </c>
      <c r="FN33" s="343">
        <v>7700</v>
      </c>
      <c r="FO33" s="341">
        <v>0</v>
      </c>
      <c r="FP33" s="342">
        <v>4760</v>
      </c>
      <c r="FQ33" s="342">
        <v>34426</v>
      </c>
      <c r="FR33" s="342">
        <v>11550</v>
      </c>
      <c r="FS33" s="342">
        <v>21350</v>
      </c>
      <c r="FT33" s="342">
        <v>0</v>
      </c>
      <c r="FU33" s="343">
        <v>72086</v>
      </c>
      <c r="FV33" s="345">
        <v>79786</v>
      </c>
      <c r="FW33" s="348">
        <v>0</v>
      </c>
      <c r="FX33" s="342">
        <v>7700</v>
      </c>
      <c r="FY33" s="346">
        <v>7700</v>
      </c>
      <c r="FZ33" s="347">
        <v>0</v>
      </c>
      <c r="GA33" s="342">
        <v>4760</v>
      </c>
      <c r="GB33" s="342">
        <v>34426</v>
      </c>
      <c r="GC33" s="342">
        <v>11550</v>
      </c>
      <c r="GD33" s="342">
        <v>21350</v>
      </c>
      <c r="GE33" s="342">
        <v>0</v>
      </c>
      <c r="GF33" s="343">
        <v>72086</v>
      </c>
      <c r="GG33" s="349">
        <v>79786</v>
      </c>
      <c r="GH33" s="348">
        <v>0</v>
      </c>
      <c r="GI33" s="342">
        <v>0</v>
      </c>
      <c r="GJ33" s="346">
        <v>0</v>
      </c>
      <c r="GK33" s="347">
        <v>0</v>
      </c>
      <c r="GL33" s="342">
        <v>0</v>
      </c>
      <c r="GM33" s="342">
        <v>0</v>
      </c>
      <c r="GN33" s="342">
        <v>0</v>
      </c>
      <c r="GO33" s="342">
        <v>0</v>
      </c>
      <c r="GP33" s="342">
        <v>0</v>
      </c>
      <c r="GQ33" s="343">
        <v>0</v>
      </c>
      <c r="GR33" s="345">
        <v>0</v>
      </c>
      <c r="GS33" s="341">
        <v>0</v>
      </c>
      <c r="GT33" s="342">
        <v>0</v>
      </c>
      <c r="GU33" s="343">
        <v>0</v>
      </c>
      <c r="GV33" s="341">
        <v>0</v>
      </c>
      <c r="GW33" s="342">
        <v>0</v>
      </c>
      <c r="GX33" s="342">
        <v>0</v>
      </c>
      <c r="GY33" s="342">
        <v>0</v>
      </c>
      <c r="GZ33" s="342">
        <v>0</v>
      </c>
      <c r="HA33" s="342">
        <v>0</v>
      </c>
      <c r="HB33" s="346">
        <v>0</v>
      </c>
      <c r="HC33" s="345">
        <v>0</v>
      </c>
      <c r="HD33" s="341">
        <v>0</v>
      </c>
      <c r="HE33" s="342">
        <v>0</v>
      </c>
      <c r="HF33" s="346">
        <v>0</v>
      </c>
      <c r="HG33" s="347">
        <v>0</v>
      </c>
      <c r="HH33" s="342">
        <v>0</v>
      </c>
      <c r="HI33" s="342">
        <v>0</v>
      </c>
      <c r="HJ33" s="342">
        <v>0</v>
      </c>
      <c r="HK33" s="342">
        <v>178280</v>
      </c>
      <c r="HL33" s="342">
        <v>187539</v>
      </c>
      <c r="HM33" s="343">
        <v>365819</v>
      </c>
      <c r="HN33" s="344">
        <v>365819</v>
      </c>
      <c r="HO33" s="348">
        <v>0</v>
      </c>
      <c r="HP33" s="342">
        <v>0</v>
      </c>
      <c r="HQ33" s="343">
        <v>0</v>
      </c>
      <c r="HR33" s="341">
        <v>0</v>
      </c>
      <c r="HS33" s="342">
        <v>0</v>
      </c>
      <c r="HT33" s="342">
        <v>0</v>
      </c>
      <c r="HU33" s="342">
        <v>0</v>
      </c>
      <c r="HV33" s="342">
        <v>0</v>
      </c>
      <c r="HW33" s="342">
        <v>0</v>
      </c>
      <c r="HX33" s="346">
        <v>0</v>
      </c>
      <c r="HY33" s="345">
        <v>0</v>
      </c>
      <c r="HZ33" s="350">
        <v>0</v>
      </c>
      <c r="IA33" s="351">
        <v>0</v>
      </c>
      <c r="IB33" s="352">
        <v>0</v>
      </c>
      <c r="IC33" s="353">
        <v>0</v>
      </c>
      <c r="ID33" s="351">
        <v>126371</v>
      </c>
      <c r="IE33" s="354">
        <v>215243</v>
      </c>
      <c r="IF33" s="352">
        <v>192003</v>
      </c>
      <c r="IG33" s="351">
        <v>0</v>
      </c>
      <c r="IH33" s="352">
        <v>0</v>
      </c>
      <c r="II33" s="355">
        <v>533617</v>
      </c>
      <c r="IJ33" s="356">
        <v>533617</v>
      </c>
      <c r="IK33" s="357">
        <v>0</v>
      </c>
      <c r="IL33" s="358">
        <v>0</v>
      </c>
      <c r="IM33" s="359">
        <v>0</v>
      </c>
      <c r="IN33" s="436">
        <v>0</v>
      </c>
      <c r="IO33" s="360">
        <v>0</v>
      </c>
      <c r="IP33" s="360">
        <v>0</v>
      </c>
      <c r="IQ33" s="360">
        <v>0</v>
      </c>
      <c r="IR33" s="360">
        <v>0</v>
      </c>
      <c r="IS33" s="360">
        <v>0</v>
      </c>
      <c r="IT33" s="361">
        <v>0</v>
      </c>
      <c r="IU33" s="362">
        <v>0</v>
      </c>
      <c r="IV33" s="363">
        <v>0</v>
      </c>
      <c r="IW33" s="360">
        <v>0</v>
      </c>
      <c r="IX33" s="364">
        <v>0</v>
      </c>
      <c r="IY33" s="436">
        <v>0</v>
      </c>
      <c r="IZ33" s="360">
        <v>0</v>
      </c>
      <c r="JA33" s="360">
        <v>0</v>
      </c>
      <c r="JB33" s="360">
        <v>0</v>
      </c>
      <c r="JC33" s="360">
        <v>0</v>
      </c>
      <c r="JD33" s="360">
        <v>0</v>
      </c>
      <c r="JE33" s="364">
        <v>0</v>
      </c>
      <c r="JF33" s="365">
        <v>0</v>
      </c>
      <c r="JG33" s="363">
        <v>0</v>
      </c>
      <c r="JH33" s="360">
        <v>0</v>
      </c>
      <c r="JI33" s="361">
        <v>0</v>
      </c>
      <c r="JJ33" s="366">
        <v>0</v>
      </c>
      <c r="JK33" s="360">
        <v>126371</v>
      </c>
      <c r="JL33" s="360">
        <v>14693</v>
      </c>
      <c r="JM33" s="360">
        <v>0</v>
      </c>
      <c r="JN33" s="360">
        <v>0</v>
      </c>
      <c r="JO33" s="360">
        <v>0</v>
      </c>
      <c r="JP33" s="364">
        <v>141064</v>
      </c>
      <c r="JQ33" s="362">
        <v>141064</v>
      </c>
      <c r="JR33" s="363">
        <v>0</v>
      </c>
      <c r="JS33" s="360">
        <v>0</v>
      </c>
      <c r="JT33" s="361">
        <v>0</v>
      </c>
      <c r="JU33" s="366">
        <v>0</v>
      </c>
      <c r="JV33" s="360">
        <v>0</v>
      </c>
      <c r="JW33" s="360">
        <v>0</v>
      </c>
      <c r="JX33" s="360">
        <v>0</v>
      </c>
      <c r="JY33" s="360">
        <v>0</v>
      </c>
      <c r="JZ33" s="360">
        <v>0</v>
      </c>
      <c r="KA33" s="364">
        <v>0</v>
      </c>
      <c r="KB33" s="362">
        <v>0</v>
      </c>
      <c r="KC33" s="367">
        <v>0</v>
      </c>
      <c r="KD33" s="368">
        <v>0</v>
      </c>
      <c r="KE33" s="364">
        <v>0</v>
      </c>
      <c r="KF33" s="366">
        <v>0</v>
      </c>
      <c r="KG33" s="360">
        <v>0</v>
      </c>
      <c r="KH33" s="360">
        <v>0</v>
      </c>
      <c r="KI33" s="360">
        <v>0</v>
      </c>
      <c r="KJ33" s="360">
        <v>0</v>
      </c>
      <c r="KK33" s="360">
        <v>0</v>
      </c>
      <c r="KL33" s="364">
        <v>0</v>
      </c>
      <c r="KM33" s="369">
        <v>0</v>
      </c>
      <c r="KN33" s="357">
        <v>0</v>
      </c>
      <c r="KO33" s="358">
        <v>0</v>
      </c>
      <c r="KP33" s="359">
        <v>0</v>
      </c>
      <c r="KQ33" s="436">
        <v>0</v>
      </c>
      <c r="KR33" s="360">
        <v>0</v>
      </c>
      <c r="KS33" s="360">
        <v>200550</v>
      </c>
      <c r="KT33" s="360">
        <v>192003</v>
      </c>
      <c r="KU33" s="360">
        <v>0</v>
      </c>
      <c r="KV33" s="360">
        <v>0</v>
      </c>
      <c r="KW33" s="364">
        <v>392553</v>
      </c>
      <c r="KX33" s="362">
        <v>392553</v>
      </c>
      <c r="KY33" s="363">
        <v>0</v>
      </c>
      <c r="KZ33" s="360">
        <v>0</v>
      </c>
      <c r="LA33" s="364">
        <v>0</v>
      </c>
      <c r="LB33" s="436">
        <v>0</v>
      </c>
      <c r="LC33" s="360">
        <v>0</v>
      </c>
      <c r="LD33" s="360">
        <v>0</v>
      </c>
      <c r="LE33" s="360">
        <v>0</v>
      </c>
      <c r="LF33" s="360">
        <v>0</v>
      </c>
      <c r="LG33" s="360">
        <v>0</v>
      </c>
      <c r="LH33" s="364">
        <v>0</v>
      </c>
      <c r="LI33" s="365">
        <v>0</v>
      </c>
      <c r="LJ33" s="363">
        <v>0</v>
      </c>
      <c r="LK33" s="360">
        <v>0</v>
      </c>
      <c r="LL33" s="364">
        <v>0</v>
      </c>
      <c r="LM33" s="436">
        <v>0</v>
      </c>
      <c r="LN33" s="360">
        <v>0</v>
      </c>
      <c r="LO33" s="360">
        <v>0</v>
      </c>
      <c r="LP33" s="360">
        <v>0</v>
      </c>
      <c r="LQ33" s="360">
        <v>0</v>
      </c>
      <c r="LR33" s="360">
        <v>0</v>
      </c>
      <c r="LS33" s="364">
        <v>0</v>
      </c>
      <c r="LT33" s="362">
        <v>0</v>
      </c>
      <c r="LU33" s="363">
        <v>0</v>
      </c>
      <c r="LV33" s="360">
        <v>0</v>
      </c>
      <c r="LW33" s="364">
        <v>0</v>
      </c>
      <c r="LX33" s="436">
        <v>0</v>
      </c>
      <c r="LY33" s="360">
        <v>0</v>
      </c>
      <c r="LZ33" s="360">
        <v>0</v>
      </c>
      <c r="MA33" s="360">
        <v>0</v>
      </c>
      <c r="MB33" s="360">
        <v>0</v>
      </c>
      <c r="MC33" s="360">
        <v>0</v>
      </c>
      <c r="MD33" s="364">
        <v>0</v>
      </c>
      <c r="ME33" s="365">
        <v>0</v>
      </c>
      <c r="MF33" s="363">
        <v>0</v>
      </c>
      <c r="MG33" s="360">
        <v>0</v>
      </c>
      <c r="MH33" s="364">
        <v>0</v>
      </c>
      <c r="MI33" s="436">
        <v>0</v>
      </c>
      <c r="MJ33" s="360">
        <v>0</v>
      </c>
      <c r="MK33" s="360">
        <v>0</v>
      </c>
      <c r="ML33" s="360">
        <v>275992</v>
      </c>
      <c r="MM33" s="360">
        <v>0</v>
      </c>
      <c r="MN33" s="360">
        <v>0</v>
      </c>
      <c r="MO33" s="364">
        <v>275992</v>
      </c>
      <c r="MP33" s="369">
        <v>275992</v>
      </c>
      <c r="MQ33" s="363">
        <v>0</v>
      </c>
      <c r="MR33" s="360">
        <v>0</v>
      </c>
      <c r="MS33" s="364">
        <v>0</v>
      </c>
      <c r="MT33" s="436">
        <v>0</v>
      </c>
      <c r="MU33" s="360">
        <v>0</v>
      </c>
      <c r="MV33" s="360">
        <v>0</v>
      </c>
      <c r="MW33" s="360">
        <v>0</v>
      </c>
      <c r="MX33" s="360">
        <v>0</v>
      </c>
      <c r="MY33" s="360">
        <v>0</v>
      </c>
      <c r="MZ33" s="364">
        <v>0</v>
      </c>
      <c r="NA33" s="369">
        <v>0</v>
      </c>
      <c r="NB33" s="363">
        <v>0</v>
      </c>
      <c r="NC33" s="360">
        <v>0</v>
      </c>
      <c r="ND33" s="364">
        <v>0</v>
      </c>
      <c r="NE33" s="436">
        <v>0</v>
      </c>
      <c r="NF33" s="360">
        <v>0</v>
      </c>
      <c r="NG33" s="360">
        <v>0</v>
      </c>
      <c r="NH33" s="360">
        <v>275992</v>
      </c>
      <c r="NI33" s="360">
        <v>0</v>
      </c>
      <c r="NJ33" s="360">
        <v>0</v>
      </c>
      <c r="NK33" s="364">
        <v>275992</v>
      </c>
      <c r="NL33" s="362">
        <v>275992</v>
      </c>
      <c r="NM33" s="363">
        <v>0</v>
      </c>
      <c r="NN33" s="360">
        <v>0</v>
      </c>
      <c r="NO33" s="364">
        <v>0</v>
      </c>
      <c r="NP33" s="436">
        <v>0</v>
      </c>
      <c r="NQ33" s="360">
        <v>0</v>
      </c>
      <c r="NR33" s="360">
        <v>0</v>
      </c>
      <c r="NS33" s="360">
        <v>0</v>
      </c>
      <c r="NT33" s="360">
        <v>0</v>
      </c>
      <c r="NU33" s="360">
        <v>0</v>
      </c>
      <c r="NV33" s="364">
        <v>0</v>
      </c>
      <c r="NW33" s="365">
        <v>0</v>
      </c>
      <c r="NX33" s="363">
        <v>0</v>
      </c>
      <c r="NY33" s="360">
        <v>0</v>
      </c>
      <c r="NZ33" s="364">
        <v>0</v>
      </c>
      <c r="OA33" s="436">
        <v>0</v>
      </c>
      <c r="OB33" s="360">
        <v>0</v>
      </c>
      <c r="OC33" s="360">
        <v>0</v>
      </c>
      <c r="OD33" s="360">
        <v>0</v>
      </c>
      <c r="OE33" s="360">
        <v>0</v>
      </c>
      <c r="OF33" s="360">
        <v>0</v>
      </c>
      <c r="OG33" s="364">
        <v>0</v>
      </c>
      <c r="OH33" s="365">
        <v>0</v>
      </c>
      <c r="OI33" s="363">
        <v>0</v>
      </c>
      <c r="OJ33" s="360">
        <v>7700</v>
      </c>
      <c r="OK33" s="361">
        <v>7700</v>
      </c>
      <c r="OL33" s="366">
        <v>0</v>
      </c>
      <c r="OM33" s="360">
        <v>169514</v>
      </c>
      <c r="ON33" s="360">
        <v>398232</v>
      </c>
      <c r="OO33" s="360">
        <v>730537</v>
      </c>
      <c r="OP33" s="360">
        <v>280396</v>
      </c>
      <c r="OQ33" s="360">
        <v>205851</v>
      </c>
      <c r="OR33" s="364">
        <v>1784530</v>
      </c>
      <c r="OS33" s="369">
        <v>1792230</v>
      </c>
    </row>
    <row r="34" spans="2:409" s="137" customFormat="1" ht="21" customHeight="1" x14ac:dyDescent="0.2">
      <c r="B34" s="421" t="s">
        <v>29</v>
      </c>
      <c r="C34" s="341">
        <v>0</v>
      </c>
      <c r="D34" s="342">
        <v>72660</v>
      </c>
      <c r="E34" s="343">
        <v>72660</v>
      </c>
      <c r="F34" s="344">
        <v>0</v>
      </c>
      <c r="G34" s="342">
        <v>359592</v>
      </c>
      <c r="H34" s="342">
        <v>317354</v>
      </c>
      <c r="I34" s="342">
        <v>261117</v>
      </c>
      <c r="J34" s="342">
        <v>465286</v>
      </c>
      <c r="K34" s="342">
        <v>185591</v>
      </c>
      <c r="L34" s="382">
        <v>1588940</v>
      </c>
      <c r="M34" s="345">
        <v>1661600</v>
      </c>
      <c r="N34" s="341">
        <v>0</v>
      </c>
      <c r="O34" s="342">
        <v>60060</v>
      </c>
      <c r="P34" s="343">
        <v>60060</v>
      </c>
      <c r="Q34" s="341">
        <v>0</v>
      </c>
      <c r="R34" s="342">
        <v>190585</v>
      </c>
      <c r="S34" s="342">
        <v>144688</v>
      </c>
      <c r="T34" s="342">
        <v>123861</v>
      </c>
      <c r="U34" s="342">
        <v>142752</v>
      </c>
      <c r="V34" s="342">
        <v>0</v>
      </c>
      <c r="W34" s="343">
        <v>601886</v>
      </c>
      <c r="X34" s="345">
        <v>661946</v>
      </c>
      <c r="Y34" s="341">
        <v>0</v>
      </c>
      <c r="Z34" s="342">
        <v>0</v>
      </c>
      <c r="AA34" s="343">
        <v>0</v>
      </c>
      <c r="AB34" s="341">
        <v>0</v>
      </c>
      <c r="AC34" s="342">
        <v>41839</v>
      </c>
      <c r="AD34" s="342">
        <v>73106</v>
      </c>
      <c r="AE34" s="342">
        <v>0</v>
      </c>
      <c r="AF34" s="342">
        <v>101928</v>
      </c>
      <c r="AG34" s="342">
        <v>0</v>
      </c>
      <c r="AH34" s="343">
        <v>216873</v>
      </c>
      <c r="AI34" s="345">
        <v>216873</v>
      </c>
      <c r="AJ34" s="341">
        <v>0</v>
      </c>
      <c r="AK34" s="342">
        <v>0</v>
      </c>
      <c r="AL34" s="343">
        <v>0</v>
      </c>
      <c r="AM34" s="341">
        <v>0</v>
      </c>
      <c r="AN34" s="342">
        <v>0</v>
      </c>
      <c r="AO34" s="342">
        <v>0</v>
      </c>
      <c r="AP34" s="342">
        <v>0</v>
      </c>
      <c r="AQ34" s="342">
        <v>0</v>
      </c>
      <c r="AR34" s="342">
        <v>0</v>
      </c>
      <c r="AS34" s="343">
        <v>0</v>
      </c>
      <c r="AT34" s="345">
        <v>0</v>
      </c>
      <c r="AU34" s="341">
        <v>0</v>
      </c>
      <c r="AV34" s="342">
        <v>60060</v>
      </c>
      <c r="AW34" s="343">
        <v>60060</v>
      </c>
      <c r="AX34" s="341">
        <v>0</v>
      </c>
      <c r="AY34" s="342">
        <v>121712</v>
      </c>
      <c r="AZ34" s="342">
        <v>49287</v>
      </c>
      <c r="BA34" s="342">
        <v>123861</v>
      </c>
      <c r="BB34" s="342">
        <v>0</v>
      </c>
      <c r="BC34" s="342">
        <v>0</v>
      </c>
      <c r="BD34" s="343">
        <v>294860</v>
      </c>
      <c r="BE34" s="345">
        <v>354920</v>
      </c>
      <c r="BF34" s="341">
        <v>0</v>
      </c>
      <c r="BG34" s="342">
        <v>0</v>
      </c>
      <c r="BH34" s="346">
        <v>0</v>
      </c>
      <c r="BI34" s="347">
        <v>0</v>
      </c>
      <c r="BJ34" s="342">
        <v>0</v>
      </c>
      <c r="BK34" s="342">
        <v>0</v>
      </c>
      <c r="BL34" s="342">
        <v>0</v>
      </c>
      <c r="BM34" s="342">
        <v>26768</v>
      </c>
      <c r="BN34" s="342">
        <v>0</v>
      </c>
      <c r="BO34" s="343">
        <v>26768</v>
      </c>
      <c r="BP34" s="345">
        <v>26768</v>
      </c>
      <c r="BQ34" s="341">
        <v>0</v>
      </c>
      <c r="BR34" s="342">
        <v>0</v>
      </c>
      <c r="BS34" s="343">
        <v>0</v>
      </c>
      <c r="BT34" s="341">
        <v>0</v>
      </c>
      <c r="BU34" s="342">
        <v>27034</v>
      </c>
      <c r="BV34" s="342">
        <v>22295</v>
      </c>
      <c r="BW34" s="342">
        <v>0</v>
      </c>
      <c r="BX34" s="342">
        <v>14056</v>
      </c>
      <c r="BY34" s="342">
        <v>0</v>
      </c>
      <c r="BZ34" s="343">
        <v>63385</v>
      </c>
      <c r="CA34" s="345">
        <v>63385</v>
      </c>
      <c r="CB34" s="341">
        <v>0</v>
      </c>
      <c r="CC34" s="342">
        <v>0</v>
      </c>
      <c r="CD34" s="343">
        <v>0</v>
      </c>
      <c r="CE34" s="341">
        <v>0</v>
      </c>
      <c r="CF34" s="342">
        <v>165857</v>
      </c>
      <c r="CG34" s="342">
        <v>22771</v>
      </c>
      <c r="CH34" s="342">
        <v>93226</v>
      </c>
      <c r="CI34" s="342">
        <v>91485</v>
      </c>
      <c r="CJ34" s="342">
        <v>0</v>
      </c>
      <c r="CK34" s="343">
        <v>373339</v>
      </c>
      <c r="CL34" s="345">
        <v>373339</v>
      </c>
      <c r="CM34" s="341">
        <v>0</v>
      </c>
      <c r="CN34" s="342">
        <v>0</v>
      </c>
      <c r="CO34" s="343">
        <v>0</v>
      </c>
      <c r="CP34" s="347">
        <v>0</v>
      </c>
      <c r="CQ34" s="342">
        <v>82306</v>
      </c>
      <c r="CR34" s="342">
        <v>22771</v>
      </c>
      <c r="CS34" s="342">
        <v>0</v>
      </c>
      <c r="CT34" s="342">
        <v>0</v>
      </c>
      <c r="CU34" s="342">
        <v>0</v>
      </c>
      <c r="CV34" s="343">
        <v>105077</v>
      </c>
      <c r="CW34" s="345">
        <v>105077</v>
      </c>
      <c r="CX34" s="341">
        <v>0</v>
      </c>
      <c r="CY34" s="342">
        <v>0</v>
      </c>
      <c r="CZ34" s="343">
        <v>0</v>
      </c>
      <c r="DA34" s="341">
        <v>0</v>
      </c>
      <c r="DB34" s="342">
        <v>83551</v>
      </c>
      <c r="DC34" s="342">
        <v>0</v>
      </c>
      <c r="DD34" s="342">
        <v>93226</v>
      </c>
      <c r="DE34" s="342">
        <v>91485</v>
      </c>
      <c r="DF34" s="342">
        <v>0</v>
      </c>
      <c r="DG34" s="343">
        <v>268262</v>
      </c>
      <c r="DH34" s="345">
        <v>268262</v>
      </c>
      <c r="DI34" s="341">
        <v>0</v>
      </c>
      <c r="DJ34" s="342">
        <v>0</v>
      </c>
      <c r="DK34" s="346">
        <v>0</v>
      </c>
      <c r="DL34" s="347">
        <v>0</v>
      </c>
      <c r="DM34" s="342">
        <v>0</v>
      </c>
      <c r="DN34" s="342">
        <v>0</v>
      </c>
      <c r="DO34" s="342">
        <v>0</v>
      </c>
      <c r="DP34" s="342">
        <v>0</v>
      </c>
      <c r="DQ34" s="342">
        <v>0</v>
      </c>
      <c r="DR34" s="343">
        <v>0</v>
      </c>
      <c r="DS34" s="345">
        <v>0</v>
      </c>
      <c r="DT34" s="341">
        <v>0</v>
      </c>
      <c r="DU34" s="342">
        <v>0</v>
      </c>
      <c r="DV34" s="343">
        <v>0</v>
      </c>
      <c r="DW34" s="341">
        <v>0</v>
      </c>
      <c r="DX34" s="342">
        <v>0</v>
      </c>
      <c r="DY34" s="342">
        <v>0</v>
      </c>
      <c r="DZ34" s="342">
        <v>0</v>
      </c>
      <c r="EA34" s="342">
        <v>0</v>
      </c>
      <c r="EB34" s="342">
        <v>0</v>
      </c>
      <c r="EC34" s="343">
        <v>0</v>
      </c>
      <c r="ED34" s="345">
        <v>0</v>
      </c>
      <c r="EE34" s="341">
        <v>0</v>
      </c>
      <c r="EF34" s="346">
        <v>0</v>
      </c>
      <c r="EG34" s="343">
        <v>0</v>
      </c>
      <c r="EH34" s="341">
        <v>0</v>
      </c>
      <c r="EI34" s="342">
        <v>0</v>
      </c>
      <c r="EJ34" s="342">
        <v>0</v>
      </c>
      <c r="EK34" s="342">
        <v>0</v>
      </c>
      <c r="EL34" s="342">
        <v>0</v>
      </c>
      <c r="EM34" s="342">
        <v>0</v>
      </c>
      <c r="EN34" s="346">
        <v>0</v>
      </c>
      <c r="EO34" s="345">
        <v>0</v>
      </c>
      <c r="EP34" s="341">
        <v>0</v>
      </c>
      <c r="EQ34" s="342">
        <v>0</v>
      </c>
      <c r="ER34" s="346">
        <v>0</v>
      </c>
      <c r="ES34" s="347">
        <v>0</v>
      </c>
      <c r="ET34" s="342">
        <v>0</v>
      </c>
      <c r="EU34" s="342">
        <v>0</v>
      </c>
      <c r="EV34" s="342">
        <v>0</v>
      </c>
      <c r="EW34" s="342">
        <v>0</v>
      </c>
      <c r="EX34" s="342">
        <v>0</v>
      </c>
      <c r="EY34" s="343">
        <v>0</v>
      </c>
      <c r="EZ34" s="345">
        <v>0</v>
      </c>
      <c r="FA34" s="341">
        <v>0</v>
      </c>
      <c r="FB34" s="342">
        <v>0</v>
      </c>
      <c r="FC34" s="346">
        <v>0</v>
      </c>
      <c r="FD34" s="436">
        <v>0</v>
      </c>
      <c r="FE34" s="342">
        <v>0</v>
      </c>
      <c r="FF34" s="342">
        <v>0</v>
      </c>
      <c r="FG34" s="342">
        <v>0</v>
      </c>
      <c r="FH34" s="342">
        <v>0</v>
      </c>
      <c r="FI34" s="342">
        <v>0</v>
      </c>
      <c r="FJ34" s="343">
        <v>0</v>
      </c>
      <c r="FK34" s="345">
        <v>0</v>
      </c>
      <c r="FL34" s="341">
        <v>0</v>
      </c>
      <c r="FM34" s="342">
        <v>12600</v>
      </c>
      <c r="FN34" s="343">
        <v>12600</v>
      </c>
      <c r="FO34" s="341">
        <v>0</v>
      </c>
      <c r="FP34" s="342">
        <v>3150</v>
      </c>
      <c r="FQ34" s="342">
        <v>3150</v>
      </c>
      <c r="FR34" s="342">
        <v>44030</v>
      </c>
      <c r="FS34" s="342">
        <v>57106</v>
      </c>
      <c r="FT34" s="342">
        <v>0</v>
      </c>
      <c r="FU34" s="343">
        <v>107436</v>
      </c>
      <c r="FV34" s="345">
        <v>120036</v>
      </c>
      <c r="FW34" s="348">
        <v>0</v>
      </c>
      <c r="FX34" s="342">
        <v>12600</v>
      </c>
      <c r="FY34" s="346">
        <v>12600</v>
      </c>
      <c r="FZ34" s="347">
        <v>0</v>
      </c>
      <c r="GA34" s="342">
        <v>3150</v>
      </c>
      <c r="GB34" s="342">
        <v>3150</v>
      </c>
      <c r="GC34" s="342">
        <v>44030</v>
      </c>
      <c r="GD34" s="342">
        <v>57106</v>
      </c>
      <c r="GE34" s="342">
        <v>0</v>
      </c>
      <c r="GF34" s="343">
        <v>107436</v>
      </c>
      <c r="GG34" s="349">
        <v>120036</v>
      </c>
      <c r="GH34" s="348">
        <v>0</v>
      </c>
      <c r="GI34" s="342">
        <v>0</v>
      </c>
      <c r="GJ34" s="346">
        <v>0</v>
      </c>
      <c r="GK34" s="347">
        <v>0</v>
      </c>
      <c r="GL34" s="342">
        <v>0</v>
      </c>
      <c r="GM34" s="342">
        <v>0</v>
      </c>
      <c r="GN34" s="342">
        <v>0</v>
      </c>
      <c r="GO34" s="342">
        <v>0</v>
      </c>
      <c r="GP34" s="342">
        <v>0</v>
      </c>
      <c r="GQ34" s="343">
        <v>0</v>
      </c>
      <c r="GR34" s="345">
        <v>0</v>
      </c>
      <c r="GS34" s="341">
        <v>0</v>
      </c>
      <c r="GT34" s="342">
        <v>0</v>
      </c>
      <c r="GU34" s="343">
        <v>0</v>
      </c>
      <c r="GV34" s="341">
        <v>0</v>
      </c>
      <c r="GW34" s="342">
        <v>0</v>
      </c>
      <c r="GX34" s="342">
        <v>0</v>
      </c>
      <c r="GY34" s="342">
        <v>0</v>
      </c>
      <c r="GZ34" s="342">
        <v>0</v>
      </c>
      <c r="HA34" s="342">
        <v>0</v>
      </c>
      <c r="HB34" s="346">
        <v>0</v>
      </c>
      <c r="HC34" s="345">
        <v>0</v>
      </c>
      <c r="HD34" s="341">
        <v>0</v>
      </c>
      <c r="HE34" s="342">
        <v>0</v>
      </c>
      <c r="HF34" s="346">
        <v>0</v>
      </c>
      <c r="HG34" s="347">
        <v>0</v>
      </c>
      <c r="HH34" s="342">
        <v>0</v>
      </c>
      <c r="HI34" s="342">
        <v>146745</v>
      </c>
      <c r="HJ34" s="342">
        <v>0</v>
      </c>
      <c r="HK34" s="342">
        <v>173943</v>
      </c>
      <c r="HL34" s="342">
        <v>185591</v>
      </c>
      <c r="HM34" s="343">
        <v>506279</v>
      </c>
      <c r="HN34" s="344">
        <v>506279</v>
      </c>
      <c r="HO34" s="348">
        <v>0</v>
      </c>
      <c r="HP34" s="342">
        <v>0</v>
      </c>
      <c r="HQ34" s="343">
        <v>0</v>
      </c>
      <c r="HR34" s="341">
        <v>0</v>
      </c>
      <c r="HS34" s="342">
        <v>0</v>
      </c>
      <c r="HT34" s="342">
        <v>0</v>
      </c>
      <c r="HU34" s="342">
        <v>0</v>
      </c>
      <c r="HV34" s="342">
        <v>0</v>
      </c>
      <c r="HW34" s="342">
        <v>0</v>
      </c>
      <c r="HX34" s="346">
        <v>0</v>
      </c>
      <c r="HY34" s="345">
        <v>0</v>
      </c>
      <c r="HZ34" s="373">
        <v>0</v>
      </c>
      <c r="IA34" s="371">
        <v>0</v>
      </c>
      <c r="IB34" s="373">
        <v>0</v>
      </c>
      <c r="IC34" s="370">
        <v>0</v>
      </c>
      <c r="ID34" s="371">
        <v>328407</v>
      </c>
      <c r="IE34" s="372">
        <v>310345</v>
      </c>
      <c r="IF34" s="373">
        <v>57547</v>
      </c>
      <c r="IG34" s="371">
        <v>227867</v>
      </c>
      <c r="IH34" s="373">
        <v>0</v>
      </c>
      <c r="II34" s="374">
        <v>924166</v>
      </c>
      <c r="IJ34" s="373">
        <v>924166</v>
      </c>
      <c r="IK34" s="357">
        <v>0</v>
      </c>
      <c r="IL34" s="358">
        <v>0</v>
      </c>
      <c r="IM34" s="359">
        <v>0</v>
      </c>
      <c r="IN34" s="436">
        <v>0</v>
      </c>
      <c r="IO34" s="360">
        <v>52941</v>
      </c>
      <c r="IP34" s="360">
        <v>0</v>
      </c>
      <c r="IQ34" s="360">
        <v>0</v>
      </c>
      <c r="IR34" s="360">
        <v>0</v>
      </c>
      <c r="IS34" s="360">
        <v>0</v>
      </c>
      <c r="IT34" s="361">
        <v>52941</v>
      </c>
      <c r="IU34" s="362">
        <v>52941</v>
      </c>
      <c r="IV34" s="363">
        <v>0</v>
      </c>
      <c r="IW34" s="360">
        <v>0</v>
      </c>
      <c r="IX34" s="364">
        <v>0</v>
      </c>
      <c r="IY34" s="436">
        <v>0</v>
      </c>
      <c r="IZ34" s="360">
        <v>0</v>
      </c>
      <c r="JA34" s="360">
        <v>0</v>
      </c>
      <c r="JB34" s="360">
        <v>0</v>
      </c>
      <c r="JC34" s="360">
        <v>0</v>
      </c>
      <c r="JD34" s="360">
        <v>0</v>
      </c>
      <c r="JE34" s="364">
        <v>0</v>
      </c>
      <c r="JF34" s="365">
        <v>0</v>
      </c>
      <c r="JG34" s="363">
        <v>0</v>
      </c>
      <c r="JH34" s="360">
        <v>0</v>
      </c>
      <c r="JI34" s="361">
        <v>0</v>
      </c>
      <c r="JJ34" s="366">
        <v>0</v>
      </c>
      <c r="JK34" s="360">
        <v>46804</v>
      </c>
      <c r="JL34" s="360">
        <v>0</v>
      </c>
      <c r="JM34" s="360">
        <v>57547</v>
      </c>
      <c r="JN34" s="360">
        <v>15200</v>
      </c>
      <c r="JO34" s="360">
        <v>0</v>
      </c>
      <c r="JP34" s="364">
        <v>119551</v>
      </c>
      <c r="JQ34" s="362">
        <v>119551</v>
      </c>
      <c r="JR34" s="363">
        <v>0</v>
      </c>
      <c r="JS34" s="360">
        <v>0</v>
      </c>
      <c r="JT34" s="361">
        <v>0</v>
      </c>
      <c r="JU34" s="366">
        <v>0</v>
      </c>
      <c r="JV34" s="360">
        <v>0</v>
      </c>
      <c r="JW34" s="360">
        <v>0</v>
      </c>
      <c r="JX34" s="360">
        <v>0</v>
      </c>
      <c r="JY34" s="360">
        <v>0</v>
      </c>
      <c r="JZ34" s="360">
        <v>0</v>
      </c>
      <c r="KA34" s="364">
        <v>0</v>
      </c>
      <c r="KB34" s="362">
        <v>0</v>
      </c>
      <c r="KC34" s="367">
        <v>0</v>
      </c>
      <c r="KD34" s="368">
        <v>0</v>
      </c>
      <c r="KE34" s="364">
        <v>0</v>
      </c>
      <c r="KF34" s="366">
        <v>0</v>
      </c>
      <c r="KG34" s="360">
        <v>228662</v>
      </c>
      <c r="KH34" s="360">
        <v>310345</v>
      </c>
      <c r="KI34" s="360">
        <v>0</v>
      </c>
      <c r="KJ34" s="360">
        <v>0</v>
      </c>
      <c r="KK34" s="360">
        <v>0</v>
      </c>
      <c r="KL34" s="364">
        <v>539007</v>
      </c>
      <c r="KM34" s="369">
        <v>539007</v>
      </c>
      <c r="KN34" s="357">
        <v>0</v>
      </c>
      <c r="KO34" s="358">
        <v>0</v>
      </c>
      <c r="KP34" s="359">
        <v>0</v>
      </c>
      <c r="KQ34" s="436">
        <v>0</v>
      </c>
      <c r="KR34" s="360">
        <v>0</v>
      </c>
      <c r="KS34" s="360">
        <v>0</v>
      </c>
      <c r="KT34" s="360">
        <v>0</v>
      </c>
      <c r="KU34" s="360">
        <v>0</v>
      </c>
      <c r="KV34" s="360">
        <v>0</v>
      </c>
      <c r="KW34" s="364">
        <v>0</v>
      </c>
      <c r="KX34" s="362">
        <v>0</v>
      </c>
      <c r="KY34" s="363">
        <v>0</v>
      </c>
      <c r="KZ34" s="360">
        <v>0</v>
      </c>
      <c r="LA34" s="364">
        <v>0</v>
      </c>
      <c r="LB34" s="436">
        <v>0</v>
      </c>
      <c r="LC34" s="360">
        <v>0</v>
      </c>
      <c r="LD34" s="360">
        <v>0</v>
      </c>
      <c r="LE34" s="360">
        <v>0</v>
      </c>
      <c r="LF34" s="360">
        <v>0</v>
      </c>
      <c r="LG34" s="360">
        <v>0</v>
      </c>
      <c r="LH34" s="364">
        <v>0</v>
      </c>
      <c r="LI34" s="365">
        <v>0</v>
      </c>
      <c r="LJ34" s="363">
        <v>0</v>
      </c>
      <c r="LK34" s="360">
        <v>0</v>
      </c>
      <c r="LL34" s="364">
        <v>0</v>
      </c>
      <c r="LM34" s="436">
        <v>0</v>
      </c>
      <c r="LN34" s="360">
        <v>0</v>
      </c>
      <c r="LO34" s="360">
        <v>0</v>
      </c>
      <c r="LP34" s="360">
        <v>0</v>
      </c>
      <c r="LQ34" s="360">
        <v>212667</v>
      </c>
      <c r="LR34" s="360">
        <v>0</v>
      </c>
      <c r="LS34" s="364">
        <v>212667</v>
      </c>
      <c r="LT34" s="362">
        <v>212667</v>
      </c>
      <c r="LU34" s="363">
        <v>0</v>
      </c>
      <c r="LV34" s="360">
        <v>0</v>
      </c>
      <c r="LW34" s="364">
        <v>0</v>
      </c>
      <c r="LX34" s="436">
        <v>0</v>
      </c>
      <c r="LY34" s="360">
        <v>0</v>
      </c>
      <c r="LZ34" s="360">
        <v>0</v>
      </c>
      <c r="MA34" s="360">
        <v>0</v>
      </c>
      <c r="MB34" s="360">
        <v>0</v>
      </c>
      <c r="MC34" s="360">
        <v>0</v>
      </c>
      <c r="MD34" s="364">
        <v>0</v>
      </c>
      <c r="ME34" s="365">
        <v>0</v>
      </c>
      <c r="MF34" s="363">
        <v>0</v>
      </c>
      <c r="MG34" s="360">
        <v>0</v>
      </c>
      <c r="MH34" s="364">
        <v>0</v>
      </c>
      <c r="MI34" s="436">
        <v>0</v>
      </c>
      <c r="MJ34" s="360">
        <v>0</v>
      </c>
      <c r="MK34" s="360">
        <v>0</v>
      </c>
      <c r="ML34" s="360">
        <v>0</v>
      </c>
      <c r="MM34" s="360">
        <v>225967</v>
      </c>
      <c r="MN34" s="360">
        <v>421512</v>
      </c>
      <c r="MO34" s="364">
        <v>647479</v>
      </c>
      <c r="MP34" s="369">
        <v>647479</v>
      </c>
      <c r="MQ34" s="363">
        <v>0</v>
      </c>
      <c r="MR34" s="360">
        <v>0</v>
      </c>
      <c r="MS34" s="364">
        <v>0</v>
      </c>
      <c r="MT34" s="436">
        <v>0</v>
      </c>
      <c r="MU34" s="360">
        <v>0</v>
      </c>
      <c r="MV34" s="360">
        <v>0</v>
      </c>
      <c r="MW34" s="360">
        <v>0</v>
      </c>
      <c r="MX34" s="360">
        <v>225967</v>
      </c>
      <c r="MY34" s="360">
        <v>0</v>
      </c>
      <c r="MZ34" s="364">
        <v>225967</v>
      </c>
      <c r="NA34" s="369">
        <v>225967</v>
      </c>
      <c r="NB34" s="363">
        <v>0</v>
      </c>
      <c r="NC34" s="360">
        <v>0</v>
      </c>
      <c r="ND34" s="364">
        <v>0</v>
      </c>
      <c r="NE34" s="436">
        <v>0</v>
      </c>
      <c r="NF34" s="360">
        <v>0</v>
      </c>
      <c r="NG34" s="360">
        <v>0</v>
      </c>
      <c r="NH34" s="360">
        <v>0</v>
      </c>
      <c r="NI34" s="360">
        <v>0</v>
      </c>
      <c r="NJ34" s="360">
        <v>421512</v>
      </c>
      <c r="NK34" s="364">
        <v>421512</v>
      </c>
      <c r="NL34" s="362">
        <v>421512</v>
      </c>
      <c r="NM34" s="363">
        <v>0</v>
      </c>
      <c r="NN34" s="360">
        <v>0</v>
      </c>
      <c r="NO34" s="364">
        <v>0</v>
      </c>
      <c r="NP34" s="436">
        <v>0</v>
      </c>
      <c r="NQ34" s="360">
        <v>0</v>
      </c>
      <c r="NR34" s="360">
        <v>0</v>
      </c>
      <c r="NS34" s="360">
        <v>0</v>
      </c>
      <c r="NT34" s="360">
        <v>0</v>
      </c>
      <c r="NU34" s="360">
        <v>0</v>
      </c>
      <c r="NV34" s="364">
        <v>0</v>
      </c>
      <c r="NW34" s="365">
        <v>0</v>
      </c>
      <c r="NX34" s="363">
        <v>0</v>
      </c>
      <c r="NY34" s="360">
        <v>0</v>
      </c>
      <c r="NZ34" s="364">
        <v>0</v>
      </c>
      <c r="OA34" s="436">
        <v>0</v>
      </c>
      <c r="OB34" s="360">
        <v>0</v>
      </c>
      <c r="OC34" s="360">
        <v>0</v>
      </c>
      <c r="OD34" s="360">
        <v>0</v>
      </c>
      <c r="OE34" s="360">
        <v>0</v>
      </c>
      <c r="OF34" s="360">
        <v>0</v>
      </c>
      <c r="OG34" s="364">
        <v>0</v>
      </c>
      <c r="OH34" s="365">
        <v>0</v>
      </c>
      <c r="OI34" s="363">
        <v>0</v>
      </c>
      <c r="OJ34" s="360">
        <v>72660</v>
      </c>
      <c r="OK34" s="361">
        <v>72660</v>
      </c>
      <c r="OL34" s="366">
        <v>0</v>
      </c>
      <c r="OM34" s="360">
        <v>687999</v>
      </c>
      <c r="ON34" s="360">
        <v>627699</v>
      </c>
      <c r="OO34" s="360">
        <v>318664</v>
      </c>
      <c r="OP34" s="360">
        <v>919120</v>
      </c>
      <c r="OQ34" s="360">
        <v>607103</v>
      </c>
      <c r="OR34" s="364">
        <v>3160585</v>
      </c>
      <c r="OS34" s="369">
        <v>3233245</v>
      </c>
    </row>
    <row r="35" spans="2:409" s="137" customFormat="1" ht="21" customHeight="1" x14ac:dyDescent="0.2">
      <c r="B35" s="421" t="s">
        <v>30</v>
      </c>
      <c r="C35" s="341">
        <v>102130</v>
      </c>
      <c r="D35" s="342">
        <v>0</v>
      </c>
      <c r="E35" s="383">
        <v>102130</v>
      </c>
      <c r="F35" s="385">
        <v>0</v>
      </c>
      <c r="G35" s="384">
        <v>376500</v>
      </c>
      <c r="H35" s="384">
        <v>377321</v>
      </c>
      <c r="I35" s="384">
        <v>714595</v>
      </c>
      <c r="J35" s="384">
        <v>970212</v>
      </c>
      <c r="K35" s="384">
        <v>0</v>
      </c>
      <c r="L35" s="385">
        <v>2438628</v>
      </c>
      <c r="M35" s="345">
        <v>2540758</v>
      </c>
      <c r="N35" s="341">
        <v>0</v>
      </c>
      <c r="O35" s="342">
        <v>0</v>
      </c>
      <c r="P35" s="343">
        <v>0</v>
      </c>
      <c r="Q35" s="341">
        <v>0</v>
      </c>
      <c r="R35" s="342">
        <v>154514</v>
      </c>
      <c r="S35" s="342">
        <v>168547</v>
      </c>
      <c r="T35" s="342">
        <v>200109</v>
      </c>
      <c r="U35" s="342">
        <v>70441</v>
      </c>
      <c r="V35" s="342">
        <v>0</v>
      </c>
      <c r="W35" s="343">
        <v>593611</v>
      </c>
      <c r="X35" s="345">
        <v>593611</v>
      </c>
      <c r="Y35" s="341">
        <v>0</v>
      </c>
      <c r="Z35" s="342">
        <v>0</v>
      </c>
      <c r="AA35" s="343">
        <v>0</v>
      </c>
      <c r="AB35" s="341">
        <v>0</v>
      </c>
      <c r="AC35" s="342">
        <v>39781</v>
      </c>
      <c r="AD35" s="342">
        <v>46384</v>
      </c>
      <c r="AE35" s="342">
        <v>113687</v>
      </c>
      <c r="AF35" s="342">
        <v>70441</v>
      </c>
      <c r="AG35" s="342">
        <v>0</v>
      </c>
      <c r="AH35" s="343">
        <v>270293</v>
      </c>
      <c r="AI35" s="345">
        <v>270293</v>
      </c>
      <c r="AJ35" s="341">
        <v>0</v>
      </c>
      <c r="AK35" s="342">
        <v>0</v>
      </c>
      <c r="AL35" s="343">
        <v>0</v>
      </c>
      <c r="AM35" s="341">
        <v>0</v>
      </c>
      <c r="AN35" s="342">
        <v>71319</v>
      </c>
      <c r="AO35" s="342">
        <v>49810</v>
      </c>
      <c r="AP35" s="342">
        <v>39802</v>
      </c>
      <c r="AQ35" s="342">
        <v>0</v>
      </c>
      <c r="AR35" s="342">
        <v>0</v>
      </c>
      <c r="AS35" s="343">
        <v>160931</v>
      </c>
      <c r="AT35" s="345">
        <v>160931</v>
      </c>
      <c r="AU35" s="341">
        <v>0</v>
      </c>
      <c r="AV35" s="342">
        <v>0</v>
      </c>
      <c r="AW35" s="343">
        <v>0</v>
      </c>
      <c r="AX35" s="341">
        <v>0</v>
      </c>
      <c r="AY35" s="342">
        <v>17346</v>
      </c>
      <c r="AZ35" s="342">
        <v>27248</v>
      </c>
      <c r="BA35" s="342">
        <v>28924</v>
      </c>
      <c r="BB35" s="342">
        <v>0</v>
      </c>
      <c r="BC35" s="342">
        <v>0</v>
      </c>
      <c r="BD35" s="343">
        <v>73518</v>
      </c>
      <c r="BE35" s="345">
        <v>73518</v>
      </c>
      <c r="BF35" s="341">
        <v>0</v>
      </c>
      <c r="BG35" s="342">
        <v>0</v>
      </c>
      <c r="BH35" s="346">
        <v>0</v>
      </c>
      <c r="BI35" s="347">
        <v>0</v>
      </c>
      <c r="BJ35" s="342">
        <v>0</v>
      </c>
      <c r="BK35" s="342">
        <v>27927</v>
      </c>
      <c r="BL35" s="342">
        <v>0</v>
      </c>
      <c r="BM35" s="342">
        <v>0</v>
      </c>
      <c r="BN35" s="342">
        <v>0</v>
      </c>
      <c r="BO35" s="343">
        <v>27927</v>
      </c>
      <c r="BP35" s="345">
        <v>27927</v>
      </c>
      <c r="BQ35" s="341">
        <v>0</v>
      </c>
      <c r="BR35" s="342">
        <v>0</v>
      </c>
      <c r="BS35" s="343">
        <v>0</v>
      </c>
      <c r="BT35" s="341">
        <v>0</v>
      </c>
      <c r="BU35" s="342">
        <v>26068</v>
      </c>
      <c r="BV35" s="342">
        <v>17178</v>
      </c>
      <c r="BW35" s="342">
        <v>17696</v>
      </c>
      <c r="BX35" s="342">
        <v>0</v>
      </c>
      <c r="BY35" s="342">
        <v>0</v>
      </c>
      <c r="BZ35" s="343">
        <v>60942</v>
      </c>
      <c r="CA35" s="345">
        <v>60942</v>
      </c>
      <c r="CB35" s="341">
        <v>0</v>
      </c>
      <c r="CC35" s="342">
        <v>0</v>
      </c>
      <c r="CD35" s="343">
        <v>0</v>
      </c>
      <c r="CE35" s="341">
        <v>0</v>
      </c>
      <c r="CF35" s="342">
        <v>55705</v>
      </c>
      <c r="CG35" s="342">
        <v>21896</v>
      </c>
      <c r="CH35" s="342">
        <v>27265</v>
      </c>
      <c r="CI35" s="342">
        <v>146695</v>
      </c>
      <c r="CJ35" s="342">
        <v>0</v>
      </c>
      <c r="CK35" s="343">
        <v>251561</v>
      </c>
      <c r="CL35" s="345">
        <v>251561</v>
      </c>
      <c r="CM35" s="341">
        <v>0</v>
      </c>
      <c r="CN35" s="342">
        <v>0</v>
      </c>
      <c r="CO35" s="343">
        <v>0</v>
      </c>
      <c r="CP35" s="347">
        <v>0</v>
      </c>
      <c r="CQ35" s="342">
        <v>27519</v>
      </c>
      <c r="CR35" s="342">
        <v>21896</v>
      </c>
      <c r="CS35" s="342">
        <v>27265</v>
      </c>
      <c r="CT35" s="342">
        <v>0</v>
      </c>
      <c r="CU35" s="342">
        <v>0</v>
      </c>
      <c r="CV35" s="343">
        <v>76680</v>
      </c>
      <c r="CW35" s="345">
        <v>76680</v>
      </c>
      <c r="CX35" s="341">
        <v>0</v>
      </c>
      <c r="CY35" s="342">
        <v>0</v>
      </c>
      <c r="CZ35" s="343">
        <v>0</v>
      </c>
      <c r="DA35" s="341">
        <v>0</v>
      </c>
      <c r="DB35" s="342">
        <v>28186</v>
      </c>
      <c r="DC35" s="342">
        <v>0</v>
      </c>
      <c r="DD35" s="342">
        <v>0</v>
      </c>
      <c r="DE35" s="342">
        <v>146695</v>
      </c>
      <c r="DF35" s="342">
        <v>0</v>
      </c>
      <c r="DG35" s="343">
        <v>174881</v>
      </c>
      <c r="DH35" s="345">
        <v>174881</v>
      </c>
      <c r="DI35" s="341">
        <v>0</v>
      </c>
      <c r="DJ35" s="342">
        <v>0</v>
      </c>
      <c r="DK35" s="346">
        <v>0</v>
      </c>
      <c r="DL35" s="347">
        <v>0</v>
      </c>
      <c r="DM35" s="342">
        <v>16158</v>
      </c>
      <c r="DN35" s="342">
        <v>0</v>
      </c>
      <c r="DO35" s="342">
        <v>0</v>
      </c>
      <c r="DP35" s="342">
        <v>71745</v>
      </c>
      <c r="DQ35" s="342">
        <v>0</v>
      </c>
      <c r="DR35" s="343">
        <v>87903</v>
      </c>
      <c r="DS35" s="345">
        <v>87903</v>
      </c>
      <c r="DT35" s="341">
        <v>0</v>
      </c>
      <c r="DU35" s="342">
        <v>0</v>
      </c>
      <c r="DV35" s="343">
        <v>0</v>
      </c>
      <c r="DW35" s="341">
        <v>0</v>
      </c>
      <c r="DX35" s="342">
        <v>0</v>
      </c>
      <c r="DY35" s="342">
        <v>0</v>
      </c>
      <c r="DZ35" s="342">
        <v>0</v>
      </c>
      <c r="EA35" s="342">
        <v>71745</v>
      </c>
      <c r="EB35" s="342">
        <v>0</v>
      </c>
      <c r="EC35" s="343">
        <v>71745</v>
      </c>
      <c r="ED35" s="345">
        <v>71745</v>
      </c>
      <c r="EE35" s="341">
        <v>0</v>
      </c>
      <c r="EF35" s="346">
        <v>0</v>
      </c>
      <c r="EG35" s="343">
        <v>0</v>
      </c>
      <c r="EH35" s="341">
        <v>0</v>
      </c>
      <c r="EI35" s="342">
        <v>16158</v>
      </c>
      <c r="EJ35" s="342">
        <v>0</v>
      </c>
      <c r="EK35" s="342">
        <v>0</v>
      </c>
      <c r="EL35" s="342">
        <v>0</v>
      </c>
      <c r="EM35" s="342">
        <v>0</v>
      </c>
      <c r="EN35" s="346">
        <v>16158</v>
      </c>
      <c r="EO35" s="345">
        <v>16158</v>
      </c>
      <c r="EP35" s="341">
        <v>0</v>
      </c>
      <c r="EQ35" s="342">
        <v>0</v>
      </c>
      <c r="ER35" s="346">
        <v>0</v>
      </c>
      <c r="ES35" s="347">
        <v>0</v>
      </c>
      <c r="ET35" s="342">
        <v>0</v>
      </c>
      <c r="EU35" s="342">
        <v>0</v>
      </c>
      <c r="EV35" s="342">
        <v>0</v>
      </c>
      <c r="EW35" s="342">
        <v>0</v>
      </c>
      <c r="EX35" s="342">
        <v>0</v>
      </c>
      <c r="EY35" s="343">
        <v>0</v>
      </c>
      <c r="EZ35" s="345">
        <v>0</v>
      </c>
      <c r="FA35" s="341">
        <v>0</v>
      </c>
      <c r="FB35" s="342">
        <v>0</v>
      </c>
      <c r="FC35" s="346">
        <v>0</v>
      </c>
      <c r="FD35" s="436">
        <v>0</v>
      </c>
      <c r="FE35" s="342">
        <v>0</v>
      </c>
      <c r="FF35" s="342">
        <v>0</v>
      </c>
      <c r="FG35" s="342">
        <v>0</v>
      </c>
      <c r="FH35" s="342">
        <v>0</v>
      </c>
      <c r="FI35" s="342">
        <v>0</v>
      </c>
      <c r="FJ35" s="343">
        <v>0</v>
      </c>
      <c r="FK35" s="345">
        <v>0</v>
      </c>
      <c r="FL35" s="341">
        <v>102130</v>
      </c>
      <c r="FM35" s="342">
        <v>0</v>
      </c>
      <c r="FN35" s="343">
        <v>102130</v>
      </c>
      <c r="FO35" s="341">
        <v>0</v>
      </c>
      <c r="FP35" s="342">
        <v>18900</v>
      </c>
      <c r="FQ35" s="342">
        <v>31976</v>
      </c>
      <c r="FR35" s="342">
        <v>19390</v>
      </c>
      <c r="FS35" s="342">
        <v>138320</v>
      </c>
      <c r="FT35" s="342">
        <v>0</v>
      </c>
      <c r="FU35" s="343">
        <v>208586</v>
      </c>
      <c r="FV35" s="345">
        <v>310716</v>
      </c>
      <c r="FW35" s="348">
        <v>17430</v>
      </c>
      <c r="FX35" s="342">
        <v>0</v>
      </c>
      <c r="FY35" s="346">
        <v>17430</v>
      </c>
      <c r="FZ35" s="347">
        <v>0</v>
      </c>
      <c r="GA35" s="342">
        <v>18900</v>
      </c>
      <c r="GB35" s="342">
        <v>31976</v>
      </c>
      <c r="GC35" s="342">
        <v>19390</v>
      </c>
      <c r="GD35" s="342">
        <v>54320</v>
      </c>
      <c r="GE35" s="342">
        <v>0</v>
      </c>
      <c r="GF35" s="343">
        <v>124586</v>
      </c>
      <c r="GG35" s="349">
        <v>142016</v>
      </c>
      <c r="GH35" s="348">
        <v>0</v>
      </c>
      <c r="GI35" s="342">
        <v>0</v>
      </c>
      <c r="GJ35" s="346">
        <v>0</v>
      </c>
      <c r="GK35" s="347">
        <v>0</v>
      </c>
      <c r="GL35" s="342">
        <v>0</v>
      </c>
      <c r="GM35" s="342">
        <v>0</v>
      </c>
      <c r="GN35" s="342">
        <v>0</v>
      </c>
      <c r="GO35" s="342">
        <v>0</v>
      </c>
      <c r="GP35" s="342">
        <v>0</v>
      </c>
      <c r="GQ35" s="343">
        <v>0</v>
      </c>
      <c r="GR35" s="345">
        <v>0</v>
      </c>
      <c r="GS35" s="341">
        <v>84700</v>
      </c>
      <c r="GT35" s="342">
        <v>0</v>
      </c>
      <c r="GU35" s="343">
        <v>84700</v>
      </c>
      <c r="GV35" s="341">
        <v>0</v>
      </c>
      <c r="GW35" s="342">
        <v>0</v>
      </c>
      <c r="GX35" s="342">
        <v>0</v>
      </c>
      <c r="GY35" s="342">
        <v>0</v>
      </c>
      <c r="GZ35" s="342">
        <v>84000</v>
      </c>
      <c r="HA35" s="342">
        <v>0</v>
      </c>
      <c r="HB35" s="346">
        <v>84000</v>
      </c>
      <c r="HC35" s="345">
        <v>168700</v>
      </c>
      <c r="HD35" s="341">
        <v>0</v>
      </c>
      <c r="HE35" s="342">
        <v>0</v>
      </c>
      <c r="HF35" s="346">
        <v>0</v>
      </c>
      <c r="HG35" s="347">
        <v>0</v>
      </c>
      <c r="HH35" s="342">
        <v>131223</v>
      </c>
      <c r="HI35" s="342">
        <v>154902</v>
      </c>
      <c r="HJ35" s="342">
        <v>467831</v>
      </c>
      <c r="HK35" s="342">
        <v>543011</v>
      </c>
      <c r="HL35" s="342">
        <v>0</v>
      </c>
      <c r="HM35" s="343">
        <v>1296967</v>
      </c>
      <c r="HN35" s="344">
        <v>1296967</v>
      </c>
      <c r="HO35" s="348">
        <v>0</v>
      </c>
      <c r="HP35" s="342">
        <v>0</v>
      </c>
      <c r="HQ35" s="343">
        <v>0</v>
      </c>
      <c r="HR35" s="341">
        <v>0</v>
      </c>
      <c r="HS35" s="342">
        <v>0</v>
      </c>
      <c r="HT35" s="342">
        <v>0</v>
      </c>
      <c r="HU35" s="342">
        <v>0</v>
      </c>
      <c r="HV35" s="342">
        <v>0</v>
      </c>
      <c r="HW35" s="342">
        <v>0</v>
      </c>
      <c r="HX35" s="346">
        <v>0</v>
      </c>
      <c r="HY35" s="345">
        <v>0</v>
      </c>
      <c r="HZ35" s="350">
        <v>0</v>
      </c>
      <c r="IA35" s="351">
        <v>0</v>
      </c>
      <c r="IB35" s="352">
        <v>0</v>
      </c>
      <c r="IC35" s="353">
        <v>0</v>
      </c>
      <c r="ID35" s="351">
        <v>0</v>
      </c>
      <c r="IE35" s="354">
        <v>37674</v>
      </c>
      <c r="IF35" s="352">
        <v>0</v>
      </c>
      <c r="IG35" s="351">
        <v>0</v>
      </c>
      <c r="IH35" s="352">
        <v>0</v>
      </c>
      <c r="II35" s="355">
        <v>37674</v>
      </c>
      <c r="IJ35" s="356">
        <v>37674</v>
      </c>
      <c r="IK35" s="357">
        <v>0</v>
      </c>
      <c r="IL35" s="358">
        <v>0</v>
      </c>
      <c r="IM35" s="359">
        <v>0</v>
      </c>
      <c r="IN35" s="436">
        <v>0</v>
      </c>
      <c r="IO35" s="360">
        <v>0</v>
      </c>
      <c r="IP35" s="360">
        <v>0</v>
      </c>
      <c r="IQ35" s="360">
        <v>0</v>
      </c>
      <c r="IR35" s="360">
        <v>0</v>
      </c>
      <c r="IS35" s="360">
        <v>0</v>
      </c>
      <c r="IT35" s="361">
        <v>0</v>
      </c>
      <c r="IU35" s="362">
        <v>0</v>
      </c>
      <c r="IV35" s="363">
        <v>0</v>
      </c>
      <c r="IW35" s="360">
        <v>0</v>
      </c>
      <c r="IX35" s="364">
        <v>0</v>
      </c>
      <c r="IY35" s="436">
        <v>0</v>
      </c>
      <c r="IZ35" s="360">
        <v>0</v>
      </c>
      <c r="JA35" s="360">
        <v>0</v>
      </c>
      <c r="JB35" s="360">
        <v>0</v>
      </c>
      <c r="JC35" s="360">
        <v>0</v>
      </c>
      <c r="JD35" s="360">
        <v>0</v>
      </c>
      <c r="JE35" s="364">
        <v>0</v>
      </c>
      <c r="JF35" s="365">
        <v>0</v>
      </c>
      <c r="JG35" s="363">
        <v>0</v>
      </c>
      <c r="JH35" s="360">
        <v>0</v>
      </c>
      <c r="JI35" s="361">
        <v>0</v>
      </c>
      <c r="JJ35" s="366">
        <v>0</v>
      </c>
      <c r="JK35" s="360">
        <v>0</v>
      </c>
      <c r="JL35" s="360">
        <v>0</v>
      </c>
      <c r="JM35" s="360">
        <v>0</v>
      </c>
      <c r="JN35" s="360">
        <v>0</v>
      </c>
      <c r="JO35" s="360">
        <v>0</v>
      </c>
      <c r="JP35" s="364">
        <v>0</v>
      </c>
      <c r="JQ35" s="362">
        <v>0</v>
      </c>
      <c r="JR35" s="363">
        <v>0</v>
      </c>
      <c r="JS35" s="360">
        <v>0</v>
      </c>
      <c r="JT35" s="361">
        <v>0</v>
      </c>
      <c r="JU35" s="366">
        <v>0</v>
      </c>
      <c r="JV35" s="360">
        <v>0</v>
      </c>
      <c r="JW35" s="360">
        <v>37674</v>
      </c>
      <c r="JX35" s="360">
        <v>0</v>
      </c>
      <c r="JY35" s="360">
        <v>0</v>
      </c>
      <c r="JZ35" s="360">
        <v>0</v>
      </c>
      <c r="KA35" s="364">
        <v>37674</v>
      </c>
      <c r="KB35" s="362">
        <v>37674</v>
      </c>
      <c r="KC35" s="367">
        <v>0</v>
      </c>
      <c r="KD35" s="368">
        <v>0</v>
      </c>
      <c r="KE35" s="364">
        <v>0</v>
      </c>
      <c r="KF35" s="366">
        <v>0</v>
      </c>
      <c r="KG35" s="360">
        <v>0</v>
      </c>
      <c r="KH35" s="360">
        <v>0</v>
      </c>
      <c r="KI35" s="360">
        <v>0</v>
      </c>
      <c r="KJ35" s="360">
        <v>0</v>
      </c>
      <c r="KK35" s="360">
        <v>0</v>
      </c>
      <c r="KL35" s="364">
        <v>0</v>
      </c>
      <c r="KM35" s="369">
        <v>0</v>
      </c>
      <c r="KN35" s="357">
        <v>0</v>
      </c>
      <c r="KO35" s="358">
        <v>0</v>
      </c>
      <c r="KP35" s="359">
        <v>0</v>
      </c>
      <c r="KQ35" s="436">
        <v>0</v>
      </c>
      <c r="KR35" s="360">
        <v>0</v>
      </c>
      <c r="KS35" s="360">
        <v>0</v>
      </c>
      <c r="KT35" s="360">
        <v>0</v>
      </c>
      <c r="KU35" s="360">
        <v>0</v>
      </c>
      <c r="KV35" s="360">
        <v>0</v>
      </c>
      <c r="KW35" s="364">
        <v>0</v>
      </c>
      <c r="KX35" s="362">
        <v>0</v>
      </c>
      <c r="KY35" s="363">
        <v>0</v>
      </c>
      <c r="KZ35" s="360">
        <v>0</v>
      </c>
      <c r="LA35" s="364">
        <v>0</v>
      </c>
      <c r="LB35" s="436">
        <v>0</v>
      </c>
      <c r="LC35" s="360">
        <v>0</v>
      </c>
      <c r="LD35" s="360">
        <v>0</v>
      </c>
      <c r="LE35" s="360">
        <v>0</v>
      </c>
      <c r="LF35" s="360">
        <v>0</v>
      </c>
      <c r="LG35" s="360">
        <v>0</v>
      </c>
      <c r="LH35" s="364">
        <v>0</v>
      </c>
      <c r="LI35" s="365">
        <v>0</v>
      </c>
      <c r="LJ35" s="363">
        <v>0</v>
      </c>
      <c r="LK35" s="360">
        <v>0</v>
      </c>
      <c r="LL35" s="364">
        <v>0</v>
      </c>
      <c r="LM35" s="436">
        <v>0</v>
      </c>
      <c r="LN35" s="360">
        <v>0</v>
      </c>
      <c r="LO35" s="360">
        <v>0</v>
      </c>
      <c r="LP35" s="360">
        <v>0</v>
      </c>
      <c r="LQ35" s="360">
        <v>0</v>
      </c>
      <c r="LR35" s="360">
        <v>0</v>
      </c>
      <c r="LS35" s="364">
        <v>0</v>
      </c>
      <c r="LT35" s="362">
        <v>0</v>
      </c>
      <c r="LU35" s="363">
        <v>0</v>
      </c>
      <c r="LV35" s="360">
        <v>0</v>
      </c>
      <c r="LW35" s="364">
        <v>0</v>
      </c>
      <c r="LX35" s="436">
        <v>0</v>
      </c>
      <c r="LY35" s="360">
        <v>0</v>
      </c>
      <c r="LZ35" s="360">
        <v>0</v>
      </c>
      <c r="MA35" s="360">
        <v>0</v>
      </c>
      <c r="MB35" s="360">
        <v>0</v>
      </c>
      <c r="MC35" s="360">
        <v>0</v>
      </c>
      <c r="MD35" s="364">
        <v>0</v>
      </c>
      <c r="ME35" s="365">
        <v>0</v>
      </c>
      <c r="MF35" s="363">
        <v>0</v>
      </c>
      <c r="MG35" s="360">
        <v>0</v>
      </c>
      <c r="MH35" s="364">
        <v>0</v>
      </c>
      <c r="MI35" s="436">
        <v>0</v>
      </c>
      <c r="MJ35" s="360">
        <v>0</v>
      </c>
      <c r="MK35" s="360">
        <v>0</v>
      </c>
      <c r="ML35" s="360">
        <v>199780</v>
      </c>
      <c r="MM35" s="360">
        <v>0</v>
      </c>
      <c r="MN35" s="360">
        <v>230405</v>
      </c>
      <c r="MO35" s="364">
        <v>430185</v>
      </c>
      <c r="MP35" s="369">
        <v>430185</v>
      </c>
      <c r="MQ35" s="363">
        <v>0</v>
      </c>
      <c r="MR35" s="360">
        <v>0</v>
      </c>
      <c r="MS35" s="364">
        <v>0</v>
      </c>
      <c r="MT35" s="436">
        <v>0</v>
      </c>
      <c r="MU35" s="360">
        <v>0</v>
      </c>
      <c r="MV35" s="360">
        <v>0</v>
      </c>
      <c r="MW35" s="360">
        <v>199780</v>
      </c>
      <c r="MX35" s="360">
        <v>0</v>
      </c>
      <c r="MY35" s="360">
        <v>230405</v>
      </c>
      <c r="MZ35" s="364">
        <v>430185</v>
      </c>
      <c r="NA35" s="369">
        <v>430185</v>
      </c>
      <c r="NB35" s="363">
        <v>0</v>
      </c>
      <c r="NC35" s="360">
        <v>0</v>
      </c>
      <c r="ND35" s="364">
        <v>0</v>
      </c>
      <c r="NE35" s="436">
        <v>0</v>
      </c>
      <c r="NF35" s="360">
        <v>0</v>
      </c>
      <c r="NG35" s="360">
        <v>0</v>
      </c>
      <c r="NH35" s="360">
        <v>0</v>
      </c>
      <c r="NI35" s="360">
        <v>0</v>
      </c>
      <c r="NJ35" s="360">
        <v>0</v>
      </c>
      <c r="NK35" s="364">
        <v>0</v>
      </c>
      <c r="NL35" s="362">
        <v>0</v>
      </c>
      <c r="NM35" s="363">
        <v>0</v>
      </c>
      <c r="NN35" s="360">
        <v>0</v>
      </c>
      <c r="NO35" s="364">
        <v>0</v>
      </c>
      <c r="NP35" s="436">
        <v>0</v>
      </c>
      <c r="NQ35" s="360">
        <v>0</v>
      </c>
      <c r="NR35" s="360">
        <v>0</v>
      </c>
      <c r="NS35" s="360">
        <v>0</v>
      </c>
      <c r="NT35" s="360">
        <v>0</v>
      </c>
      <c r="NU35" s="360">
        <v>0</v>
      </c>
      <c r="NV35" s="364">
        <v>0</v>
      </c>
      <c r="NW35" s="365">
        <v>0</v>
      </c>
      <c r="NX35" s="363">
        <v>0</v>
      </c>
      <c r="NY35" s="360">
        <v>0</v>
      </c>
      <c r="NZ35" s="364">
        <v>0</v>
      </c>
      <c r="OA35" s="436">
        <v>0</v>
      </c>
      <c r="OB35" s="360">
        <v>0</v>
      </c>
      <c r="OC35" s="360">
        <v>0</v>
      </c>
      <c r="OD35" s="360">
        <v>0</v>
      </c>
      <c r="OE35" s="360">
        <v>0</v>
      </c>
      <c r="OF35" s="360">
        <v>0</v>
      </c>
      <c r="OG35" s="364">
        <v>0</v>
      </c>
      <c r="OH35" s="365">
        <v>0</v>
      </c>
      <c r="OI35" s="363">
        <v>102130</v>
      </c>
      <c r="OJ35" s="360">
        <v>0</v>
      </c>
      <c r="OK35" s="361">
        <v>102130</v>
      </c>
      <c r="OL35" s="366">
        <v>0</v>
      </c>
      <c r="OM35" s="360">
        <v>376500</v>
      </c>
      <c r="ON35" s="360">
        <v>414995</v>
      </c>
      <c r="OO35" s="360">
        <v>914375</v>
      </c>
      <c r="OP35" s="360">
        <v>970212</v>
      </c>
      <c r="OQ35" s="360">
        <v>230405</v>
      </c>
      <c r="OR35" s="364">
        <v>2906487</v>
      </c>
      <c r="OS35" s="369">
        <v>3008617</v>
      </c>
    </row>
    <row r="36" spans="2:409" s="137" customFormat="1" ht="21" customHeight="1" x14ac:dyDescent="0.2">
      <c r="B36" s="421" t="s">
        <v>31</v>
      </c>
      <c r="C36" s="341">
        <v>2380</v>
      </c>
      <c r="D36" s="342">
        <v>2100</v>
      </c>
      <c r="E36" s="343">
        <v>4480</v>
      </c>
      <c r="F36" s="344">
        <v>0</v>
      </c>
      <c r="G36" s="342">
        <v>174049</v>
      </c>
      <c r="H36" s="342">
        <v>42084</v>
      </c>
      <c r="I36" s="342">
        <v>463861</v>
      </c>
      <c r="J36" s="342">
        <v>0</v>
      </c>
      <c r="K36" s="342">
        <v>157549</v>
      </c>
      <c r="L36" s="382">
        <v>837543</v>
      </c>
      <c r="M36" s="345">
        <v>842023</v>
      </c>
      <c r="N36" s="341">
        <v>0</v>
      </c>
      <c r="O36" s="342">
        <v>0</v>
      </c>
      <c r="P36" s="343">
        <v>0</v>
      </c>
      <c r="Q36" s="341">
        <v>0</v>
      </c>
      <c r="R36" s="342">
        <v>90091</v>
      </c>
      <c r="S36" s="342">
        <v>12845</v>
      </c>
      <c r="T36" s="342">
        <v>80878</v>
      </c>
      <c r="U36" s="342">
        <v>0</v>
      </c>
      <c r="V36" s="342">
        <v>126399</v>
      </c>
      <c r="W36" s="343">
        <v>310213</v>
      </c>
      <c r="X36" s="345">
        <v>310213</v>
      </c>
      <c r="Y36" s="341">
        <v>0</v>
      </c>
      <c r="Z36" s="342">
        <v>0</v>
      </c>
      <c r="AA36" s="343">
        <v>0</v>
      </c>
      <c r="AB36" s="341">
        <v>0</v>
      </c>
      <c r="AC36" s="342">
        <v>13888</v>
      </c>
      <c r="AD36" s="342">
        <v>0</v>
      </c>
      <c r="AE36" s="342">
        <v>0</v>
      </c>
      <c r="AF36" s="342">
        <v>0</v>
      </c>
      <c r="AG36" s="342">
        <v>0</v>
      </c>
      <c r="AH36" s="343">
        <v>13888</v>
      </c>
      <c r="AI36" s="345">
        <v>13888</v>
      </c>
      <c r="AJ36" s="341">
        <v>0</v>
      </c>
      <c r="AK36" s="342">
        <v>0</v>
      </c>
      <c r="AL36" s="343">
        <v>0</v>
      </c>
      <c r="AM36" s="341">
        <v>0</v>
      </c>
      <c r="AN36" s="342">
        <v>0</v>
      </c>
      <c r="AO36" s="342">
        <v>0</v>
      </c>
      <c r="AP36" s="342">
        <v>0</v>
      </c>
      <c r="AQ36" s="342">
        <v>0</v>
      </c>
      <c r="AR36" s="342">
        <v>66927</v>
      </c>
      <c r="AS36" s="343">
        <v>66927</v>
      </c>
      <c r="AT36" s="345">
        <v>66927</v>
      </c>
      <c r="AU36" s="341">
        <v>0</v>
      </c>
      <c r="AV36" s="342">
        <v>0</v>
      </c>
      <c r="AW36" s="343">
        <v>0</v>
      </c>
      <c r="AX36" s="341">
        <v>0</v>
      </c>
      <c r="AY36" s="342">
        <v>76203</v>
      </c>
      <c r="AZ36" s="342">
        <v>12845</v>
      </c>
      <c r="BA36" s="342">
        <v>80878</v>
      </c>
      <c r="BB36" s="342">
        <v>0</v>
      </c>
      <c r="BC36" s="342">
        <v>59472</v>
      </c>
      <c r="BD36" s="343">
        <v>229398</v>
      </c>
      <c r="BE36" s="345">
        <v>229398</v>
      </c>
      <c r="BF36" s="341">
        <v>0</v>
      </c>
      <c r="BG36" s="342">
        <v>0</v>
      </c>
      <c r="BH36" s="346">
        <v>0</v>
      </c>
      <c r="BI36" s="347">
        <v>0</v>
      </c>
      <c r="BJ36" s="342">
        <v>0</v>
      </c>
      <c r="BK36" s="342">
        <v>0</v>
      </c>
      <c r="BL36" s="342">
        <v>0</v>
      </c>
      <c r="BM36" s="342">
        <v>0</v>
      </c>
      <c r="BN36" s="342">
        <v>0</v>
      </c>
      <c r="BO36" s="343">
        <v>0</v>
      </c>
      <c r="BP36" s="345">
        <v>0</v>
      </c>
      <c r="BQ36" s="341">
        <v>0</v>
      </c>
      <c r="BR36" s="342">
        <v>0</v>
      </c>
      <c r="BS36" s="343">
        <v>0</v>
      </c>
      <c r="BT36" s="341">
        <v>0</v>
      </c>
      <c r="BU36" s="342">
        <v>0</v>
      </c>
      <c r="BV36" s="342">
        <v>0</v>
      </c>
      <c r="BW36" s="342">
        <v>0</v>
      </c>
      <c r="BX36" s="342">
        <v>0</v>
      </c>
      <c r="BY36" s="342">
        <v>0</v>
      </c>
      <c r="BZ36" s="343">
        <v>0</v>
      </c>
      <c r="CA36" s="345">
        <v>0</v>
      </c>
      <c r="CB36" s="341">
        <v>0</v>
      </c>
      <c r="CC36" s="342">
        <v>0</v>
      </c>
      <c r="CD36" s="343">
        <v>0</v>
      </c>
      <c r="CE36" s="341">
        <v>0</v>
      </c>
      <c r="CF36" s="342">
        <v>82208</v>
      </c>
      <c r="CG36" s="342">
        <v>7714</v>
      </c>
      <c r="CH36" s="342">
        <v>344028</v>
      </c>
      <c r="CI36" s="342">
        <v>0</v>
      </c>
      <c r="CJ36" s="342">
        <v>0</v>
      </c>
      <c r="CK36" s="343">
        <v>433950</v>
      </c>
      <c r="CL36" s="345">
        <v>433950</v>
      </c>
      <c r="CM36" s="341">
        <v>0</v>
      </c>
      <c r="CN36" s="342">
        <v>0</v>
      </c>
      <c r="CO36" s="343">
        <v>0</v>
      </c>
      <c r="CP36" s="347">
        <v>0</v>
      </c>
      <c r="CQ36" s="342">
        <v>44401</v>
      </c>
      <c r="CR36" s="342">
        <v>7714</v>
      </c>
      <c r="CS36" s="342">
        <v>205974</v>
      </c>
      <c r="CT36" s="342">
        <v>0</v>
      </c>
      <c r="CU36" s="342">
        <v>0</v>
      </c>
      <c r="CV36" s="343">
        <v>258089</v>
      </c>
      <c r="CW36" s="345">
        <v>258089</v>
      </c>
      <c r="CX36" s="341">
        <v>0</v>
      </c>
      <c r="CY36" s="342">
        <v>0</v>
      </c>
      <c r="CZ36" s="343">
        <v>0</v>
      </c>
      <c r="DA36" s="341">
        <v>0</v>
      </c>
      <c r="DB36" s="342">
        <v>37807</v>
      </c>
      <c r="DC36" s="342">
        <v>0</v>
      </c>
      <c r="DD36" s="342">
        <v>138054</v>
      </c>
      <c r="DE36" s="342">
        <v>0</v>
      </c>
      <c r="DF36" s="342">
        <v>0</v>
      </c>
      <c r="DG36" s="343">
        <v>175861</v>
      </c>
      <c r="DH36" s="345">
        <v>175861</v>
      </c>
      <c r="DI36" s="341">
        <v>0</v>
      </c>
      <c r="DJ36" s="342">
        <v>0</v>
      </c>
      <c r="DK36" s="346">
        <v>0</v>
      </c>
      <c r="DL36" s="347">
        <v>0</v>
      </c>
      <c r="DM36" s="342">
        <v>0</v>
      </c>
      <c r="DN36" s="342">
        <v>0</v>
      </c>
      <c r="DO36" s="342">
        <v>0</v>
      </c>
      <c r="DP36" s="342">
        <v>0</v>
      </c>
      <c r="DQ36" s="342">
        <v>0</v>
      </c>
      <c r="DR36" s="343">
        <v>0</v>
      </c>
      <c r="DS36" s="345">
        <v>0</v>
      </c>
      <c r="DT36" s="341">
        <v>0</v>
      </c>
      <c r="DU36" s="342">
        <v>0</v>
      </c>
      <c r="DV36" s="343">
        <v>0</v>
      </c>
      <c r="DW36" s="341">
        <v>0</v>
      </c>
      <c r="DX36" s="342">
        <v>0</v>
      </c>
      <c r="DY36" s="342">
        <v>0</v>
      </c>
      <c r="DZ36" s="342">
        <v>0</v>
      </c>
      <c r="EA36" s="342">
        <v>0</v>
      </c>
      <c r="EB36" s="342">
        <v>0</v>
      </c>
      <c r="EC36" s="343">
        <v>0</v>
      </c>
      <c r="ED36" s="345">
        <v>0</v>
      </c>
      <c r="EE36" s="341">
        <v>0</v>
      </c>
      <c r="EF36" s="346">
        <v>0</v>
      </c>
      <c r="EG36" s="343">
        <v>0</v>
      </c>
      <c r="EH36" s="341">
        <v>0</v>
      </c>
      <c r="EI36" s="342">
        <v>0</v>
      </c>
      <c r="EJ36" s="342">
        <v>0</v>
      </c>
      <c r="EK36" s="342">
        <v>0</v>
      </c>
      <c r="EL36" s="342">
        <v>0</v>
      </c>
      <c r="EM36" s="342">
        <v>0</v>
      </c>
      <c r="EN36" s="346">
        <v>0</v>
      </c>
      <c r="EO36" s="345">
        <v>0</v>
      </c>
      <c r="EP36" s="341">
        <v>0</v>
      </c>
      <c r="EQ36" s="342">
        <v>0</v>
      </c>
      <c r="ER36" s="346">
        <v>0</v>
      </c>
      <c r="ES36" s="347">
        <v>0</v>
      </c>
      <c r="ET36" s="342">
        <v>0</v>
      </c>
      <c r="EU36" s="342">
        <v>0</v>
      </c>
      <c r="EV36" s="342">
        <v>0</v>
      </c>
      <c r="EW36" s="342">
        <v>0</v>
      </c>
      <c r="EX36" s="342">
        <v>0</v>
      </c>
      <c r="EY36" s="343">
        <v>0</v>
      </c>
      <c r="EZ36" s="345">
        <v>0</v>
      </c>
      <c r="FA36" s="341">
        <v>0</v>
      </c>
      <c r="FB36" s="342">
        <v>0</v>
      </c>
      <c r="FC36" s="346">
        <v>0</v>
      </c>
      <c r="FD36" s="436">
        <v>0</v>
      </c>
      <c r="FE36" s="342">
        <v>0</v>
      </c>
      <c r="FF36" s="342">
        <v>0</v>
      </c>
      <c r="FG36" s="342">
        <v>0</v>
      </c>
      <c r="FH36" s="342">
        <v>0</v>
      </c>
      <c r="FI36" s="342">
        <v>0</v>
      </c>
      <c r="FJ36" s="343">
        <v>0</v>
      </c>
      <c r="FK36" s="345">
        <v>0</v>
      </c>
      <c r="FL36" s="341">
        <v>2380</v>
      </c>
      <c r="FM36" s="342">
        <v>2100</v>
      </c>
      <c r="FN36" s="343">
        <v>4480</v>
      </c>
      <c r="FO36" s="341">
        <v>0</v>
      </c>
      <c r="FP36" s="342">
        <v>1750</v>
      </c>
      <c r="FQ36" s="342">
        <v>21525</v>
      </c>
      <c r="FR36" s="342">
        <v>38955</v>
      </c>
      <c r="FS36" s="342">
        <v>0</v>
      </c>
      <c r="FT36" s="342">
        <v>31150</v>
      </c>
      <c r="FU36" s="343">
        <v>93380</v>
      </c>
      <c r="FV36" s="345">
        <v>97860</v>
      </c>
      <c r="FW36" s="348">
        <v>2380</v>
      </c>
      <c r="FX36" s="342">
        <v>2100</v>
      </c>
      <c r="FY36" s="346">
        <v>4480</v>
      </c>
      <c r="FZ36" s="347">
        <v>0</v>
      </c>
      <c r="GA36" s="342">
        <v>1750</v>
      </c>
      <c r="GB36" s="342">
        <v>21525</v>
      </c>
      <c r="GC36" s="342">
        <v>38955</v>
      </c>
      <c r="GD36" s="342">
        <v>0</v>
      </c>
      <c r="GE36" s="342">
        <v>31150</v>
      </c>
      <c r="GF36" s="343">
        <v>93380</v>
      </c>
      <c r="GG36" s="349">
        <v>97860</v>
      </c>
      <c r="GH36" s="348">
        <v>0</v>
      </c>
      <c r="GI36" s="342">
        <v>0</v>
      </c>
      <c r="GJ36" s="346">
        <v>0</v>
      </c>
      <c r="GK36" s="347">
        <v>0</v>
      </c>
      <c r="GL36" s="342">
        <v>0</v>
      </c>
      <c r="GM36" s="342">
        <v>0</v>
      </c>
      <c r="GN36" s="342">
        <v>0</v>
      </c>
      <c r="GO36" s="342">
        <v>0</v>
      </c>
      <c r="GP36" s="342">
        <v>0</v>
      </c>
      <c r="GQ36" s="343">
        <v>0</v>
      </c>
      <c r="GR36" s="345">
        <v>0</v>
      </c>
      <c r="GS36" s="341">
        <v>0</v>
      </c>
      <c r="GT36" s="342">
        <v>0</v>
      </c>
      <c r="GU36" s="343">
        <v>0</v>
      </c>
      <c r="GV36" s="341">
        <v>0</v>
      </c>
      <c r="GW36" s="342">
        <v>0</v>
      </c>
      <c r="GX36" s="342">
        <v>0</v>
      </c>
      <c r="GY36" s="342">
        <v>0</v>
      </c>
      <c r="GZ36" s="342">
        <v>0</v>
      </c>
      <c r="HA36" s="342">
        <v>0</v>
      </c>
      <c r="HB36" s="346">
        <v>0</v>
      </c>
      <c r="HC36" s="345">
        <v>0</v>
      </c>
      <c r="HD36" s="341">
        <v>0</v>
      </c>
      <c r="HE36" s="342">
        <v>0</v>
      </c>
      <c r="HF36" s="346">
        <v>0</v>
      </c>
      <c r="HG36" s="347">
        <v>0</v>
      </c>
      <c r="HH36" s="342">
        <v>0</v>
      </c>
      <c r="HI36" s="342">
        <v>0</v>
      </c>
      <c r="HJ36" s="342">
        <v>0</v>
      </c>
      <c r="HK36" s="342">
        <v>0</v>
      </c>
      <c r="HL36" s="342">
        <v>0</v>
      </c>
      <c r="HM36" s="343">
        <v>0</v>
      </c>
      <c r="HN36" s="344">
        <v>0</v>
      </c>
      <c r="HO36" s="348">
        <v>0</v>
      </c>
      <c r="HP36" s="342">
        <v>0</v>
      </c>
      <c r="HQ36" s="343">
        <v>0</v>
      </c>
      <c r="HR36" s="341">
        <v>0</v>
      </c>
      <c r="HS36" s="342">
        <v>0</v>
      </c>
      <c r="HT36" s="342">
        <v>0</v>
      </c>
      <c r="HU36" s="342">
        <v>0</v>
      </c>
      <c r="HV36" s="342">
        <v>0</v>
      </c>
      <c r="HW36" s="342">
        <v>0</v>
      </c>
      <c r="HX36" s="346">
        <v>0</v>
      </c>
      <c r="HY36" s="345">
        <v>0</v>
      </c>
      <c r="HZ36" s="373">
        <v>0</v>
      </c>
      <c r="IA36" s="371">
        <v>0</v>
      </c>
      <c r="IB36" s="373">
        <v>0</v>
      </c>
      <c r="IC36" s="370">
        <v>0</v>
      </c>
      <c r="ID36" s="371">
        <v>31868</v>
      </c>
      <c r="IE36" s="372">
        <v>249624</v>
      </c>
      <c r="IF36" s="373">
        <v>70105</v>
      </c>
      <c r="IG36" s="371">
        <v>0</v>
      </c>
      <c r="IH36" s="373">
        <v>0</v>
      </c>
      <c r="II36" s="374">
        <v>351597</v>
      </c>
      <c r="IJ36" s="373">
        <v>351597</v>
      </c>
      <c r="IK36" s="357">
        <v>0</v>
      </c>
      <c r="IL36" s="358">
        <v>0</v>
      </c>
      <c r="IM36" s="359">
        <v>0</v>
      </c>
      <c r="IN36" s="436">
        <v>0</v>
      </c>
      <c r="IO36" s="360">
        <v>0</v>
      </c>
      <c r="IP36" s="360">
        <v>73073</v>
      </c>
      <c r="IQ36" s="360">
        <v>0</v>
      </c>
      <c r="IR36" s="360">
        <v>0</v>
      </c>
      <c r="IS36" s="360">
        <v>0</v>
      </c>
      <c r="IT36" s="361">
        <v>73073</v>
      </c>
      <c r="IU36" s="362">
        <v>73073</v>
      </c>
      <c r="IV36" s="363">
        <v>0</v>
      </c>
      <c r="IW36" s="360">
        <v>0</v>
      </c>
      <c r="IX36" s="364">
        <v>0</v>
      </c>
      <c r="IY36" s="436">
        <v>0</v>
      </c>
      <c r="IZ36" s="360">
        <v>0</v>
      </c>
      <c r="JA36" s="360">
        <v>0</v>
      </c>
      <c r="JB36" s="360">
        <v>0</v>
      </c>
      <c r="JC36" s="360">
        <v>0</v>
      </c>
      <c r="JD36" s="360">
        <v>0</v>
      </c>
      <c r="JE36" s="364">
        <v>0</v>
      </c>
      <c r="JF36" s="365">
        <v>0</v>
      </c>
      <c r="JG36" s="363">
        <v>0</v>
      </c>
      <c r="JH36" s="360">
        <v>0</v>
      </c>
      <c r="JI36" s="361">
        <v>0</v>
      </c>
      <c r="JJ36" s="366">
        <v>0</v>
      </c>
      <c r="JK36" s="360">
        <v>31868</v>
      </c>
      <c r="JL36" s="360">
        <v>23991</v>
      </c>
      <c r="JM36" s="360">
        <v>70105</v>
      </c>
      <c r="JN36" s="360">
        <v>0</v>
      </c>
      <c r="JO36" s="360">
        <v>0</v>
      </c>
      <c r="JP36" s="364">
        <v>125964</v>
      </c>
      <c r="JQ36" s="362">
        <v>125964</v>
      </c>
      <c r="JR36" s="363">
        <v>0</v>
      </c>
      <c r="JS36" s="360">
        <v>0</v>
      </c>
      <c r="JT36" s="361">
        <v>0</v>
      </c>
      <c r="JU36" s="366">
        <v>0</v>
      </c>
      <c r="JV36" s="360">
        <v>0</v>
      </c>
      <c r="JW36" s="360">
        <v>0</v>
      </c>
      <c r="JX36" s="360">
        <v>0</v>
      </c>
      <c r="JY36" s="360">
        <v>0</v>
      </c>
      <c r="JZ36" s="360">
        <v>0</v>
      </c>
      <c r="KA36" s="364">
        <v>0</v>
      </c>
      <c r="KB36" s="362">
        <v>0</v>
      </c>
      <c r="KC36" s="367">
        <v>0</v>
      </c>
      <c r="KD36" s="368">
        <v>0</v>
      </c>
      <c r="KE36" s="364">
        <v>0</v>
      </c>
      <c r="KF36" s="366">
        <v>0</v>
      </c>
      <c r="KG36" s="360">
        <v>0</v>
      </c>
      <c r="KH36" s="360">
        <v>152560</v>
      </c>
      <c r="KI36" s="360">
        <v>0</v>
      </c>
      <c r="KJ36" s="360">
        <v>0</v>
      </c>
      <c r="KK36" s="360">
        <v>0</v>
      </c>
      <c r="KL36" s="364">
        <v>152560</v>
      </c>
      <c r="KM36" s="369">
        <v>152560</v>
      </c>
      <c r="KN36" s="357">
        <v>0</v>
      </c>
      <c r="KO36" s="358">
        <v>0</v>
      </c>
      <c r="KP36" s="359">
        <v>0</v>
      </c>
      <c r="KQ36" s="436">
        <v>0</v>
      </c>
      <c r="KR36" s="360">
        <v>0</v>
      </c>
      <c r="KS36" s="360">
        <v>0</v>
      </c>
      <c r="KT36" s="360">
        <v>0</v>
      </c>
      <c r="KU36" s="360">
        <v>0</v>
      </c>
      <c r="KV36" s="360">
        <v>0</v>
      </c>
      <c r="KW36" s="364">
        <v>0</v>
      </c>
      <c r="KX36" s="362">
        <v>0</v>
      </c>
      <c r="KY36" s="363">
        <v>0</v>
      </c>
      <c r="KZ36" s="360">
        <v>0</v>
      </c>
      <c r="LA36" s="364">
        <v>0</v>
      </c>
      <c r="LB36" s="436">
        <v>0</v>
      </c>
      <c r="LC36" s="360">
        <v>0</v>
      </c>
      <c r="LD36" s="360">
        <v>0</v>
      </c>
      <c r="LE36" s="360">
        <v>0</v>
      </c>
      <c r="LF36" s="360">
        <v>0</v>
      </c>
      <c r="LG36" s="360">
        <v>0</v>
      </c>
      <c r="LH36" s="364">
        <v>0</v>
      </c>
      <c r="LI36" s="365">
        <v>0</v>
      </c>
      <c r="LJ36" s="363">
        <v>0</v>
      </c>
      <c r="LK36" s="360">
        <v>0</v>
      </c>
      <c r="LL36" s="364">
        <v>0</v>
      </c>
      <c r="LM36" s="436">
        <v>0</v>
      </c>
      <c r="LN36" s="360">
        <v>0</v>
      </c>
      <c r="LO36" s="360">
        <v>0</v>
      </c>
      <c r="LP36" s="360">
        <v>0</v>
      </c>
      <c r="LQ36" s="360">
        <v>0</v>
      </c>
      <c r="LR36" s="360">
        <v>0</v>
      </c>
      <c r="LS36" s="364">
        <v>0</v>
      </c>
      <c r="LT36" s="362">
        <v>0</v>
      </c>
      <c r="LU36" s="363">
        <v>0</v>
      </c>
      <c r="LV36" s="360">
        <v>0</v>
      </c>
      <c r="LW36" s="364">
        <v>0</v>
      </c>
      <c r="LX36" s="436">
        <v>0</v>
      </c>
      <c r="LY36" s="360">
        <v>0</v>
      </c>
      <c r="LZ36" s="360">
        <v>0</v>
      </c>
      <c r="MA36" s="360">
        <v>0</v>
      </c>
      <c r="MB36" s="360">
        <v>0</v>
      </c>
      <c r="MC36" s="360">
        <v>0</v>
      </c>
      <c r="MD36" s="364">
        <v>0</v>
      </c>
      <c r="ME36" s="365">
        <v>0</v>
      </c>
      <c r="MF36" s="363">
        <v>0</v>
      </c>
      <c r="MG36" s="360">
        <v>0</v>
      </c>
      <c r="MH36" s="364">
        <v>0</v>
      </c>
      <c r="MI36" s="436">
        <v>0</v>
      </c>
      <c r="MJ36" s="360">
        <v>0</v>
      </c>
      <c r="MK36" s="360">
        <v>0</v>
      </c>
      <c r="ML36" s="360">
        <v>843969</v>
      </c>
      <c r="MM36" s="360">
        <v>30734</v>
      </c>
      <c r="MN36" s="360">
        <v>215257</v>
      </c>
      <c r="MO36" s="364">
        <v>1089960</v>
      </c>
      <c r="MP36" s="369">
        <v>1089960</v>
      </c>
      <c r="MQ36" s="363">
        <v>0</v>
      </c>
      <c r="MR36" s="360">
        <v>0</v>
      </c>
      <c r="MS36" s="364">
        <v>0</v>
      </c>
      <c r="MT36" s="436">
        <v>0</v>
      </c>
      <c r="MU36" s="360">
        <v>0</v>
      </c>
      <c r="MV36" s="360">
        <v>0</v>
      </c>
      <c r="MW36" s="360">
        <v>192966</v>
      </c>
      <c r="MX36" s="360">
        <v>30734</v>
      </c>
      <c r="MY36" s="360">
        <v>215257</v>
      </c>
      <c r="MZ36" s="364">
        <v>438957</v>
      </c>
      <c r="NA36" s="369">
        <v>438957</v>
      </c>
      <c r="NB36" s="363">
        <v>0</v>
      </c>
      <c r="NC36" s="360">
        <v>0</v>
      </c>
      <c r="ND36" s="364">
        <v>0</v>
      </c>
      <c r="NE36" s="436">
        <v>0</v>
      </c>
      <c r="NF36" s="360">
        <v>0</v>
      </c>
      <c r="NG36" s="360">
        <v>0</v>
      </c>
      <c r="NH36" s="360">
        <v>651003</v>
      </c>
      <c r="NI36" s="360">
        <v>0</v>
      </c>
      <c r="NJ36" s="360">
        <v>0</v>
      </c>
      <c r="NK36" s="364">
        <v>651003</v>
      </c>
      <c r="NL36" s="362">
        <v>651003</v>
      </c>
      <c r="NM36" s="363">
        <v>0</v>
      </c>
      <c r="NN36" s="360">
        <v>0</v>
      </c>
      <c r="NO36" s="364">
        <v>0</v>
      </c>
      <c r="NP36" s="436">
        <v>0</v>
      </c>
      <c r="NQ36" s="360">
        <v>0</v>
      </c>
      <c r="NR36" s="360">
        <v>0</v>
      </c>
      <c r="NS36" s="360">
        <v>0</v>
      </c>
      <c r="NT36" s="360">
        <v>0</v>
      </c>
      <c r="NU36" s="360">
        <v>0</v>
      </c>
      <c r="NV36" s="364">
        <v>0</v>
      </c>
      <c r="NW36" s="365">
        <v>0</v>
      </c>
      <c r="NX36" s="363">
        <v>0</v>
      </c>
      <c r="NY36" s="360">
        <v>0</v>
      </c>
      <c r="NZ36" s="364">
        <v>0</v>
      </c>
      <c r="OA36" s="436">
        <v>0</v>
      </c>
      <c r="OB36" s="360">
        <v>0</v>
      </c>
      <c r="OC36" s="360">
        <v>0</v>
      </c>
      <c r="OD36" s="360">
        <v>0</v>
      </c>
      <c r="OE36" s="360">
        <v>0</v>
      </c>
      <c r="OF36" s="360">
        <v>0</v>
      </c>
      <c r="OG36" s="364">
        <v>0</v>
      </c>
      <c r="OH36" s="365">
        <v>0</v>
      </c>
      <c r="OI36" s="363">
        <v>2380</v>
      </c>
      <c r="OJ36" s="360">
        <v>2100</v>
      </c>
      <c r="OK36" s="361">
        <v>4480</v>
      </c>
      <c r="OL36" s="366">
        <v>0</v>
      </c>
      <c r="OM36" s="360">
        <v>205917</v>
      </c>
      <c r="ON36" s="360">
        <v>291708</v>
      </c>
      <c r="OO36" s="360">
        <v>1377935</v>
      </c>
      <c r="OP36" s="360">
        <v>30734</v>
      </c>
      <c r="OQ36" s="360">
        <v>372806</v>
      </c>
      <c r="OR36" s="364">
        <v>2279100</v>
      </c>
      <c r="OS36" s="369">
        <v>2283580</v>
      </c>
    </row>
    <row r="37" spans="2:409" s="137" customFormat="1" ht="21" customHeight="1" x14ac:dyDescent="0.2">
      <c r="B37" s="421" t="s">
        <v>32</v>
      </c>
      <c r="C37" s="341">
        <v>10920</v>
      </c>
      <c r="D37" s="342">
        <v>30576</v>
      </c>
      <c r="E37" s="383">
        <v>41496</v>
      </c>
      <c r="F37" s="385">
        <v>0</v>
      </c>
      <c r="G37" s="384">
        <v>319346</v>
      </c>
      <c r="H37" s="384">
        <v>504749</v>
      </c>
      <c r="I37" s="384">
        <v>220847</v>
      </c>
      <c r="J37" s="384">
        <v>559032</v>
      </c>
      <c r="K37" s="384">
        <v>665113</v>
      </c>
      <c r="L37" s="385">
        <v>2269087</v>
      </c>
      <c r="M37" s="345">
        <v>2310583</v>
      </c>
      <c r="N37" s="341">
        <v>0</v>
      </c>
      <c r="O37" s="342">
        <v>20776</v>
      </c>
      <c r="P37" s="343">
        <v>20776</v>
      </c>
      <c r="Q37" s="341">
        <v>0</v>
      </c>
      <c r="R37" s="342">
        <v>108577</v>
      </c>
      <c r="S37" s="342">
        <v>103817</v>
      </c>
      <c r="T37" s="342">
        <v>29085</v>
      </c>
      <c r="U37" s="342">
        <v>39067</v>
      </c>
      <c r="V37" s="342">
        <v>74004</v>
      </c>
      <c r="W37" s="343">
        <v>354550</v>
      </c>
      <c r="X37" s="345">
        <v>375326</v>
      </c>
      <c r="Y37" s="341">
        <v>0</v>
      </c>
      <c r="Z37" s="342">
        <v>0</v>
      </c>
      <c r="AA37" s="343">
        <v>0</v>
      </c>
      <c r="AB37" s="341">
        <v>0</v>
      </c>
      <c r="AC37" s="342">
        <v>31192</v>
      </c>
      <c r="AD37" s="342">
        <v>0</v>
      </c>
      <c r="AE37" s="342">
        <v>2121</v>
      </c>
      <c r="AF37" s="342">
        <v>0</v>
      </c>
      <c r="AG37" s="342">
        <v>0</v>
      </c>
      <c r="AH37" s="343">
        <v>33313</v>
      </c>
      <c r="AI37" s="345">
        <v>33313</v>
      </c>
      <c r="AJ37" s="341">
        <v>0</v>
      </c>
      <c r="AK37" s="342">
        <v>0</v>
      </c>
      <c r="AL37" s="343">
        <v>0</v>
      </c>
      <c r="AM37" s="341">
        <v>0</v>
      </c>
      <c r="AN37" s="342">
        <v>0</v>
      </c>
      <c r="AO37" s="342">
        <v>0</v>
      </c>
      <c r="AP37" s="342">
        <v>0</v>
      </c>
      <c r="AQ37" s="342">
        <v>0</v>
      </c>
      <c r="AR37" s="342">
        <v>0</v>
      </c>
      <c r="AS37" s="343">
        <v>0</v>
      </c>
      <c r="AT37" s="345">
        <v>0</v>
      </c>
      <c r="AU37" s="341">
        <v>0</v>
      </c>
      <c r="AV37" s="342">
        <v>20776</v>
      </c>
      <c r="AW37" s="343">
        <v>20776</v>
      </c>
      <c r="AX37" s="341">
        <v>0</v>
      </c>
      <c r="AY37" s="342">
        <v>70224</v>
      </c>
      <c r="AZ37" s="342">
        <v>49392</v>
      </c>
      <c r="BA37" s="342">
        <v>0</v>
      </c>
      <c r="BB37" s="342">
        <v>0</v>
      </c>
      <c r="BC37" s="342">
        <v>58366</v>
      </c>
      <c r="BD37" s="343">
        <v>177982</v>
      </c>
      <c r="BE37" s="345">
        <v>198758</v>
      </c>
      <c r="BF37" s="341">
        <v>0</v>
      </c>
      <c r="BG37" s="342">
        <v>0</v>
      </c>
      <c r="BH37" s="346">
        <v>0</v>
      </c>
      <c r="BI37" s="347">
        <v>0</v>
      </c>
      <c r="BJ37" s="342">
        <v>0</v>
      </c>
      <c r="BK37" s="342">
        <v>26768</v>
      </c>
      <c r="BL37" s="342">
        <v>0</v>
      </c>
      <c r="BM37" s="342">
        <v>26768</v>
      </c>
      <c r="BN37" s="342">
        <v>0</v>
      </c>
      <c r="BO37" s="343">
        <v>53536</v>
      </c>
      <c r="BP37" s="345">
        <v>53536</v>
      </c>
      <c r="BQ37" s="341">
        <v>0</v>
      </c>
      <c r="BR37" s="342">
        <v>0</v>
      </c>
      <c r="BS37" s="343">
        <v>0</v>
      </c>
      <c r="BT37" s="341">
        <v>0</v>
      </c>
      <c r="BU37" s="342">
        <v>7161</v>
      </c>
      <c r="BV37" s="342">
        <v>27657</v>
      </c>
      <c r="BW37" s="342">
        <v>26964</v>
      </c>
      <c r="BX37" s="342">
        <v>12299</v>
      </c>
      <c r="BY37" s="342">
        <v>15638</v>
      </c>
      <c r="BZ37" s="343">
        <v>89719</v>
      </c>
      <c r="CA37" s="345">
        <v>89719</v>
      </c>
      <c r="CB37" s="341">
        <v>0</v>
      </c>
      <c r="CC37" s="342">
        <v>0</v>
      </c>
      <c r="CD37" s="343">
        <v>0</v>
      </c>
      <c r="CE37" s="341">
        <v>0</v>
      </c>
      <c r="CF37" s="342">
        <v>52660</v>
      </c>
      <c r="CG37" s="342">
        <v>295036</v>
      </c>
      <c r="CH37" s="342">
        <v>0</v>
      </c>
      <c r="CI37" s="342">
        <v>237530</v>
      </c>
      <c r="CJ37" s="342">
        <v>329589</v>
      </c>
      <c r="CK37" s="343">
        <v>914815</v>
      </c>
      <c r="CL37" s="345">
        <v>914815</v>
      </c>
      <c r="CM37" s="341">
        <v>0</v>
      </c>
      <c r="CN37" s="342">
        <v>0</v>
      </c>
      <c r="CO37" s="343">
        <v>0</v>
      </c>
      <c r="CP37" s="347">
        <v>0</v>
      </c>
      <c r="CQ37" s="342">
        <v>52660</v>
      </c>
      <c r="CR37" s="342">
        <v>217287</v>
      </c>
      <c r="CS37" s="342">
        <v>0</v>
      </c>
      <c r="CT37" s="342">
        <v>128003</v>
      </c>
      <c r="CU37" s="342">
        <v>273666</v>
      </c>
      <c r="CV37" s="343">
        <v>671616</v>
      </c>
      <c r="CW37" s="345">
        <v>671616</v>
      </c>
      <c r="CX37" s="341">
        <v>0</v>
      </c>
      <c r="CY37" s="342">
        <v>0</v>
      </c>
      <c r="CZ37" s="343">
        <v>0</v>
      </c>
      <c r="DA37" s="341">
        <v>0</v>
      </c>
      <c r="DB37" s="342">
        <v>0</v>
      </c>
      <c r="DC37" s="342">
        <v>77749</v>
      </c>
      <c r="DD37" s="342">
        <v>0</v>
      </c>
      <c r="DE37" s="342">
        <v>109527</v>
      </c>
      <c r="DF37" s="342">
        <v>55923</v>
      </c>
      <c r="DG37" s="343">
        <v>243199</v>
      </c>
      <c r="DH37" s="345">
        <v>243199</v>
      </c>
      <c r="DI37" s="341">
        <v>0</v>
      </c>
      <c r="DJ37" s="342">
        <v>0</v>
      </c>
      <c r="DK37" s="346">
        <v>0</v>
      </c>
      <c r="DL37" s="347">
        <v>0</v>
      </c>
      <c r="DM37" s="342">
        <v>0</v>
      </c>
      <c r="DN37" s="342">
        <v>17332</v>
      </c>
      <c r="DO37" s="342">
        <v>0</v>
      </c>
      <c r="DP37" s="342">
        <v>54781</v>
      </c>
      <c r="DQ37" s="342">
        <v>47250</v>
      </c>
      <c r="DR37" s="343">
        <v>119363</v>
      </c>
      <c r="DS37" s="345">
        <v>119363</v>
      </c>
      <c r="DT37" s="341">
        <v>0</v>
      </c>
      <c r="DU37" s="342">
        <v>0</v>
      </c>
      <c r="DV37" s="343">
        <v>0</v>
      </c>
      <c r="DW37" s="341">
        <v>0</v>
      </c>
      <c r="DX37" s="342">
        <v>0</v>
      </c>
      <c r="DY37" s="342">
        <v>17332</v>
      </c>
      <c r="DZ37" s="342">
        <v>0</v>
      </c>
      <c r="EA37" s="342">
        <v>54781</v>
      </c>
      <c r="EB37" s="342">
        <v>18263</v>
      </c>
      <c r="EC37" s="343">
        <v>90376</v>
      </c>
      <c r="ED37" s="345">
        <v>90376</v>
      </c>
      <c r="EE37" s="341">
        <v>0</v>
      </c>
      <c r="EF37" s="346">
        <v>0</v>
      </c>
      <c r="EG37" s="343">
        <v>0</v>
      </c>
      <c r="EH37" s="341">
        <v>0</v>
      </c>
      <c r="EI37" s="342">
        <v>0</v>
      </c>
      <c r="EJ37" s="342">
        <v>0</v>
      </c>
      <c r="EK37" s="342">
        <v>0</v>
      </c>
      <c r="EL37" s="342">
        <v>0</v>
      </c>
      <c r="EM37" s="342">
        <v>28987</v>
      </c>
      <c r="EN37" s="346">
        <v>28987</v>
      </c>
      <c r="EO37" s="345">
        <v>28987</v>
      </c>
      <c r="EP37" s="341">
        <v>0</v>
      </c>
      <c r="EQ37" s="342">
        <v>0</v>
      </c>
      <c r="ER37" s="346">
        <v>0</v>
      </c>
      <c r="ES37" s="347">
        <v>0</v>
      </c>
      <c r="ET37" s="342">
        <v>0</v>
      </c>
      <c r="EU37" s="342">
        <v>0</v>
      </c>
      <c r="EV37" s="342">
        <v>0</v>
      </c>
      <c r="EW37" s="342">
        <v>0</v>
      </c>
      <c r="EX37" s="342">
        <v>0</v>
      </c>
      <c r="EY37" s="343">
        <v>0</v>
      </c>
      <c r="EZ37" s="345">
        <v>0</v>
      </c>
      <c r="FA37" s="341">
        <v>0</v>
      </c>
      <c r="FB37" s="342">
        <v>0</v>
      </c>
      <c r="FC37" s="346">
        <v>0</v>
      </c>
      <c r="FD37" s="436">
        <v>0</v>
      </c>
      <c r="FE37" s="342">
        <v>0</v>
      </c>
      <c r="FF37" s="342">
        <v>0</v>
      </c>
      <c r="FG37" s="342">
        <v>0</v>
      </c>
      <c r="FH37" s="342">
        <v>0</v>
      </c>
      <c r="FI37" s="342">
        <v>0</v>
      </c>
      <c r="FJ37" s="343">
        <v>0</v>
      </c>
      <c r="FK37" s="345">
        <v>0</v>
      </c>
      <c r="FL37" s="341">
        <v>10920</v>
      </c>
      <c r="FM37" s="342">
        <v>9800</v>
      </c>
      <c r="FN37" s="343">
        <v>20720</v>
      </c>
      <c r="FO37" s="341">
        <v>0</v>
      </c>
      <c r="FP37" s="342">
        <v>5950</v>
      </c>
      <c r="FQ37" s="342">
        <v>88564</v>
      </c>
      <c r="FR37" s="342">
        <v>23996</v>
      </c>
      <c r="FS37" s="342">
        <v>57288</v>
      </c>
      <c r="FT37" s="342">
        <v>27832</v>
      </c>
      <c r="FU37" s="343">
        <v>203630</v>
      </c>
      <c r="FV37" s="345">
        <v>224350</v>
      </c>
      <c r="FW37" s="348">
        <v>10920</v>
      </c>
      <c r="FX37" s="342">
        <v>9800</v>
      </c>
      <c r="FY37" s="346">
        <v>20720</v>
      </c>
      <c r="FZ37" s="347">
        <v>0</v>
      </c>
      <c r="GA37" s="342">
        <v>5950</v>
      </c>
      <c r="GB37" s="342">
        <v>88564</v>
      </c>
      <c r="GC37" s="342">
        <v>23996</v>
      </c>
      <c r="GD37" s="342">
        <v>57288</v>
      </c>
      <c r="GE37" s="342">
        <v>27832</v>
      </c>
      <c r="GF37" s="343">
        <v>203630</v>
      </c>
      <c r="GG37" s="349">
        <v>224350</v>
      </c>
      <c r="GH37" s="348">
        <v>0</v>
      </c>
      <c r="GI37" s="342">
        <v>0</v>
      </c>
      <c r="GJ37" s="346">
        <v>0</v>
      </c>
      <c r="GK37" s="347">
        <v>0</v>
      </c>
      <c r="GL37" s="342">
        <v>0</v>
      </c>
      <c r="GM37" s="342">
        <v>0</v>
      </c>
      <c r="GN37" s="342">
        <v>0</v>
      </c>
      <c r="GO37" s="342">
        <v>0</v>
      </c>
      <c r="GP37" s="342">
        <v>0</v>
      </c>
      <c r="GQ37" s="343">
        <v>0</v>
      </c>
      <c r="GR37" s="345">
        <v>0</v>
      </c>
      <c r="GS37" s="341">
        <v>0</v>
      </c>
      <c r="GT37" s="342">
        <v>0</v>
      </c>
      <c r="GU37" s="343">
        <v>0</v>
      </c>
      <c r="GV37" s="341">
        <v>0</v>
      </c>
      <c r="GW37" s="342">
        <v>0</v>
      </c>
      <c r="GX37" s="342">
        <v>0</v>
      </c>
      <c r="GY37" s="342">
        <v>0</v>
      </c>
      <c r="GZ37" s="342">
        <v>0</v>
      </c>
      <c r="HA37" s="342">
        <v>0</v>
      </c>
      <c r="HB37" s="346">
        <v>0</v>
      </c>
      <c r="HC37" s="345">
        <v>0</v>
      </c>
      <c r="HD37" s="341">
        <v>0</v>
      </c>
      <c r="HE37" s="342">
        <v>0</v>
      </c>
      <c r="HF37" s="346">
        <v>0</v>
      </c>
      <c r="HG37" s="347">
        <v>0</v>
      </c>
      <c r="HH37" s="342">
        <v>152159</v>
      </c>
      <c r="HI37" s="342">
        <v>0</v>
      </c>
      <c r="HJ37" s="342">
        <v>167766</v>
      </c>
      <c r="HK37" s="342">
        <v>170366</v>
      </c>
      <c r="HL37" s="342">
        <v>186438</v>
      </c>
      <c r="HM37" s="343">
        <v>676729</v>
      </c>
      <c r="HN37" s="344">
        <v>676729</v>
      </c>
      <c r="HO37" s="348">
        <v>0</v>
      </c>
      <c r="HP37" s="342">
        <v>0</v>
      </c>
      <c r="HQ37" s="343">
        <v>0</v>
      </c>
      <c r="HR37" s="341">
        <v>0</v>
      </c>
      <c r="HS37" s="342">
        <v>0</v>
      </c>
      <c r="HT37" s="342">
        <v>0</v>
      </c>
      <c r="HU37" s="342">
        <v>0</v>
      </c>
      <c r="HV37" s="342">
        <v>0</v>
      </c>
      <c r="HW37" s="342">
        <v>0</v>
      </c>
      <c r="HX37" s="346">
        <v>0</v>
      </c>
      <c r="HY37" s="345">
        <v>0</v>
      </c>
      <c r="HZ37" s="350">
        <v>0</v>
      </c>
      <c r="IA37" s="351">
        <v>0</v>
      </c>
      <c r="IB37" s="352">
        <v>0</v>
      </c>
      <c r="IC37" s="353">
        <v>0</v>
      </c>
      <c r="ID37" s="351">
        <v>174461</v>
      </c>
      <c r="IE37" s="354">
        <v>171129</v>
      </c>
      <c r="IF37" s="352">
        <v>192430</v>
      </c>
      <c r="IG37" s="351">
        <v>0</v>
      </c>
      <c r="IH37" s="352">
        <v>0</v>
      </c>
      <c r="II37" s="355">
        <v>538020</v>
      </c>
      <c r="IJ37" s="356">
        <v>538020</v>
      </c>
      <c r="IK37" s="357">
        <v>0</v>
      </c>
      <c r="IL37" s="358">
        <v>0</v>
      </c>
      <c r="IM37" s="359">
        <v>0</v>
      </c>
      <c r="IN37" s="436">
        <v>0</v>
      </c>
      <c r="IO37" s="360">
        <v>0</v>
      </c>
      <c r="IP37" s="360">
        <v>171129</v>
      </c>
      <c r="IQ37" s="360">
        <v>0</v>
      </c>
      <c r="IR37" s="360">
        <v>0</v>
      </c>
      <c r="IS37" s="360">
        <v>0</v>
      </c>
      <c r="IT37" s="361">
        <v>171129</v>
      </c>
      <c r="IU37" s="362">
        <v>171129</v>
      </c>
      <c r="IV37" s="363">
        <v>0</v>
      </c>
      <c r="IW37" s="360">
        <v>0</v>
      </c>
      <c r="IX37" s="364">
        <v>0</v>
      </c>
      <c r="IY37" s="436">
        <v>0</v>
      </c>
      <c r="IZ37" s="360">
        <v>0</v>
      </c>
      <c r="JA37" s="360">
        <v>0</v>
      </c>
      <c r="JB37" s="360">
        <v>0</v>
      </c>
      <c r="JC37" s="360">
        <v>0</v>
      </c>
      <c r="JD37" s="360">
        <v>0</v>
      </c>
      <c r="JE37" s="364">
        <v>0</v>
      </c>
      <c r="JF37" s="365">
        <v>0</v>
      </c>
      <c r="JG37" s="363">
        <v>0</v>
      </c>
      <c r="JH37" s="360">
        <v>0</v>
      </c>
      <c r="JI37" s="361">
        <v>0</v>
      </c>
      <c r="JJ37" s="366">
        <v>0</v>
      </c>
      <c r="JK37" s="360">
        <v>96649</v>
      </c>
      <c r="JL37" s="360">
        <v>0</v>
      </c>
      <c r="JM37" s="360">
        <v>0</v>
      </c>
      <c r="JN37" s="360">
        <v>0</v>
      </c>
      <c r="JO37" s="360">
        <v>0</v>
      </c>
      <c r="JP37" s="364">
        <v>96649</v>
      </c>
      <c r="JQ37" s="362">
        <v>96649</v>
      </c>
      <c r="JR37" s="363">
        <v>0</v>
      </c>
      <c r="JS37" s="360">
        <v>0</v>
      </c>
      <c r="JT37" s="361">
        <v>0</v>
      </c>
      <c r="JU37" s="366">
        <v>0</v>
      </c>
      <c r="JV37" s="360">
        <v>77812</v>
      </c>
      <c r="JW37" s="360">
        <v>0</v>
      </c>
      <c r="JX37" s="360">
        <v>0</v>
      </c>
      <c r="JY37" s="360">
        <v>0</v>
      </c>
      <c r="JZ37" s="360">
        <v>0</v>
      </c>
      <c r="KA37" s="364">
        <v>77812</v>
      </c>
      <c r="KB37" s="362">
        <v>77812</v>
      </c>
      <c r="KC37" s="367">
        <v>0</v>
      </c>
      <c r="KD37" s="368">
        <v>0</v>
      </c>
      <c r="KE37" s="364">
        <v>0</v>
      </c>
      <c r="KF37" s="366">
        <v>0</v>
      </c>
      <c r="KG37" s="360">
        <v>0</v>
      </c>
      <c r="KH37" s="360">
        <v>0</v>
      </c>
      <c r="KI37" s="360">
        <v>192430</v>
      </c>
      <c r="KJ37" s="360">
        <v>0</v>
      </c>
      <c r="KK37" s="360">
        <v>0</v>
      </c>
      <c r="KL37" s="364">
        <v>192430</v>
      </c>
      <c r="KM37" s="369">
        <v>192430</v>
      </c>
      <c r="KN37" s="357">
        <v>0</v>
      </c>
      <c r="KO37" s="358">
        <v>0</v>
      </c>
      <c r="KP37" s="359">
        <v>0</v>
      </c>
      <c r="KQ37" s="436">
        <v>0</v>
      </c>
      <c r="KR37" s="360">
        <v>0</v>
      </c>
      <c r="KS37" s="360">
        <v>0</v>
      </c>
      <c r="KT37" s="360">
        <v>0</v>
      </c>
      <c r="KU37" s="360">
        <v>0</v>
      </c>
      <c r="KV37" s="360">
        <v>0</v>
      </c>
      <c r="KW37" s="364">
        <v>0</v>
      </c>
      <c r="KX37" s="362">
        <v>0</v>
      </c>
      <c r="KY37" s="363">
        <v>0</v>
      </c>
      <c r="KZ37" s="360">
        <v>0</v>
      </c>
      <c r="LA37" s="364">
        <v>0</v>
      </c>
      <c r="LB37" s="436">
        <v>0</v>
      </c>
      <c r="LC37" s="360">
        <v>0</v>
      </c>
      <c r="LD37" s="360">
        <v>0</v>
      </c>
      <c r="LE37" s="360">
        <v>0</v>
      </c>
      <c r="LF37" s="360">
        <v>0</v>
      </c>
      <c r="LG37" s="360">
        <v>0</v>
      </c>
      <c r="LH37" s="364">
        <v>0</v>
      </c>
      <c r="LI37" s="365">
        <v>0</v>
      </c>
      <c r="LJ37" s="363">
        <v>0</v>
      </c>
      <c r="LK37" s="360">
        <v>0</v>
      </c>
      <c r="LL37" s="364">
        <v>0</v>
      </c>
      <c r="LM37" s="436">
        <v>0</v>
      </c>
      <c r="LN37" s="360">
        <v>0</v>
      </c>
      <c r="LO37" s="360">
        <v>0</v>
      </c>
      <c r="LP37" s="360">
        <v>0</v>
      </c>
      <c r="LQ37" s="360">
        <v>0</v>
      </c>
      <c r="LR37" s="360">
        <v>0</v>
      </c>
      <c r="LS37" s="364">
        <v>0</v>
      </c>
      <c r="LT37" s="362">
        <v>0</v>
      </c>
      <c r="LU37" s="363">
        <v>0</v>
      </c>
      <c r="LV37" s="360">
        <v>0</v>
      </c>
      <c r="LW37" s="364">
        <v>0</v>
      </c>
      <c r="LX37" s="436">
        <v>0</v>
      </c>
      <c r="LY37" s="360">
        <v>0</v>
      </c>
      <c r="LZ37" s="360">
        <v>0</v>
      </c>
      <c r="MA37" s="360">
        <v>0</v>
      </c>
      <c r="MB37" s="360">
        <v>0</v>
      </c>
      <c r="MC37" s="360">
        <v>0</v>
      </c>
      <c r="MD37" s="364">
        <v>0</v>
      </c>
      <c r="ME37" s="365">
        <v>0</v>
      </c>
      <c r="MF37" s="363">
        <v>0</v>
      </c>
      <c r="MG37" s="360">
        <v>0</v>
      </c>
      <c r="MH37" s="364">
        <v>0</v>
      </c>
      <c r="MI37" s="436">
        <v>0</v>
      </c>
      <c r="MJ37" s="360">
        <v>0</v>
      </c>
      <c r="MK37" s="360">
        <v>0</v>
      </c>
      <c r="ML37" s="360">
        <v>188806</v>
      </c>
      <c r="MM37" s="360">
        <v>274260</v>
      </c>
      <c r="MN37" s="360">
        <v>244803</v>
      </c>
      <c r="MO37" s="364">
        <v>707869</v>
      </c>
      <c r="MP37" s="369">
        <v>707869</v>
      </c>
      <c r="MQ37" s="363">
        <v>0</v>
      </c>
      <c r="MR37" s="360">
        <v>0</v>
      </c>
      <c r="MS37" s="364">
        <v>0</v>
      </c>
      <c r="MT37" s="436">
        <v>0</v>
      </c>
      <c r="MU37" s="360">
        <v>0</v>
      </c>
      <c r="MV37" s="360">
        <v>0</v>
      </c>
      <c r="MW37" s="360">
        <v>188806</v>
      </c>
      <c r="MX37" s="360">
        <v>0</v>
      </c>
      <c r="MY37" s="360">
        <v>244803</v>
      </c>
      <c r="MZ37" s="364">
        <v>433609</v>
      </c>
      <c r="NA37" s="369">
        <v>433609</v>
      </c>
      <c r="NB37" s="363">
        <v>0</v>
      </c>
      <c r="NC37" s="360">
        <v>0</v>
      </c>
      <c r="ND37" s="364">
        <v>0</v>
      </c>
      <c r="NE37" s="436">
        <v>0</v>
      </c>
      <c r="NF37" s="360">
        <v>0</v>
      </c>
      <c r="NG37" s="360">
        <v>0</v>
      </c>
      <c r="NH37" s="360">
        <v>0</v>
      </c>
      <c r="NI37" s="360">
        <v>274260</v>
      </c>
      <c r="NJ37" s="360">
        <v>0</v>
      </c>
      <c r="NK37" s="364">
        <v>274260</v>
      </c>
      <c r="NL37" s="362">
        <v>274260</v>
      </c>
      <c r="NM37" s="363">
        <v>0</v>
      </c>
      <c r="NN37" s="360">
        <v>0</v>
      </c>
      <c r="NO37" s="364">
        <v>0</v>
      </c>
      <c r="NP37" s="436">
        <v>0</v>
      </c>
      <c r="NQ37" s="360">
        <v>0</v>
      </c>
      <c r="NR37" s="360">
        <v>0</v>
      </c>
      <c r="NS37" s="360">
        <v>0</v>
      </c>
      <c r="NT37" s="360">
        <v>0</v>
      </c>
      <c r="NU37" s="360">
        <v>0</v>
      </c>
      <c r="NV37" s="364">
        <v>0</v>
      </c>
      <c r="NW37" s="365">
        <v>0</v>
      </c>
      <c r="NX37" s="363">
        <v>0</v>
      </c>
      <c r="NY37" s="360">
        <v>0</v>
      </c>
      <c r="NZ37" s="364">
        <v>0</v>
      </c>
      <c r="OA37" s="436">
        <v>0</v>
      </c>
      <c r="OB37" s="360">
        <v>0</v>
      </c>
      <c r="OC37" s="360">
        <v>0</v>
      </c>
      <c r="OD37" s="360">
        <v>0</v>
      </c>
      <c r="OE37" s="360">
        <v>0</v>
      </c>
      <c r="OF37" s="360">
        <v>0</v>
      </c>
      <c r="OG37" s="364">
        <v>0</v>
      </c>
      <c r="OH37" s="365">
        <v>0</v>
      </c>
      <c r="OI37" s="363">
        <v>10920</v>
      </c>
      <c r="OJ37" s="360">
        <v>30576</v>
      </c>
      <c r="OK37" s="361">
        <v>41496</v>
      </c>
      <c r="OL37" s="366">
        <v>0</v>
      </c>
      <c r="OM37" s="360">
        <v>493807</v>
      </c>
      <c r="ON37" s="360">
        <v>675878</v>
      </c>
      <c r="OO37" s="360">
        <v>602083</v>
      </c>
      <c r="OP37" s="360">
        <v>833292</v>
      </c>
      <c r="OQ37" s="360">
        <v>909916</v>
      </c>
      <c r="OR37" s="364">
        <v>3514976</v>
      </c>
      <c r="OS37" s="369">
        <v>3556472</v>
      </c>
    </row>
    <row r="38" spans="2:409" s="137" customFormat="1" ht="21" customHeight="1" x14ac:dyDescent="0.2">
      <c r="B38" s="421" t="s">
        <v>33</v>
      </c>
      <c r="C38" s="341">
        <v>18167</v>
      </c>
      <c r="D38" s="342">
        <v>188346</v>
      </c>
      <c r="E38" s="343">
        <v>206513</v>
      </c>
      <c r="F38" s="344">
        <v>0</v>
      </c>
      <c r="G38" s="342">
        <v>615717</v>
      </c>
      <c r="H38" s="342">
        <v>204306</v>
      </c>
      <c r="I38" s="342">
        <v>814415</v>
      </c>
      <c r="J38" s="342">
        <v>463354</v>
      </c>
      <c r="K38" s="342">
        <v>526737</v>
      </c>
      <c r="L38" s="382">
        <v>2624529</v>
      </c>
      <c r="M38" s="345">
        <v>2831042</v>
      </c>
      <c r="N38" s="341">
        <v>0</v>
      </c>
      <c r="O38" s="342">
        <v>29308</v>
      </c>
      <c r="P38" s="343">
        <v>29308</v>
      </c>
      <c r="Q38" s="341">
        <v>0</v>
      </c>
      <c r="R38" s="342">
        <v>128529</v>
      </c>
      <c r="S38" s="342">
        <v>169796</v>
      </c>
      <c r="T38" s="342">
        <v>74100</v>
      </c>
      <c r="U38" s="342">
        <v>60820</v>
      </c>
      <c r="V38" s="342">
        <v>202594</v>
      </c>
      <c r="W38" s="343">
        <v>635839</v>
      </c>
      <c r="X38" s="345">
        <v>665147</v>
      </c>
      <c r="Y38" s="341">
        <v>0</v>
      </c>
      <c r="Z38" s="342">
        <v>0</v>
      </c>
      <c r="AA38" s="343">
        <v>0</v>
      </c>
      <c r="AB38" s="341">
        <v>0</v>
      </c>
      <c r="AC38" s="342">
        <v>44025</v>
      </c>
      <c r="AD38" s="342">
        <v>0</v>
      </c>
      <c r="AE38" s="342">
        <v>0</v>
      </c>
      <c r="AF38" s="342">
        <v>0</v>
      </c>
      <c r="AG38" s="342">
        <v>159387</v>
      </c>
      <c r="AH38" s="343">
        <v>203412</v>
      </c>
      <c r="AI38" s="345">
        <v>203412</v>
      </c>
      <c r="AJ38" s="341">
        <v>0</v>
      </c>
      <c r="AK38" s="342">
        <v>0</v>
      </c>
      <c r="AL38" s="343">
        <v>0</v>
      </c>
      <c r="AM38" s="341">
        <v>0</v>
      </c>
      <c r="AN38" s="342">
        <v>0</v>
      </c>
      <c r="AO38" s="342">
        <v>0</v>
      </c>
      <c r="AP38" s="342">
        <v>0</v>
      </c>
      <c r="AQ38" s="342">
        <v>0</v>
      </c>
      <c r="AR38" s="342">
        <v>0</v>
      </c>
      <c r="AS38" s="343">
        <v>0</v>
      </c>
      <c r="AT38" s="345">
        <v>0</v>
      </c>
      <c r="AU38" s="341">
        <v>0</v>
      </c>
      <c r="AV38" s="342">
        <v>0</v>
      </c>
      <c r="AW38" s="343">
        <v>0</v>
      </c>
      <c r="AX38" s="341">
        <v>0</v>
      </c>
      <c r="AY38" s="342">
        <v>20717</v>
      </c>
      <c r="AZ38" s="342">
        <v>110726</v>
      </c>
      <c r="BA38" s="342">
        <v>0</v>
      </c>
      <c r="BB38" s="342">
        <v>0</v>
      </c>
      <c r="BC38" s="342">
        <v>14927</v>
      </c>
      <c r="BD38" s="343">
        <v>146370</v>
      </c>
      <c r="BE38" s="345">
        <v>146370</v>
      </c>
      <c r="BF38" s="341">
        <v>0</v>
      </c>
      <c r="BG38" s="342">
        <v>20908</v>
      </c>
      <c r="BH38" s="346">
        <v>20908</v>
      </c>
      <c r="BI38" s="347">
        <v>0</v>
      </c>
      <c r="BJ38" s="342">
        <v>60161</v>
      </c>
      <c r="BK38" s="342">
        <v>46792</v>
      </c>
      <c r="BL38" s="342">
        <v>20053</v>
      </c>
      <c r="BM38" s="342">
        <v>46792</v>
      </c>
      <c r="BN38" s="342">
        <v>0</v>
      </c>
      <c r="BO38" s="343">
        <v>173798</v>
      </c>
      <c r="BP38" s="345">
        <v>194706</v>
      </c>
      <c r="BQ38" s="341">
        <v>0</v>
      </c>
      <c r="BR38" s="342">
        <v>8400</v>
      </c>
      <c r="BS38" s="343">
        <v>8400</v>
      </c>
      <c r="BT38" s="341">
        <v>0</v>
      </c>
      <c r="BU38" s="342">
        <v>3626</v>
      </c>
      <c r="BV38" s="342">
        <v>12278</v>
      </c>
      <c r="BW38" s="342">
        <v>54047</v>
      </c>
      <c r="BX38" s="342">
        <v>14028</v>
      </c>
      <c r="BY38" s="342">
        <v>28280</v>
      </c>
      <c r="BZ38" s="343">
        <v>112259</v>
      </c>
      <c r="CA38" s="345">
        <v>120659</v>
      </c>
      <c r="CB38" s="341">
        <v>18167</v>
      </c>
      <c r="CC38" s="342">
        <v>0</v>
      </c>
      <c r="CD38" s="343">
        <v>18167</v>
      </c>
      <c r="CE38" s="341">
        <v>0</v>
      </c>
      <c r="CF38" s="342">
        <v>75130</v>
      </c>
      <c r="CG38" s="342">
        <v>0</v>
      </c>
      <c r="CH38" s="342">
        <v>21555</v>
      </c>
      <c r="CI38" s="342">
        <v>0</v>
      </c>
      <c r="CJ38" s="342">
        <v>67436</v>
      </c>
      <c r="CK38" s="343">
        <v>164121</v>
      </c>
      <c r="CL38" s="345">
        <v>182288</v>
      </c>
      <c r="CM38" s="341">
        <v>0</v>
      </c>
      <c r="CN38" s="342">
        <v>0</v>
      </c>
      <c r="CO38" s="343">
        <v>0</v>
      </c>
      <c r="CP38" s="347">
        <v>0</v>
      </c>
      <c r="CQ38" s="342">
        <v>75130</v>
      </c>
      <c r="CR38" s="342">
        <v>0</v>
      </c>
      <c r="CS38" s="342">
        <v>0</v>
      </c>
      <c r="CT38" s="342">
        <v>0</v>
      </c>
      <c r="CU38" s="342">
        <v>67436</v>
      </c>
      <c r="CV38" s="343">
        <v>142566</v>
      </c>
      <c r="CW38" s="345">
        <v>142566</v>
      </c>
      <c r="CX38" s="341">
        <v>18167</v>
      </c>
      <c r="CY38" s="342">
        <v>0</v>
      </c>
      <c r="CZ38" s="343">
        <v>18167</v>
      </c>
      <c r="DA38" s="341">
        <v>0</v>
      </c>
      <c r="DB38" s="342">
        <v>0</v>
      </c>
      <c r="DC38" s="342">
        <v>0</v>
      </c>
      <c r="DD38" s="342">
        <v>21555</v>
      </c>
      <c r="DE38" s="342">
        <v>0</v>
      </c>
      <c r="DF38" s="342">
        <v>0</v>
      </c>
      <c r="DG38" s="343">
        <v>21555</v>
      </c>
      <c r="DH38" s="345">
        <v>39722</v>
      </c>
      <c r="DI38" s="341">
        <v>0</v>
      </c>
      <c r="DJ38" s="342">
        <v>0</v>
      </c>
      <c r="DK38" s="346">
        <v>0</v>
      </c>
      <c r="DL38" s="347">
        <v>0</v>
      </c>
      <c r="DM38" s="342">
        <v>255552</v>
      </c>
      <c r="DN38" s="342">
        <v>0</v>
      </c>
      <c r="DO38" s="342">
        <v>21420</v>
      </c>
      <c r="DP38" s="342">
        <v>14892</v>
      </c>
      <c r="DQ38" s="342">
        <v>0</v>
      </c>
      <c r="DR38" s="343">
        <v>291864</v>
      </c>
      <c r="DS38" s="345">
        <v>291864</v>
      </c>
      <c r="DT38" s="341">
        <v>0</v>
      </c>
      <c r="DU38" s="342">
        <v>0</v>
      </c>
      <c r="DV38" s="343">
        <v>0</v>
      </c>
      <c r="DW38" s="341">
        <v>0</v>
      </c>
      <c r="DX38" s="342">
        <v>192445</v>
      </c>
      <c r="DY38" s="342">
        <v>0</v>
      </c>
      <c r="DZ38" s="342">
        <v>21420</v>
      </c>
      <c r="EA38" s="342">
        <v>14892</v>
      </c>
      <c r="EB38" s="342">
        <v>0</v>
      </c>
      <c r="EC38" s="343">
        <v>228757</v>
      </c>
      <c r="ED38" s="345">
        <v>228757</v>
      </c>
      <c r="EE38" s="341">
        <v>0</v>
      </c>
      <c r="EF38" s="346">
        <v>0</v>
      </c>
      <c r="EG38" s="343">
        <v>0</v>
      </c>
      <c r="EH38" s="341">
        <v>0</v>
      </c>
      <c r="EI38" s="342">
        <v>63107</v>
      </c>
      <c r="EJ38" s="342">
        <v>0</v>
      </c>
      <c r="EK38" s="342">
        <v>0</v>
      </c>
      <c r="EL38" s="342">
        <v>0</v>
      </c>
      <c r="EM38" s="342">
        <v>0</v>
      </c>
      <c r="EN38" s="346">
        <v>63107</v>
      </c>
      <c r="EO38" s="345">
        <v>63107</v>
      </c>
      <c r="EP38" s="341">
        <v>0</v>
      </c>
      <c r="EQ38" s="342">
        <v>0</v>
      </c>
      <c r="ER38" s="346">
        <v>0</v>
      </c>
      <c r="ES38" s="347">
        <v>0</v>
      </c>
      <c r="ET38" s="342">
        <v>0</v>
      </c>
      <c r="EU38" s="342">
        <v>0</v>
      </c>
      <c r="EV38" s="342">
        <v>0</v>
      </c>
      <c r="EW38" s="342">
        <v>0</v>
      </c>
      <c r="EX38" s="342">
        <v>0</v>
      </c>
      <c r="EY38" s="343">
        <v>0</v>
      </c>
      <c r="EZ38" s="345">
        <v>0</v>
      </c>
      <c r="FA38" s="341">
        <v>0</v>
      </c>
      <c r="FB38" s="342">
        <v>0</v>
      </c>
      <c r="FC38" s="346">
        <v>0</v>
      </c>
      <c r="FD38" s="436">
        <v>0</v>
      </c>
      <c r="FE38" s="342">
        <v>0</v>
      </c>
      <c r="FF38" s="342">
        <v>0</v>
      </c>
      <c r="FG38" s="342">
        <v>0</v>
      </c>
      <c r="FH38" s="342">
        <v>0</v>
      </c>
      <c r="FI38" s="342">
        <v>0</v>
      </c>
      <c r="FJ38" s="343">
        <v>0</v>
      </c>
      <c r="FK38" s="345">
        <v>0</v>
      </c>
      <c r="FL38" s="341">
        <v>0</v>
      </c>
      <c r="FM38" s="342">
        <v>2940</v>
      </c>
      <c r="FN38" s="343">
        <v>2940</v>
      </c>
      <c r="FO38" s="341">
        <v>0</v>
      </c>
      <c r="FP38" s="342">
        <v>25655</v>
      </c>
      <c r="FQ38" s="342">
        <v>34510</v>
      </c>
      <c r="FR38" s="342">
        <v>21728</v>
      </c>
      <c r="FS38" s="342">
        <v>16100</v>
      </c>
      <c r="FT38" s="342">
        <v>62524</v>
      </c>
      <c r="FU38" s="343">
        <v>160517</v>
      </c>
      <c r="FV38" s="345">
        <v>163457</v>
      </c>
      <c r="FW38" s="348">
        <v>0</v>
      </c>
      <c r="FX38" s="342">
        <v>2940</v>
      </c>
      <c r="FY38" s="346">
        <v>2940</v>
      </c>
      <c r="FZ38" s="347">
        <v>0</v>
      </c>
      <c r="GA38" s="342">
        <v>25655</v>
      </c>
      <c r="GB38" s="342">
        <v>34510</v>
      </c>
      <c r="GC38" s="342">
        <v>21728</v>
      </c>
      <c r="GD38" s="342">
        <v>16100</v>
      </c>
      <c r="GE38" s="342">
        <v>62524</v>
      </c>
      <c r="GF38" s="343">
        <v>160517</v>
      </c>
      <c r="GG38" s="349">
        <v>163457</v>
      </c>
      <c r="GH38" s="348">
        <v>0</v>
      </c>
      <c r="GI38" s="342">
        <v>0</v>
      </c>
      <c r="GJ38" s="346">
        <v>0</v>
      </c>
      <c r="GK38" s="347">
        <v>0</v>
      </c>
      <c r="GL38" s="342">
        <v>0</v>
      </c>
      <c r="GM38" s="342">
        <v>0</v>
      </c>
      <c r="GN38" s="342">
        <v>0</v>
      </c>
      <c r="GO38" s="342">
        <v>0</v>
      </c>
      <c r="GP38" s="342">
        <v>0</v>
      </c>
      <c r="GQ38" s="343">
        <v>0</v>
      </c>
      <c r="GR38" s="345">
        <v>0</v>
      </c>
      <c r="GS38" s="341">
        <v>0</v>
      </c>
      <c r="GT38" s="342">
        <v>0</v>
      </c>
      <c r="GU38" s="343">
        <v>0</v>
      </c>
      <c r="GV38" s="341">
        <v>0</v>
      </c>
      <c r="GW38" s="342">
        <v>0</v>
      </c>
      <c r="GX38" s="342">
        <v>0</v>
      </c>
      <c r="GY38" s="342">
        <v>0</v>
      </c>
      <c r="GZ38" s="342">
        <v>0</v>
      </c>
      <c r="HA38" s="342">
        <v>0</v>
      </c>
      <c r="HB38" s="346">
        <v>0</v>
      </c>
      <c r="HC38" s="345">
        <v>0</v>
      </c>
      <c r="HD38" s="341">
        <v>0</v>
      </c>
      <c r="HE38" s="342">
        <v>156098</v>
      </c>
      <c r="HF38" s="346">
        <v>156098</v>
      </c>
      <c r="HG38" s="347">
        <v>0</v>
      </c>
      <c r="HH38" s="342">
        <v>130851</v>
      </c>
      <c r="HI38" s="342">
        <v>0</v>
      </c>
      <c r="HJ38" s="342">
        <v>675612</v>
      </c>
      <c r="HK38" s="342">
        <v>371542</v>
      </c>
      <c r="HL38" s="342">
        <v>194183</v>
      </c>
      <c r="HM38" s="343">
        <v>1372188</v>
      </c>
      <c r="HN38" s="344">
        <v>1528286</v>
      </c>
      <c r="HO38" s="348">
        <v>0</v>
      </c>
      <c r="HP38" s="342">
        <v>0</v>
      </c>
      <c r="HQ38" s="343">
        <v>0</v>
      </c>
      <c r="HR38" s="341">
        <v>0</v>
      </c>
      <c r="HS38" s="342">
        <v>0</v>
      </c>
      <c r="HT38" s="342">
        <v>0</v>
      </c>
      <c r="HU38" s="342">
        <v>0</v>
      </c>
      <c r="HV38" s="342">
        <v>0</v>
      </c>
      <c r="HW38" s="342">
        <v>0</v>
      </c>
      <c r="HX38" s="346">
        <v>0</v>
      </c>
      <c r="HY38" s="345">
        <v>0</v>
      </c>
      <c r="HZ38" s="373">
        <v>0</v>
      </c>
      <c r="IA38" s="371">
        <v>0</v>
      </c>
      <c r="IB38" s="373">
        <v>0</v>
      </c>
      <c r="IC38" s="353">
        <v>0</v>
      </c>
      <c r="ID38" s="351">
        <v>0</v>
      </c>
      <c r="IE38" s="354">
        <v>0</v>
      </c>
      <c r="IF38" s="352">
        <v>302792</v>
      </c>
      <c r="IG38" s="351">
        <v>80327</v>
      </c>
      <c r="IH38" s="352">
        <v>239532</v>
      </c>
      <c r="II38" s="355">
        <v>622651</v>
      </c>
      <c r="IJ38" s="373">
        <v>622651</v>
      </c>
      <c r="IK38" s="357">
        <v>0</v>
      </c>
      <c r="IL38" s="358">
        <v>0</v>
      </c>
      <c r="IM38" s="359">
        <v>0</v>
      </c>
      <c r="IN38" s="436">
        <v>0</v>
      </c>
      <c r="IO38" s="360">
        <v>0</v>
      </c>
      <c r="IP38" s="360">
        <v>0</v>
      </c>
      <c r="IQ38" s="360">
        <v>0</v>
      </c>
      <c r="IR38" s="360">
        <v>0</v>
      </c>
      <c r="IS38" s="360">
        <v>0</v>
      </c>
      <c r="IT38" s="361">
        <v>0</v>
      </c>
      <c r="IU38" s="362">
        <v>0</v>
      </c>
      <c r="IV38" s="363">
        <v>0</v>
      </c>
      <c r="IW38" s="360">
        <v>0</v>
      </c>
      <c r="IX38" s="364">
        <v>0</v>
      </c>
      <c r="IY38" s="436">
        <v>0</v>
      </c>
      <c r="IZ38" s="360">
        <v>0</v>
      </c>
      <c r="JA38" s="360">
        <v>0</v>
      </c>
      <c r="JB38" s="360">
        <v>0</v>
      </c>
      <c r="JC38" s="360">
        <v>0</v>
      </c>
      <c r="JD38" s="360">
        <v>0</v>
      </c>
      <c r="JE38" s="364">
        <v>0</v>
      </c>
      <c r="JF38" s="365">
        <v>0</v>
      </c>
      <c r="JG38" s="363">
        <v>0</v>
      </c>
      <c r="JH38" s="360">
        <v>0</v>
      </c>
      <c r="JI38" s="361">
        <v>0</v>
      </c>
      <c r="JJ38" s="366">
        <v>0</v>
      </c>
      <c r="JK38" s="360">
        <v>0</v>
      </c>
      <c r="JL38" s="360">
        <v>0</v>
      </c>
      <c r="JM38" s="360">
        <v>99542</v>
      </c>
      <c r="JN38" s="360">
        <v>80327</v>
      </c>
      <c r="JO38" s="360">
        <v>0</v>
      </c>
      <c r="JP38" s="364">
        <v>179869</v>
      </c>
      <c r="JQ38" s="362">
        <v>179869</v>
      </c>
      <c r="JR38" s="363">
        <v>0</v>
      </c>
      <c r="JS38" s="360">
        <v>0</v>
      </c>
      <c r="JT38" s="361">
        <v>0</v>
      </c>
      <c r="JU38" s="366">
        <v>0</v>
      </c>
      <c r="JV38" s="360">
        <v>0</v>
      </c>
      <c r="JW38" s="360">
        <v>0</v>
      </c>
      <c r="JX38" s="360">
        <v>0</v>
      </c>
      <c r="JY38" s="360">
        <v>0</v>
      </c>
      <c r="JZ38" s="360">
        <v>0</v>
      </c>
      <c r="KA38" s="364">
        <v>0</v>
      </c>
      <c r="KB38" s="362">
        <v>0</v>
      </c>
      <c r="KC38" s="367">
        <v>0</v>
      </c>
      <c r="KD38" s="368">
        <v>0</v>
      </c>
      <c r="KE38" s="364">
        <v>0</v>
      </c>
      <c r="KF38" s="366">
        <v>0</v>
      </c>
      <c r="KG38" s="360">
        <v>0</v>
      </c>
      <c r="KH38" s="360">
        <v>0</v>
      </c>
      <c r="KI38" s="360">
        <v>0</v>
      </c>
      <c r="KJ38" s="360">
        <v>0</v>
      </c>
      <c r="KK38" s="360">
        <v>0</v>
      </c>
      <c r="KL38" s="364">
        <v>0</v>
      </c>
      <c r="KM38" s="369">
        <v>0</v>
      </c>
      <c r="KN38" s="357">
        <v>0</v>
      </c>
      <c r="KO38" s="358">
        <v>0</v>
      </c>
      <c r="KP38" s="359">
        <v>0</v>
      </c>
      <c r="KQ38" s="436">
        <v>0</v>
      </c>
      <c r="KR38" s="360">
        <v>0</v>
      </c>
      <c r="KS38" s="360">
        <v>0</v>
      </c>
      <c r="KT38" s="360">
        <v>203250</v>
      </c>
      <c r="KU38" s="360">
        <v>0</v>
      </c>
      <c r="KV38" s="360">
        <v>0</v>
      </c>
      <c r="KW38" s="364">
        <v>203250</v>
      </c>
      <c r="KX38" s="362">
        <v>203250</v>
      </c>
      <c r="KY38" s="363">
        <v>0</v>
      </c>
      <c r="KZ38" s="360">
        <v>0</v>
      </c>
      <c r="LA38" s="364">
        <v>0</v>
      </c>
      <c r="LB38" s="436">
        <v>0</v>
      </c>
      <c r="LC38" s="360">
        <v>0</v>
      </c>
      <c r="LD38" s="360">
        <v>0</v>
      </c>
      <c r="LE38" s="360">
        <v>0</v>
      </c>
      <c r="LF38" s="360">
        <v>0</v>
      </c>
      <c r="LG38" s="360">
        <v>0</v>
      </c>
      <c r="LH38" s="364">
        <v>0</v>
      </c>
      <c r="LI38" s="365">
        <v>0</v>
      </c>
      <c r="LJ38" s="363">
        <v>0</v>
      </c>
      <c r="LK38" s="360">
        <v>0</v>
      </c>
      <c r="LL38" s="364">
        <v>0</v>
      </c>
      <c r="LM38" s="436">
        <v>0</v>
      </c>
      <c r="LN38" s="360">
        <v>0</v>
      </c>
      <c r="LO38" s="360">
        <v>0</v>
      </c>
      <c r="LP38" s="360">
        <v>0</v>
      </c>
      <c r="LQ38" s="360">
        <v>0</v>
      </c>
      <c r="LR38" s="360">
        <v>0</v>
      </c>
      <c r="LS38" s="364">
        <v>0</v>
      </c>
      <c r="LT38" s="362">
        <v>0</v>
      </c>
      <c r="LU38" s="363">
        <v>0</v>
      </c>
      <c r="LV38" s="360">
        <v>0</v>
      </c>
      <c r="LW38" s="364">
        <v>0</v>
      </c>
      <c r="LX38" s="436">
        <v>0</v>
      </c>
      <c r="LY38" s="360">
        <v>0</v>
      </c>
      <c r="LZ38" s="360">
        <v>0</v>
      </c>
      <c r="MA38" s="360">
        <v>0</v>
      </c>
      <c r="MB38" s="360">
        <v>0</v>
      </c>
      <c r="MC38" s="360">
        <v>239532</v>
      </c>
      <c r="MD38" s="364">
        <v>239532</v>
      </c>
      <c r="ME38" s="365">
        <v>239532</v>
      </c>
      <c r="MF38" s="363">
        <v>0</v>
      </c>
      <c r="MG38" s="360">
        <v>0</v>
      </c>
      <c r="MH38" s="364">
        <v>0</v>
      </c>
      <c r="MI38" s="436">
        <v>0</v>
      </c>
      <c r="MJ38" s="360">
        <v>0</v>
      </c>
      <c r="MK38" s="360">
        <v>0</v>
      </c>
      <c r="ML38" s="360">
        <v>0</v>
      </c>
      <c r="MM38" s="360">
        <v>0</v>
      </c>
      <c r="MN38" s="360">
        <v>1098005</v>
      </c>
      <c r="MO38" s="364">
        <v>1098005</v>
      </c>
      <c r="MP38" s="369">
        <v>1098005</v>
      </c>
      <c r="MQ38" s="363">
        <v>0</v>
      </c>
      <c r="MR38" s="360">
        <v>0</v>
      </c>
      <c r="MS38" s="364">
        <v>0</v>
      </c>
      <c r="MT38" s="436">
        <v>0</v>
      </c>
      <c r="MU38" s="360">
        <v>0</v>
      </c>
      <c r="MV38" s="360">
        <v>0</v>
      </c>
      <c r="MW38" s="360">
        <v>0</v>
      </c>
      <c r="MX38" s="360">
        <v>0</v>
      </c>
      <c r="MY38" s="360">
        <v>0</v>
      </c>
      <c r="MZ38" s="364">
        <v>0</v>
      </c>
      <c r="NA38" s="369">
        <v>0</v>
      </c>
      <c r="NB38" s="363">
        <v>0</v>
      </c>
      <c r="NC38" s="360">
        <v>0</v>
      </c>
      <c r="ND38" s="364">
        <v>0</v>
      </c>
      <c r="NE38" s="436">
        <v>0</v>
      </c>
      <c r="NF38" s="360">
        <v>0</v>
      </c>
      <c r="NG38" s="360">
        <v>0</v>
      </c>
      <c r="NH38" s="360">
        <v>0</v>
      </c>
      <c r="NI38" s="360">
        <v>0</v>
      </c>
      <c r="NJ38" s="360">
        <v>246633</v>
      </c>
      <c r="NK38" s="364">
        <v>246633</v>
      </c>
      <c r="NL38" s="362">
        <v>246633</v>
      </c>
      <c r="NM38" s="363">
        <v>0</v>
      </c>
      <c r="NN38" s="360">
        <v>0</v>
      </c>
      <c r="NO38" s="364">
        <v>0</v>
      </c>
      <c r="NP38" s="436">
        <v>0</v>
      </c>
      <c r="NQ38" s="360">
        <v>0</v>
      </c>
      <c r="NR38" s="360">
        <v>0</v>
      </c>
      <c r="NS38" s="360">
        <v>0</v>
      </c>
      <c r="NT38" s="360">
        <v>0</v>
      </c>
      <c r="NU38" s="360">
        <v>0</v>
      </c>
      <c r="NV38" s="364">
        <v>0</v>
      </c>
      <c r="NW38" s="365">
        <v>0</v>
      </c>
      <c r="NX38" s="363">
        <v>0</v>
      </c>
      <c r="NY38" s="360">
        <v>0</v>
      </c>
      <c r="NZ38" s="364">
        <v>0</v>
      </c>
      <c r="OA38" s="436">
        <v>0</v>
      </c>
      <c r="OB38" s="360">
        <v>0</v>
      </c>
      <c r="OC38" s="360">
        <v>0</v>
      </c>
      <c r="OD38" s="360">
        <v>0</v>
      </c>
      <c r="OE38" s="360">
        <v>0</v>
      </c>
      <c r="OF38" s="360">
        <v>851372</v>
      </c>
      <c r="OG38" s="364">
        <v>851372</v>
      </c>
      <c r="OH38" s="365">
        <v>851372</v>
      </c>
      <c r="OI38" s="363">
        <v>18167</v>
      </c>
      <c r="OJ38" s="360">
        <v>188346</v>
      </c>
      <c r="OK38" s="361">
        <v>206513</v>
      </c>
      <c r="OL38" s="366">
        <v>0</v>
      </c>
      <c r="OM38" s="360">
        <v>615717</v>
      </c>
      <c r="ON38" s="360">
        <v>204306</v>
      </c>
      <c r="OO38" s="360">
        <v>1117207</v>
      </c>
      <c r="OP38" s="360">
        <v>543681</v>
      </c>
      <c r="OQ38" s="360">
        <v>1864274</v>
      </c>
      <c r="OR38" s="364">
        <v>4345185</v>
      </c>
      <c r="OS38" s="369">
        <v>4551698</v>
      </c>
    </row>
    <row r="39" spans="2:409" s="137" customFormat="1" ht="21" customHeight="1" x14ac:dyDescent="0.2">
      <c r="B39" s="421" t="s">
        <v>34</v>
      </c>
      <c r="C39" s="341">
        <v>0</v>
      </c>
      <c r="D39" s="342">
        <v>37086</v>
      </c>
      <c r="E39" s="383">
        <v>37086</v>
      </c>
      <c r="F39" s="385">
        <v>0</v>
      </c>
      <c r="G39" s="384">
        <v>54516</v>
      </c>
      <c r="H39" s="384">
        <v>152264</v>
      </c>
      <c r="I39" s="384">
        <v>519558</v>
      </c>
      <c r="J39" s="384">
        <v>0</v>
      </c>
      <c r="K39" s="384">
        <v>0</v>
      </c>
      <c r="L39" s="385">
        <v>726338</v>
      </c>
      <c r="M39" s="345">
        <v>763424</v>
      </c>
      <c r="N39" s="341">
        <v>0</v>
      </c>
      <c r="O39" s="342">
        <v>34286</v>
      </c>
      <c r="P39" s="343">
        <v>34286</v>
      </c>
      <c r="Q39" s="341">
        <v>0</v>
      </c>
      <c r="R39" s="342">
        <v>51016</v>
      </c>
      <c r="S39" s="342">
        <v>56966</v>
      </c>
      <c r="T39" s="342">
        <v>13538</v>
      </c>
      <c r="U39" s="342">
        <v>0</v>
      </c>
      <c r="V39" s="342">
        <v>0</v>
      </c>
      <c r="W39" s="343">
        <v>121520</v>
      </c>
      <c r="X39" s="345">
        <v>155806</v>
      </c>
      <c r="Y39" s="341">
        <v>0</v>
      </c>
      <c r="Z39" s="342">
        <v>0</v>
      </c>
      <c r="AA39" s="343">
        <v>0</v>
      </c>
      <c r="AB39" s="341">
        <v>0</v>
      </c>
      <c r="AC39" s="342">
        <v>41160</v>
      </c>
      <c r="AD39" s="342">
        <v>0</v>
      </c>
      <c r="AE39" s="342">
        <v>0</v>
      </c>
      <c r="AF39" s="342">
        <v>0</v>
      </c>
      <c r="AG39" s="342">
        <v>0</v>
      </c>
      <c r="AH39" s="343">
        <v>41160</v>
      </c>
      <c r="AI39" s="345">
        <v>41160</v>
      </c>
      <c r="AJ39" s="341">
        <v>0</v>
      </c>
      <c r="AK39" s="342">
        <v>0</v>
      </c>
      <c r="AL39" s="343">
        <v>0</v>
      </c>
      <c r="AM39" s="341">
        <v>0</v>
      </c>
      <c r="AN39" s="342">
        <v>0</v>
      </c>
      <c r="AO39" s="342">
        <v>0</v>
      </c>
      <c r="AP39" s="342">
        <v>0</v>
      </c>
      <c r="AQ39" s="342">
        <v>0</v>
      </c>
      <c r="AR39" s="342">
        <v>0</v>
      </c>
      <c r="AS39" s="343">
        <v>0</v>
      </c>
      <c r="AT39" s="345">
        <v>0</v>
      </c>
      <c r="AU39" s="341">
        <v>0</v>
      </c>
      <c r="AV39" s="342">
        <v>34286</v>
      </c>
      <c r="AW39" s="343">
        <v>34286</v>
      </c>
      <c r="AX39" s="341">
        <v>0</v>
      </c>
      <c r="AY39" s="342">
        <v>0</v>
      </c>
      <c r="AZ39" s="342">
        <v>0</v>
      </c>
      <c r="BA39" s="342">
        <v>0</v>
      </c>
      <c r="BB39" s="342">
        <v>0</v>
      </c>
      <c r="BC39" s="342">
        <v>0</v>
      </c>
      <c r="BD39" s="343">
        <v>0</v>
      </c>
      <c r="BE39" s="345">
        <v>34286</v>
      </c>
      <c r="BF39" s="341">
        <v>0</v>
      </c>
      <c r="BG39" s="342">
        <v>0</v>
      </c>
      <c r="BH39" s="346">
        <v>0</v>
      </c>
      <c r="BI39" s="347">
        <v>0</v>
      </c>
      <c r="BJ39" s="342">
        <v>0</v>
      </c>
      <c r="BK39" s="342">
        <v>56966</v>
      </c>
      <c r="BL39" s="342">
        <v>0</v>
      </c>
      <c r="BM39" s="342">
        <v>0</v>
      </c>
      <c r="BN39" s="342">
        <v>0</v>
      </c>
      <c r="BO39" s="343">
        <v>56966</v>
      </c>
      <c r="BP39" s="345">
        <v>56966</v>
      </c>
      <c r="BQ39" s="341">
        <v>0</v>
      </c>
      <c r="BR39" s="342">
        <v>0</v>
      </c>
      <c r="BS39" s="343">
        <v>0</v>
      </c>
      <c r="BT39" s="341">
        <v>0</v>
      </c>
      <c r="BU39" s="342">
        <v>9856</v>
      </c>
      <c r="BV39" s="342">
        <v>0</v>
      </c>
      <c r="BW39" s="342">
        <v>13538</v>
      </c>
      <c r="BX39" s="342">
        <v>0</v>
      </c>
      <c r="BY39" s="342">
        <v>0</v>
      </c>
      <c r="BZ39" s="343">
        <v>23394</v>
      </c>
      <c r="CA39" s="345">
        <v>23394</v>
      </c>
      <c r="CB39" s="341">
        <v>0</v>
      </c>
      <c r="CC39" s="342">
        <v>0</v>
      </c>
      <c r="CD39" s="343">
        <v>0</v>
      </c>
      <c r="CE39" s="341">
        <v>0</v>
      </c>
      <c r="CF39" s="342">
        <v>0</v>
      </c>
      <c r="CG39" s="342">
        <v>84448</v>
      </c>
      <c r="CH39" s="342">
        <v>162393</v>
      </c>
      <c r="CI39" s="342">
        <v>0</v>
      </c>
      <c r="CJ39" s="342">
        <v>0</v>
      </c>
      <c r="CK39" s="343">
        <v>246841</v>
      </c>
      <c r="CL39" s="345">
        <v>246841</v>
      </c>
      <c r="CM39" s="341">
        <v>0</v>
      </c>
      <c r="CN39" s="342">
        <v>0</v>
      </c>
      <c r="CO39" s="343">
        <v>0</v>
      </c>
      <c r="CP39" s="347">
        <v>0</v>
      </c>
      <c r="CQ39" s="342">
        <v>0</v>
      </c>
      <c r="CR39" s="342">
        <v>84448</v>
      </c>
      <c r="CS39" s="342">
        <v>162393</v>
      </c>
      <c r="CT39" s="342">
        <v>0</v>
      </c>
      <c r="CU39" s="342">
        <v>0</v>
      </c>
      <c r="CV39" s="343">
        <v>246841</v>
      </c>
      <c r="CW39" s="345">
        <v>246841</v>
      </c>
      <c r="CX39" s="341">
        <v>0</v>
      </c>
      <c r="CY39" s="342">
        <v>0</v>
      </c>
      <c r="CZ39" s="343">
        <v>0</v>
      </c>
      <c r="DA39" s="341">
        <v>0</v>
      </c>
      <c r="DB39" s="342">
        <v>0</v>
      </c>
      <c r="DC39" s="342">
        <v>0</v>
      </c>
      <c r="DD39" s="342">
        <v>0</v>
      </c>
      <c r="DE39" s="342">
        <v>0</v>
      </c>
      <c r="DF39" s="342">
        <v>0</v>
      </c>
      <c r="DG39" s="343">
        <v>0</v>
      </c>
      <c r="DH39" s="345">
        <v>0</v>
      </c>
      <c r="DI39" s="341">
        <v>0</v>
      </c>
      <c r="DJ39" s="342">
        <v>0</v>
      </c>
      <c r="DK39" s="346">
        <v>0</v>
      </c>
      <c r="DL39" s="347">
        <v>0</v>
      </c>
      <c r="DM39" s="342">
        <v>0</v>
      </c>
      <c r="DN39" s="342">
        <v>0</v>
      </c>
      <c r="DO39" s="342">
        <v>16870</v>
      </c>
      <c r="DP39" s="342">
        <v>0</v>
      </c>
      <c r="DQ39" s="342">
        <v>0</v>
      </c>
      <c r="DR39" s="343">
        <v>16870</v>
      </c>
      <c r="DS39" s="345">
        <v>16870</v>
      </c>
      <c r="DT39" s="341">
        <v>0</v>
      </c>
      <c r="DU39" s="342">
        <v>0</v>
      </c>
      <c r="DV39" s="343">
        <v>0</v>
      </c>
      <c r="DW39" s="341">
        <v>0</v>
      </c>
      <c r="DX39" s="342">
        <v>0</v>
      </c>
      <c r="DY39" s="342">
        <v>0</v>
      </c>
      <c r="DZ39" s="342">
        <v>16870</v>
      </c>
      <c r="EA39" s="342">
        <v>0</v>
      </c>
      <c r="EB39" s="342">
        <v>0</v>
      </c>
      <c r="EC39" s="343">
        <v>16870</v>
      </c>
      <c r="ED39" s="345">
        <v>16870</v>
      </c>
      <c r="EE39" s="341">
        <v>0</v>
      </c>
      <c r="EF39" s="346">
        <v>0</v>
      </c>
      <c r="EG39" s="343">
        <v>0</v>
      </c>
      <c r="EH39" s="341">
        <v>0</v>
      </c>
      <c r="EI39" s="342">
        <v>0</v>
      </c>
      <c r="EJ39" s="342">
        <v>0</v>
      </c>
      <c r="EK39" s="342">
        <v>0</v>
      </c>
      <c r="EL39" s="342">
        <v>0</v>
      </c>
      <c r="EM39" s="342">
        <v>0</v>
      </c>
      <c r="EN39" s="346">
        <v>0</v>
      </c>
      <c r="EO39" s="345">
        <v>0</v>
      </c>
      <c r="EP39" s="341">
        <v>0</v>
      </c>
      <c r="EQ39" s="342">
        <v>0</v>
      </c>
      <c r="ER39" s="346">
        <v>0</v>
      </c>
      <c r="ES39" s="347">
        <v>0</v>
      </c>
      <c r="ET39" s="342">
        <v>0</v>
      </c>
      <c r="EU39" s="342">
        <v>0</v>
      </c>
      <c r="EV39" s="342">
        <v>0</v>
      </c>
      <c r="EW39" s="342">
        <v>0</v>
      </c>
      <c r="EX39" s="342">
        <v>0</v>
      </c>
      <c r="EY39" s="343">
        <v>0</v>
      </c>
      <c r="EZ39" s="345">
        <v>0</v>
      </c>
      <c r="FA39" s="341">
        <v>0</v>
      </c>
      <c r="FB39" s="342">
        <v>0</v>
      </c>
      <c r="FC39" s="346">
        <v>0</v>
      </c>
      <c r="FD39" s="436">
        <v>0</v>
      </c>
      <c r="FE39" s="342">
        <v>0</v>
      </c>
      <c r="FF39" s="342">
        <v>0</v>
      </c>
      <c r="FG39" s="342">
        <v>0</v>
      </c>
      <c r="FH39" s="342">
        <v>0</v>
      </c>
      <c r="FI39" s="342">
        <v>0</v>
      </c>
      <c r="FJ39" s="343">
        <v>0</v>
      </c>
      <c r="FK39" s="345">
        <v>0</v>
      </c>
      <c r="FL39" s="341">
        <v>0</v>
      </c>
      <c r="FM39" s="342">
        <v>2800</v>
      </c>
      <c r="FN39" s="343">
        <v>2800</v>
      </c>
      <c r="FO39" s="341">
        <v>0</v>
      </c>
      <c r="FP39" s="342">
        <v>3500</v>
      </c>
      <c r="FQ39" s="342">
        <v>10850</v>
      </c>
      <c r="FR39" s="342">
        <v>0</v>
      </c>
      <c r="FS39" s="342">
        <v>0</v>
      </c>
      <c r="FT39" s="342">
        <v>0</v>
      </c>
      <c r="FU39" s="343">
        <v>14350</v>
      </c>
      <c r="FV39" s="345">
        <v>17150</v>
      </c>
      <c r="FW39" s="348">
        <v>0</v>
      </c>
      <c r="FX39" s="342">
        <v>2800</v>
      </c>
      <c r="FY39" s="346">
        <v>2800</v>
      </c>
      <c r="FZ39" s="347">
        <v>0</v>
      </c>
      <c r="GA39" s="342">
        <v>3500</v>
      </c>
      <c r="GB39" s="342">
        <v>10850</v>
      </c>
      <c r="GC39" s="342">
        <v>0</v>
      </c>
      <c r="GD39" s="342">
        <v>0</v>
      </c>
      <c r="GE39" s="342">
        <v>0</v>
      </c>
      <c r="GF39" s="343">
        <v>14350</v>
      </c>
      <c r="GG39" s="349">
        <v>17150</v>
      </c>
      <c r="GH39" s="348">
        <v>0</v>
      </c>
      <c r="GI39" s="342">
        <v>0</v>
      </c>
      <c r="GJ39" s="346">
        <v>0</v>
      </c>
      <c r="GK39" s="347">
        <v>0</v>
      </c>
      <c r="GL39" s="342">
        <v>0</v>
      </c>
      <c r="GM39" s="342">
        <v>0</v>
      </c>
      <c r="GN39" s="342">
        <v>0</v>
      </c>
      <c r="GO39" s="342">
        <v>0</v>
      </c>
      <c r="GP39" s="342">
        <v>0</v>
      </c>
      <c r="GQ39" s="343">
        <v>0</v>
      </c>
      <c r="GR39" s="345">
        <v>0</v>
      </c>
      <c r="GS39" s="341">
        <v>0</v>
      </c>
      <c r="GT39" s="342">
        <v>0</v>
      </c>
      <c r="GU39" s="343">
        <v>0</v>
      </c>
      <c r="GV39" s="341">
        <v>0</v>
      </c>
      <c r="GW39" s="342">
        <v>0</v>
      </c>
      <c r="GX39" s="342">
        <v>0</v>
      </c>
      <c r="GY39" s="342">
        <v>0</v>
      </c>
      <c r="GZ39" s="342">
        <v>0</v>
      </c>
      <c r="HA39" s="342">
        <v>0</v>
      </c>
      <c r="HB39" s="346">
        <v>0</v>
      </c>
      <c r="HC39" s="345">
        <v>0</v>
      </c>
      <c r="HD39" s="341">
        <v>0</v>
      </c>
      <c r="HE39" s="342">
        <v>0</v>
      </c>
      <c r="HF39" s="346">
        <v>0</v>
      </c>
      <c r="HG39" s="347">
        <v>0</v>
      </c>
      <c r="HH39" s="342">
        <v>0</v>
      </c>
      <c r="HI39" s="342">
        <v>0</v>
      </c>
      <c r="HJ39" s="342">
        <v>326757</v>
      </c>
      <c r="HK39" s="342">
        <v>0</v>
      </c>
      <c r="HL39" s="342">
        <v>0</v>
      </c>
      <c r="HM39" s="343">
        <v>326757</v>
      </c>
      <c r="HN39" s="344">
        <v>326757</v>
      </c>
      <c r="HO39" s="348">
        <v>0</v>
      </c>
      <c r="HP39" s="342">
        <v>0</v>
      </c>
      <c r="HQ39" s="343">
        <v>0</v>
      </c>
      <c r="HR39" s="341">
        <v>0</v>
      </c>
      <c r="HS39" s="342">
        <v>0</v>
      </c>
      <c r="HT39" s="342">
        <v>0</v>
      </c>
      <c r="HU39" s="342">
        <v>0</v>
      </c>
      <c r="HV39" s="342">
        <v>0</v>
      </c>
      <c r="HW39" s="342">
        <v>0</v>
      </c>
      <c r="HX39" s="346">
        <v>0</v>
      </c>
      <c r="HY39" s="345">
        <v>0</v>
      </c>
      <c r="HZ39" s="350">
        <v>0</v>
      </c>
      <c r="IA39" s="351">
        <v>0</v>
      </c>
      <c r="IB39" s="352">
        <v>0</v>
      </c>
      <c r="IC39" s="353">
        <v>0</v>
      </c>
      <c r="ID39" s="351">
        <v>98350</v>
      </c>
      <c r="IE39" s="354">
        <v>0</v>
      </c>
      <c r="IF39" s="352">
        <v>0</v>
      </c>
      <c r="IG39" s="351">
        <v>0</v>
      </c>
      <c r="IH39" s="352">
        <v>0</v>
      </c>
      <c r="II39" s="355">
        <v>98350</v>
      </c>
      <c r="IJ39" s="356">
        <v>98350</v>
      </c>
      <c r="IK39" s="357">
        <v>0</v>
      </c>
      <c r="IL39" s="358">
        <v>0</v>
      </c>
      <c r="IM39" s="359">
        <v>0</v>
      </c>
      <c r="IN39" s="436">
        <v>0</v>
      </c>
      <c r="IO39" s="360">
        <v>0</v>
      </c>
      <c r="IP39" s="360">
        <v>0</v>
      </c>
      <c r="IQ39" s="360">
        <v>0</v>
      </c>
      <c r="IR39" s="360">
        <v>0</v>
      </c>
      <c r="IS39" s="360">
        <v>0</v>
      </c>
      <c r="IT39" s="361">
        <v>0</v>
      </c>
      <c r="IU39" s="362">
        <v>0</v>
      </c>
      <c r="IV39" s="363">
        <v>0</v>
      </c>
      <c r="IW39" s="360">
        <v>0</v>
      </c>
      <c r="IX39" s="364">
        <v>0</v>
      </c>
      <c r="IY39" s="436">
        <v>0</v>
      </c>
      <c r="IZ39" s="360">
        <v>0</v>
      </c>
      <c r="JA39" s="360">
        <v>0</v>
      </c>
      <c r="JB39" s="360">
        <v>0</v>
      </c>
      <c r="JC39" s="360">
        <v>0</v>
      </c>
      <c r="JD39" s="360">
        <v>0</v>
      </c>
      <c r="JE39" s="364">
        <v>0</v>
      </c>
      <c r="JF39" s="365">
        <v>0</v>
      </c>
      <c r="JG39" s="363">
        <v>0</v>
      </c>
      <c r="JH39" s="360">
        <v>0</v>
      </c>
      <c r="JI39" s="361">
        <v>0</v>
      </c>
      <c r="JJ39" s="366">
        <v>0</v>
      </c>
      <c r="JK39" s="360">
        <v>0</v>
      </c>
      <c r="JL39" s="360">
        <v>0</v>
      </c>
      <c r="JM39" s="360">
        <v>0</v>
      </c>
      <c r="JN39" s="360">
        <v>0</v>
      </c>
      <c r="JO39" s="360">
        <v>0</v>
      </c>
      <c r="JP39" s="364">
        <v>0</v>
      </c>
      <c r="JQ39" s="362">
        <v>0</v>
      </c>
      <c r="JR39" s="363">
        <v>0</v>
      </c>
      <c r="JS39" s="360">
        <v>0</v>
      </c>
      <c r="JT39" s="361">
        <v>0</v>
      </c>
      <c r="JU39" s="366">
        <v>0</v>
      </c>
      <c r="JV39" s="360">
        <v>0</v>
      </c>
      <c r="JW39" s="360">
        <v>0</v>
      </c>
      <c r="JX39" s="360">
        <v>0</v>
      </c>
      <c r="JY39" s="360">
        <v>0</v>
      </c>
      <c r="JZ39" s="360">
        <v>0</v>
      </c>
      <c r="KA39" s="364">
        <v>0</v>
      </c>
      <c r="KB39" s="362">
        <v>0</v>
      </c>
      <c r="KC39" s="367">
        <v>0</v>
      </c>
      <c r="KD39" s="368">
        <v>0</v>
      </c>
      <c r="KE39" s="364">
        <v>0</v>
      </c>
      <c r="KF39" s="366">
        <v>0</v>
      </c>
      <c r="KG39" s="360">
        <v>98350</v>
      </c>
      <c r="KH39" s="360">
        <v>0</v>
      </c>
      <c r="KI39" s="360">
        <v>0</v>
      </c>
      <c r="KJ39" s="360">
        <v>0</v>
      </c>
      <c r="KK39" s="360">
        <v>0</v>
      </c>
      <c r="KL39" s="364">
        <v>98350</v>
      </c>
      <c r="KM39" s="369">
        <v>98350</v>
      </c>
      <c r="KN39" s="357">
        <v>0</v>
      </c>
      <c r="KO39" s="358">
        <v>0</v>
      </c>
      <c r="KP39" s="359">
        <v>0</v>
      </c>
      <c r="KQ39" s="436">
        <v>0</v>
      </c>
      <c r="KR39" s="360">
        <v>0</v>
      </c>
      <c r="KS39" s="360">
        <v>0</v>
      </c>
      <c r="KT39" s="360">
        <v>0</v>
      </c>
      <c r="KU39" s="360">
        <v>0</v>
      </c>
      <c r="KV39" s="360">
        <v>0</v>
      </c>
      <c r="KW39" s="364">
        <v>0</v>
      </c>
      <c r="KX39" s="362">
        <v>0</v>
      </c>
      <c r="KY39" s="363">
        <v>0</v>
      </c>
      <c r="KZ39" s="360">
        <v>0</v>
      </c>
      <c r="LA39" s="364">
        <v>0</v>
      </c>
      <c r="LB39" s="436">
        <v>0</v>
      </c>
      <c r="LC39" s="360">
        <v>0</v>
      </c>
      <c r="LD39" s="360">
        <v>0</v>
      </c>
      <c r="LE39" s="360">
        <v>0</v>
      </c>
      <c r="LF39" s="360">
        <v>0</v>
      </c>
      <c r="LG39" s="360">
        <v>0</v>
      </c>
      <c r="LH39" s="364">
        <v>0</v>
      </c>
      <c r="LI39" s="365">
        <v>0</v>
      </c>
      <c r="LJ39" s="363">
        <v>0</v>
      </c>
      <c r="LK39" s="360">
        <v>0</v>
      </c>
      <c r="LL39" s="364">
        <v>0</v>
      </c>
      <c r="LM39" s="436">
        <v>0</v>
      </c>
      <c r="LN39" s="360">
        <v>0</v>
      </c>
      <c r="LO39" s="360">
        <v>0</v>
      </c>
      <c r="LP39" s="360">
        <v>0</v>
      </c>
      <c r="LQ39" s="360">
        <v>0</v>
      </c>
      <c r="LR39" s="360">
        <v>0</v>
      </c>
      <c r="LS39" s="364">
        <v>0</v>
      </c>
      <c r="LT39" s="362">
        <v>0</v>
      </c>
      <c r="LU39" s="363">
        <v>0</v>
      </c>
      <c r="LV39" s="360">
        <v>0</v>
      </c>
      <c r="LW39" s="364">
        <v>0</v>
      </c>
      <c r="LX39" s="436">
        <v>0</v>
      </c>
      <c r="LY39" s="360">
        <v>0</v>
      </c>
      <c r="LZ39" s="360">
        <v>0</v>
      </c>
      <c r="MA39" s="360">
        <v>0</v>
      </c>
      <c r="MB39" s="360">
        <v>0</v>
      </c>
      <c r="MC39" s="360">
        <v>0</v>
      </c>
      <c r="MD39" s="364">
        <v>0</v>
      </c>
      <c r="ME39" s="365">
        <v>0</v>
      </c>
      <c r="MF39" s="363">
        <v>0</v>
      </c>
      <c r="MG39" s="360">
        <v>0</v>
      </c>
      <c r="MH39" s="364">
        <v>0</v>
      </c>
      <c r="MI39" s="436">
        <v>0</v>
      </c>
      <c r="MJ39" s="360">
        <v>0</v>
      </c>
      <c r="MK39" s="360">
        <v>0</v>
      </c>
      <c r="ML39" s="360">
        <v>0</v>
      </c>
      <c r="MM39" s="360">
        <v>236347</v>
      </c>
      <c r="MN39" s="360">
        <v>0</v>
      </c>
      <c r="MO39" s="364">
        <v>236347</v>
      </c>
      <c r="MP39" s="369">
        <v>236347</v>
      </c>
      <c r="MQ39" s="363">
        <v>0</v>
      </c>
      <c r="MR39" s="360">
        <v>0</v>
      </c>
      <c r="MS39" s="364">
        <v>0</v>
      </c>
      <c r="MT39" s="436">
        <v>0</v>
      </c>
      <c r="MU39" s="360">
        <v>0</v>
      </c>
      <c r="MV39" s="360">
        <v>0</v>
      </c>
      <c r="MW39" s="360">
        <v>0</v>
      </c>
      <c r="MX39" s="360">
        <v>0</v>
      </c>
      <c r="MY39" s="360">
        <v>0</v>
      </c>
      <c r="MZ39" s="364">
        <v>0</v>
      </c>
      <c r="NA39" s="369">
        <v>0</v>
      </c>
      <c r="NB39" s="363">
        <v>0</v>
      </c>
      <c r="NC39" s="360">
        <v>0</v>
      </c>
      <c r="ND39" s="364">
        <v>0</v>
      </c>
      <c r="NE39" s="436">
        <v>0</v>
      </c>
      <c r="NF39" s="360">
        <v>0</v>
      </c>
      <c r="NG39" s="360">
        <v>0</v>
      </c>
      <c r="NH39" s="360">
        <v>0</v>
      </c>
      <c r="NI39" s="360">
        <v>236347</v>
      </c>
      <c r="NJ39" s="360">
        <v>0</v>
      </c>
      <c r="NK39" s="364">
        <v>236347</v>
      </c>
      <c r="NL39" s="362">
        <v>236347</v>
      </c>
      <c r="NM39" s="363">
        <v>0</v>
      </c>
      <c r="NN39" s="360">
        <v>0</v>
      </c>
      <c r="NO39" s="364">
        <v>0</v>
      </c>
      <c r="NP39" s="436">
        <v>0</v>
      </c>
      <c r="NQ39" s="360">
        <v>0</v>
      </c>
      <c r="NR39" s="360">
        <v>0</v>
      </c>
      <c r="NS39" s="360">
        <v>0</v>
      </c>
      <c r="NT39" s="360">
        <v>0</v>
      </c>
      <c r="NU39" s="360">
        <v>0</v>
      </c>
      <c r="NV39" s="364">
        <v>0</v>
      </c>
      <c r="NW39" s="365">
        <v>0</v>
      </c>
      <c r="NX39" s="363">
        <v>0</v>
      </c>
      <c r="NY39" s="360">
        <v>0</v>
      </c>
      <c r="NZ39" s="364">
        <v>0</v>
      </c>
      <c r="OA39" s="436">
        <v>0</v>
      </c>
      <c r="OB39" s="360">
        <v>0</v>
      </c>
      <c r="OC39" s="360">
        <v>0</v>
      </c>
      <c r="OD39" s="360">
        <v>0</v>
      </c>
      <c r="OE39" s="360">
        <v>0</v>
      </c>
      <c r="OF39" s="360">
        <v>0</v>
      </c>
      <c r="OG39" s="364">
        <v>0</v>
      </c>
      <c r="OH39" s="365">
        <v>0</v>
      </c>
      <c r="OI39" s="363">
        <v>0</v>
      </c>
      <c r="OJ39" s="360">
        <v>37086</v>
      </c>
      <c r="OK39" s="361">
        <v>37086</v>
      </c>
      <c r="OL39" s="366">
        <v>0</v>
      </c>
      <c r="OM39" s="360">
        <v>152866</v>
      </c>
      <c r="ON39" s="360">
        <v>152264</v>
      </c>
      <c r="OO39" s="360">
        <v>519558</v>
      </c>
      <c r="OP39" s="360">
        <v>236347</v>
      </c>
      <c r="OQ39" s="360">
        <v>0</v>
      </c>
      <c r="OR39" s="364">
        <v>1061035</v>
      </c>
      <c r="OS39" s="369">
        <v>1098121</v>
      </c>
    </row>
    <row r="40" spans="2:409" s="137" customFormat="1" ht="21" customHeight="1" x14ac:dyDescent="0.2">
      <c r="B40" s="421" t="s">
        <v>35</v>
      </c>
      <c r="C40" s="341">
        <v>267138</v>
      </c>
      <c r="D40" s="342">
        <v>520728</v>
      </c>
      <c r="E40" s="343">
        <v>787866</v>
      </c>
      <c r="F40" s="344">
        <v>0</v>
      </c>
      <c r="G40" s="342">
        <v>1085240</v>
      </c>
      <c r="H40" s="342">
        <v>363355</v>
      </c>
      <c r="I40" s="342">
        <v>1371856</v>
      </c>
      <c r="J40" s="342">
        <v>504158</v>
      </c>
      <c r="K40" s="342">
        <v>180348</v>
      </c>
      <c r="L40" s="382">
        <v>3504957</v>
      </c>
      <c r="M40" s="345">
        <v>4292823</v>
      </c>
      <c r="N40" s="341">
        <v>76972</v>
      </c>
      <c r="O40" s="342">
        <v>213239</v>
      </c>
      <c r="P40" s="343">
        <v>290211</v>
      </c>
      <c r="Q40" s="341">
        <v>0</v>
      </c>
      <c r="R40" s="342">
        <v>276619</v>
      </c>
      <c r="S40" s="342">
        <v>215354</v>
      </c>
      <c r="T40" s="342">
        <v>349860</v>
      </c>
      <c r="U40" s="342">
        <v>65219</v>
      </c>
      <c r="V40" s="342">
        <v>4179</v>
      </c>
      <c r="W40" s="343">
        <v>911231</v>
      </c>
      <c r="X40" s="345">
        <v>1201442</v>
      </c>
      <c r="Y40" s="341">
        <v>0</v>
      </c>
      <c r="Z40" s="342">
        <v>0</v>
      </c>
      <c r="AA40" s="343">
        <v>0</v>
      </c>
      <c r="AB40" s="341">
        <v>0</v>
      </c>
      <c r="AC40" s="342">
        <v>111620</v>
      </c>
      <c r="AD40" s="342">
        <v>127784</v>
      </c>
      <c r="AE40" s="342">
        <v>72961</v>
      </c>
      <c r="AF40" s="342">
        <v>0</v>
      </c>
      <c r="AG40" s="342">
        <v>0</v>
      </c>
      <c r="AH40" s="343">
        <v>312365</v>
      </c>
      <c r="AI40" s="345">
        <v>312365</v>
      </c>
      <c r="AJ40" s="341">
        <v>0</v>
      </c>
      <c r="AK40" s="342">
        <v>0</v>
      </c>
      <c r="AL40" s="343">
        <v>0</v>
      </c>
      <c r="AM40" s="341">
        <v>0</v>
      </c>
      <c r="AN40" s="342">
        <v>0</v>
      </c>
      <c r="AO40" s="342">
        <v>0</v>
      </c>
      <c r="AP40" s="342">
        <v>0</v>
      </c>
      <c r="AQ40" s="342">
        <v>0</v>
      </c>
      <c r="AR40" s="342">
        <v>0</v>
      </c>
      <c r="AS40" s="343">
        <v>0</v>
      </c>
      <c r="AT40" s="345">
        <v>0</v>
      </c>
      <c r="AU40" s="341">
        <v>0</v>
      </c>
      <c r="AV40" s="342">
        <v>108946</v>
      </c>
      <c r="AW40" s="343">
        <v>108946</v>
      </c>
      <c r="AX40" s="341">
        <v>0</v>
      </c>
      <c r="AY40" s="342">
        <v>74923</v>
      </c>
      <c r="AZ40" s="342">
        <v>77084</v>
      </c>
      <c r="BA40" s="342">
        <v>193718</v>
      </c>
      <c r="BB40" s="342">
        <v>0</v>
      </c>
      <c r="BC40" s="342">
        <v>0</v>
      </c>
      <c r="BD40" s="343">
        <v>345725</v>
      </c>
      <c r="BE40" s="345">
        <v>454671</v>
      </c>
      <c r="BF40" s="341">
        <v>39438</v>
      </c>
      <c r="BG40" s="342">
        <v>70112</v>
      </c>
      <c r="BH40" s="346">
        <v>109550</v>
      </c>
      <c r="BI40" s="347">
        <v>0</v>
      </c>
      <c r="BJ40" s="342">
        <v>52080</v>
      </c>
      <c r="BK40" s="342">
        <v>0</v>
      </c>
      <c r="BL40" s="342">
        <v>0</v>
      </c>
      <c r="BM40" s="342">
        <v>47271</v>
      </c>
      <c r="BN40" s="342">
        <v>0</v>
      </c>
      <c r="BO40" s="343">
        <v>99351</v>
      </c>
      <c r="BP40" s="345">
        <v>208901</v>
      </c>
      <c r="BQ40" s="341">
        <v>37534</v>
      </c>
      <c r="BR40" s="342">
        <v>34181</v>
      </c>
      <c r="BS40" s="343">
        <v>71715</v>
      </c>
      <c r="BT40" s="341">
        <v>0</v>
      </c>
      <c r="BU40" s="342">
        <v>37996</v>
      </c>
      <c r="BV40" s="342">
        <v>10486</v>
      </c>
      <c r="BW40" s="342">
        <v>83181</v>
      </c>
      <c r="BX40" s="342">
        <v>17948</v>
      </c>
      <c r="BY40" s="342">
        <v>4179</v>
      </c>
      <c r="BZ40" s="343">
        <v>153790</v>
      </c>
      <c r="CA40" s="345">
        <v>225505</v>
      </c>
      <c r="CB40" s="341">
        <v>0</v>
      </c>
      <c r="CC40" s="342">
        <v>197540</v>
      </c>
      <c r="CD40" s="343">
        <v>197540</v>
      </c>
      <c r="CE40" s="341">
        <v>0</v>
      </c>
      <c r="CF40" s="342">
        <v>304297</v>
      </c>
      <c r="CG40" s="342">
        <v>40271</v>
      </c>
      <c r="CH40" s="342">
        <v>108838</v>
      </c>
      <c r="CI40" s="342">
        <v>29008</v>
      </c>
      <c r="CJ40" s="342">
        <v>60200</v>
      </c>
      <c r="CK40" s="343">
        <v>542614</v>
      </c>
      <c r="CL40" s="345">
        <v>740154</v>
      </c>
      <c r="CM40" s="341">
        <v>0</v>
      </c>
      <c r="CN40" s="342">
        <v>0</v>
      </c>
      <c r="CO40" s="343">
        <v>0</v>
      </c>
      <c r="CP40" s="347">
        <v>0</v>
      </c>
      <c r="CQ40" s="342">
        <v>111370</v>
      </c>
      <c r="CR40" s="342">
        <v>6370</v>
      </c>
      <c r="CS40" s="342">
        <v>8701</v>
      </c>
      <c r="CT40" s="342">
        <v>29008</v>
      </c>
      <c r="CU40" s="342">
        <v>60200</v>
      </c>
      <c r="CV40" s="343">
        <v>215649</v>
      </c>
      <c r="CW40" s="345">
        <v>215649</v>
      </c>
      <c r="CX40" s="341">
        <v>0</v>
      </c>
      <c r="CY40" s="342">
        <v>197540</v>
      </c>
      <c r="CZ40" s="343">
        <v>197540</v>
      </c>
      <c r="DA40" s="341">
        <v>0</v>
      </c>
      <c r="DB40" s="342">
        <v>192927</v>
      </c>
      <c r="DC40" s="342">
        <v>33901</v>
      </c>
      <c r="DD40" s="342">
        <v>100137</v>
      </c>
      <c r="DE40" s="342">
        <v>0</v>
      </c>
      <c r="DF40" s="342">
        <v>0</v>
      </c>
      <c r="DG40" s="343">
        <v>326965</v>
      </c>
      <c r="DH40" s="345">
        <v>524505</v>
      </c>
      <c r="DI40" s="341">
        <v>0</v>
      </c>
      <c r="DJ40" s="342">
        <v>0</v>
      </c>
      <c r="DK40" s="346">
        <v>0</v>
      </c>
      <c r="DL40" s="347">
        <v>0</v>
      </c>
      <c r="DM40" s="342">
        <v>0</v>
      </c>
      <c r="DN40" s="342">
        <v>0</v>
      </c>
      <c r="DO40" s="342">
        <v>0</v>
      </c>
      <c r="DP40" s="342">
        <v>0</v>
      </c>
      <c r="DQ40" s="342">
        <v>93849</v>
      </c>
      <c r="DR40" s="343">
        <v>93849</v>
      </c>
      <c r="DS40" s="345">
        <v>93849</v>
      </c>
      <c r="DT40" s="341">
        <v>0</v>
      </c>
      <c r="DU40" s="342">
        <v>0</v>
      </c>
      <c r="DV40" s="343">
        <v>0</v>
      </c>
      <c r="DW40" s="341">
        <v>0</v>
      </c>
      <c r="DX40" s="342">
        <v>0</v>
      </c>
      <c r="DY40" s="342">
        <v>0</v>
      </c>
      <c r="DZ40" s="342">
        <v>0</v>
      </c>
      <c r="EA40" s="342">
        <v>0</v>
      </c>
      <c r="EB40" s="342">
        <v>93849</v>
      </c>
      <c r="EC40" s="343">
        <v>93849</v>
      </c>
      <c r="ED40" s="345">
        <v>93849</v>
      </c>
      <c r="EE40" s="341">
        <v>0</v>
      </c>
      <c r="EF40" s="346">
        <v>0</v>
      </c>
      <c r="EG40" s="343">
        <v>0</v>
      </c>
      <c r="EH40" s="341">
        <v>0</v>
      </c>
      <c r="EI40" s="342">
        <v>0</v>
      </c>
      <c r="EJ40" s="342">
        <v>0</v>
      </c>
      <c r="EK40" s="342">
        <v>0</v>
      </c>
      <c r="EL40" s="342">
        <v>0</v>
      </c>
      <c r="EM40" s="342">
        <v>0</v>
      </c>
      <c r="EN40" s="346">
        <v>0</v>
      </c>
      <c r="EO40" s="345">
        <v>0</v>
      </c>
      <c r="EP40" s="341">
        <v>0</v>
      </c>
      <c r="EQ40" s="342">
        <v>0</v>
      </c>
      <c r="ER40" s="346">
        <v>0</v>
      </c>
      <c r="ES40" s="347">
        <v>0</v>
      </c>
      <c r="ET40" s="342">
        <v>0</v>
      </c>
      <c r="EU40" s="342">
        <v>0</v>
      </c>
      <c r="EV40" s="342">
        <v>0</v>
      </c>
      <c r="EW40" s="342">
        <v>0</v>
      </c>
      <c r="EX40" s="342">
        <v>0</v>
      </c>
      <c r="EY40" s="343">
        <v>0</v>
      </c>
      <c r="EZ40" s="345">
        <v>0</v>
      </c>
      <c r="FA40" s="341">
        <v>0</v>
      </c>
      <c r="FB40" s="342">
        <v>0</v>
      </c>
      <c r="FC40" s="346">
        <v>0</v>
      </c>
      <c r="FD40" s="436">
        <v>0</v>
      </c>
      <c r="FE40" s="342">
        <v>0</v>
      </c>
      <c r="FF40" s="342">
        <v>0</v>
      </c>
      <c r="FG40" s="342">
        <v>0</v>
      </c>
      <c r="FH40" s="342">
        <v>0</v>
      </c>
      <c r="FI40" s="342">
        <v>0</v>
      </c>
      <c r="FJ40" s="343">
        <v>0</v>
      </c>
      <c r="FK40" s="345">
        <v>0</v>
      </c>
      <c r="FL40" s="341">
        <v>13580</v>
      </c>
      <c r="FM40" s="342">
        <v>33250</v>
      </c>
      <c r="FN40" s="343">
        <v>46830</v>
      </c>
      <c r="FO40" s="341">
        <v>0</v>
      </c>
      <c r="FP40" s="342">
        <v>55713</v>
      </c>
      <c r="FQ40" s="342">
        <v>107730</v>
      </c>
      <c r="FR40" s="342">
        <v>118258</v>
      </c>
      <c r="FS40" s="342">
        <v>55720</v>
      </c>
      <c r="FT40" s="342">
        <v>22120</v>
      </c>
      <c r="FU40" s="343">
        <v>359541</v>
      </c>
      <c r="FV40" s="345">
        <v>406371</v>
      </c>
      <c r="FW40" s="348">
        <v>13580</v>
      </c>
      <c r="FX40" s="342">
        <v>33250</v>
      </c>
      <c r="FY40" s="346">
        <v>46830</v>
      </c>
      <c r="FZ40" s="347">
        <v>0</v>
      </c>
      <c r="GA40" s="342">
        <v>26670</v>
      </c>
      <c r="GB40" s="342">
        <v>107730</v>
      </c>
      <c r="GC40" s="342">
        <v>118258</v>
      </c>
      <c r="GD40" s="342">
        <v>55720</v>
      </c>
      <c r="GE40" s="342">
        <v>22120</v>
      </c>
      <c r="GF40" s="343">
        <v>330498</v>
      </c>
      <c r="GG40" s="349">
        <v>377328</v>
      </c>
      <c r="GH40" s="348">
        <v>0</v>
      </c>
      <c r="GI40" s="342">
        <v>0</v>
      </c>
      <c r="GJ40" s="346">
        <v>0</v>
      </c>
      <c r="GK40" s="347">
        <v>0</v>
      </c>
      <c r="GL40" s="342">
        <v>29043</v>
      </c>
      <c r="GM40" s="342">
        <v>0</v>
      </c>
      <c r="GN40" s="342">
        <v>0</v>
      </c>
      <c r="GO40" s="342">
        <v>0</v>
      </c>
      <c r="GP40" s="342">
        <v>0</v>
      </c>
      <c r="GQ40" s="343">
        <v>29043</v>
      </c>
      <c r="GR40" s="345">
        <v>29043</v>
      </c>
      <c r="GS40" s="341">
        <v>0</v>
      </c>
      <c r="GT40" s="342">
        <v>0</v>
      </c>
      <c r="GU40" s="343">
        <v>0</v>
      </c>
      <c r="GV40" s="341">
        <v>0</v>
      </c>
      <c r="GW40" s="342">
        <v>0</v>
      </c>
      <c r="GX40" s="342">
        <v>0</v>
      </c>
      <c r="GY40" s="342">
        <v>0</v>
      </c>
      <c r="GZ40" s="342">
        <v>0</v>
      </c>
      <c r="HA40" s="342">
        <v>0</v>
      </c>
      <c r="HB40" s="346">
        <v>0</v>
      </c>
      <c r="HC40" s="345">
        <v>0</v>
      </c>
      <c r="HD40" s="341">
        <v>176586</v>
      </c>
      <c r="HE40" s="342">
        <v>76699</v>
      </c>
      <c r="HF40" s="346">
        <v>253285</v>
      </c>
      <c r="HG40" s="347">
        <v>0</v>
      </c>
      <c r="HH40" s="342">
        <v>448611</v>
      </c>
      <c r="HI40" s="342">
        <v>0</v>
      </c>
      <c r="HJ40" s="342">
        <v>794900</v>
      </c>
      <c r="HK40" s="342">
        <v>354211</v>
      </c>
      <c r="HL40" s="342">
        <v>0</v>
      </c>
      <c r="HM40" s="343">
        <v>1597722</v>
      </c>
      <c r="HN40" s="344">
        <v>1851007</v>
      </c>
      <c r="HO40" s="348">
        <v>0</v>
      </c>
      <c r="HP40" s="342">
        <v>0</v>
      </c>
      <c r="HQ40" s="343">
        <v>0</v>
      </c>
      <c r="HR40" s="341">
        <v>0</v>
      </c>
      <c r="HS40" s="342">
        <v>0</v>
      </c>
      <c r="HT40" s="342">
        <v>0</v>
      </c>
      <c r="HU40" s="342">
        <v>0</v>
      </c>
      <c r="HV40" s="342">
        <v>0</v>
      </c>
      <c r="HW40" s="342">
        <v>0</v>
      </c>
      <c r="HX40" s="346">
        <v>0</v>
      </c>
      <c r="HY40" s="345">
        <v>0</v>
      </c>
      <c r="HZ40" s="373">
        <v>0</v>
      </c>
      <c r="IA40" s="371">
        <v>0</v>
      </c>
      <c r="IB40" s="373">
        <v>0</v>
      </c>
      <c r="IC40" s="353">
        <v>0</v>
      </c>
      <c r="ID40" s="351">
        <v>270270</v>
      </c>
      <c r="IE40" s="354">
        <v>0</v>
      </c>
      <c r="IF40" s="352">
        <v>0</v>
      </c>
      <c r="IG40" s="351">
        <v>0</v>
      </c>
      <c r="IH40" s="352">
        <v>0</v>
      </c>
      <c r="II40" s="355">
        <v>270270</v>
      </c>
      <c r="IJ40" s="373">
        <v>270270</v>
      </c>
      <c r="IK40" s="357">
        <v>0</v>
      </c>
      <c r="IL40" s="358">
        <v>0</v>
      </c>
      <c r="IM40" s="359">
        <v>0</v>
      </c>
      <c r="IN40" s="436">
        <v>0</v>
      </c>
      <c r="IO40" s="360">
        <v>0</v>
      </c>
      <c r="IP40" s="360">
        <v>0</v>
      </c>
      <c r="IQ40" s="360">
        <v>0</v>
      </c>
      <c r="IR40" s="360">
        <v>0</v>
      </c>
      <c r="IS40" s="360">
        <v>0</v>
      </c>
      <c r="IT40" s="361">
        <v>0</v>
      </c>
      <c r="IU40" s="362">
        <v>0</v>
      </c>
      <c r="IV40" s="363">
        <v>0</v>
      </c>
      <c r="IW40" s="360">
        <v>0</v>
      </c>
      <c r="IX40" s="364">
        <v>0</v>
      </c>
      <c r="IY40" s="436">
        <v>0</v>
      </c>
      <c r="IZ40" s="360">
        <v>0</v>
      </c>
      <c r="JA40" s="360">
        <v>0</v>
      </c>
      <c r="JB40" s="360">
        <v>0</v>
      </c>
      <c r="JC40" s="360">
        <v>0</v>
      </c>
      <c r="JD40" s="360">
        <v>0</v>
      </c>
      <c r="JE40" s="364">
        <v>0</v>
      </c>
      <c r="JF40" s="365">
        <v>0</v>
      </c>
      <c r="JG40" s="363">
        <v>0</v>
      </c>
      <c r="JH40" s="360">
        <v>0</v>
      </c>
      <c r="JI40" s="361">
        <v>0</v>
      </c>
      <c r="JJ40" s="366">
        <v>0</v>
      </c>
      <c r="JK40" s="360">
        <v>0</v>
      </c>
      <c r="JL40" s="360">
        <v>0</v>
      </c>
      <c r="JM40" s="360">
        <v>0</v>
      </c>
      <c r="JN40" s="360">
        <v>0</v>
      </c>
      <c r="JO40" s="360">
        <v>0</v>
      </c>
      <c r="JP40" s="364">
        <v>0</v>
      </c>
      <c r="JQ40" s="362">
        <v>0</v>
      </c>
      <c r="JR40" s="363">
        <v>0</v>
      </c>
      <c r="JS40" s="360">
        <v>0</v>
      </c>
      <c r="JT40" s="361">
        <v>0</v>
      </c>
      <c r="JU40" s="366">
        <v>0</v>
      </c>
      <c r="JV40" s="360">
        <v>0</v>
      </c>
      <c r="JW40" s="360">
        <v>0</v>
      </c>
      <c r="JX40" s="360">
        <v>0</v>
      </c>
      <c r="JY40" s="360">
        <v>0</v>
      </c>
      <c r="JZ40" s="360">
        <v>0</v>
      </c>
      <c r="KA40" s="364">
        <v>0</v>
      </c>
      <c r="KB40" s="362">
        <v>0</v>
      </c>
      <c r="KC40" s="367">
        <v>0</v>
      </c>
      <c r="KD40" s="368">
        <v>0</v>
      </c>
      <c r="KE40" s="364">
        <v>0</v>
      </c>
      <c r="KF40" s="366">
        <v>0</v>
      </c>
      <c r="KG40" s="360">
        <v>82838</v>
      </c>
      <c r="KH40" s="360">
        <v>0</v>
      </c>
      <c r="KI40" s="360">
        <v>0</v>
      </c>
      <c r="KJ40" s="360">
        <v>0</v>
      </c>
      <c r="KK40" s="360">
        <v>0</v>
      </c>
      <c r="KL40" s="364">
        <v>82838</v>
      </c>
      <c r="KM40" s="369">
        <v>82838</v>
      </c>
      <c r="KN40" s="357">
        <v>0</v>
      </c>
      <c r="KO40" s="358">
        <v>0</v>
      </c>
      <c r="KP40" s="359">
        <v>0</v>
      </c>
      <c r="KQ40" s="436">
        <v>0</v>
      </c>
      <c r="KR40" s="360">
        <v>187432</v>
      </c>
      <c r="KS40" s="360">
        <v>0</v>
      </c>
      <c r="KT40" s="360">
        <v>0</v>
      </c>
      <c r="KU40" s="360">
        <v>0</v>
      </c>
      <c r="KV40" s="360">
        <v>0</v>
      </c>
      <c r="KW40" s="364">
        <v>187432</v>
      </c>
      <c r="KX40" s="362">
        <v>187432</v>
      </c>
      <c r="KY40" s="363">
        <v>0</v>
      </c>
      <c r="KZ40" s="360">
        <v>0</v>
      </c>
      <c r="LA40" s="364">
        <v>0</v>
      </c>
      <c r="LB40" s="436">
        <v>0</v>
      </c>
      <c r="LC40" s="360">
        <v>0</v>
      </c>
      <c r="LD40" s="360">
        <v>0</v>
      </c>
      <c r="LE40" s="360">
        <v>0</v>
      </c>
      <c r="LF40" s="360">
        <v>0</v>
      </c>
      <c r="LG40" s="360">
        <v>0</v>
      </c>
      <c r="LH40" s="364">
        <v>0</v>
      </c>
      <c r="LI40" s="365">
        <v>0</v>
      </c>
      <c r="LJ40" s="363">
        <v>0</v>
      </c>
      <c r="LK40" s="360">
        <v>0</v>
      </c>
      <c r="LL40" s="364">
        <v>0</v>
      </c>
      <c r="LM40" s="436">
        <v>0</v>
      </c>
      <c r="LN40" s="360">
        <v>0</v>
      </c>
      <c r="LO40" s="360">
        <v>0</v>
      </c>
      <c r="LP40" s="360">
        <v>0</v>
      </c>
      <c r="LQ40" s="360">
        <v>0</v>
      </c>
      <c r="LR40" s="360">
        <v>0</v>
      </c>
      <c r="LS40" s="364">
        <v>0</v>
      </c>
      <c r="LT40" s="362">
        <v>0</v>
      </c>
      <c r="LU40" s="363">
        <v>0</v>
      </c>
      <c r="LV40" s="360">
        <v>0</v>
      </c>
      <c r="LW40" s="364">
        <v>0</v>
      </c>
      <c r="LX40" s="436">
        <v>0</v>
      </c>
      <c r="LY40" s="360">
        <v>0</v>
      </c>
      <c r="LZ40" s="360">
        <v>0</v>
      </c>
      <c r="MA40" s="360">
        <v>0</v>
      </c>
      <c r="MB40" s="360">
        <v>0</v>
      </c>
      <c r="MC40" s="360">
        <v>0</v>
      </c>
      <c r="MD40" s="364">
        <v>0</v>
      </c>
      <c r="ME40" s="365">
        <v>0</v>
      </c>
      <c r="MF40" s="363">
        <v>0</v>
      </c>
      <c r="MG40" s="360">
        <v>0</v>
      </c>
      <c r="MH40" s="364">
        <v>0</v>
      </c>
      <c r="MI40" s="436">
        <v>0</v>
      </c>
      <c r="MJ40" s="360">
        <v>0</v>
      </c>
      <c r="MK40" s="360">
        <v>0</v>
      </c>
      <c r="ML40" s="360">
        <v>0</v>
      </c>
      <c r="MM40" s="360">
        <v>217014</v>
      </c>
      <c r="MN40" s="360">
        <v>0</v>
      </c>
      <c r="MO40" s="364">
        <v>217014</v>
      </c>
      <c r="MP40" s="369">
        <v>217014</v>
      </c>
      <c r="MQ40" s="363">
        <v>0</v>
      </c>
      <c r="MR40" s="360">
        <v>0</v>
      </c>
      <c r="MS40" s="364">
        <v>0</v>
      </c>
      <c r="MT40" s="436">
        <v>0</v>
      </c>
      <c r="MU40" s="360">
        <v>0</v>
      </c>
      <c r="MV40" s="360">
        <v>0</v>
      </c>
      <c r="MW40" s="360">
        <v>0</v>
      </c>
      <c r="MX40" s="360">
        <v>217014</v>
      </c>
      <c r="MY40" s="360">
        <v>0</v>
      </c>
      <c r="MZ40" s="364">
        <v>217014</v>
      </c>
      <c r="NA40" s="369">
        <v>217014</v>
      </c>
      <c r="NB40" s="363">
        <v>0</v>
      </c>
      <c r="NC40" s="360">
        <v>0</v>
      </c>
      <c r="ND40" s="364">
        <v>0</v>
      </c>
      <c r="NE40" s="436">
        <v>0</v>
      </c>
      <c r="NF40" s="360">
        <v>0</v>
      </c>
      <c r="NG40" s="360">
        <v>0</v>
      </c>
      <c r="NH40" s="360">
        <v>0</v>
      </c>
      <c r="NI40" s="360">
        <v>0</v>
      </c>
      <c r="NJ40" s="360">
        <v>0</v>
      </c>
      <c r="NK40" s="364">
        <v>0</v>
      </c>
      <c r="NL40" s="362">
        <v>0</v>
      </c>
      <c r="NM40" s="363">
        <v>0</v>
      </c>
      <c r="NN40" s="360">
        <v>0</v>
      </c>
      <c r="NO40" s="364">
        <v>0</v>
      </c>
      <c r="NP40" s="436">
        <v>0</v>
      </c>
      <c r="NQ40" s="360">
        <v>0</v>
      </c>
      <c r="NR40" s="360">
        <v>0</v>
      </c>
      <c r="NS40" s="360">
        <v>0</v>
      </c>
      <c r="NT40" s="360">
        <v>0</v>
      </c>
      <c r="NU40" s="360">
        <v>0</v>
      </c>
      <c r="NV40" s="364">
        <v>0</v>
      </c>
      <c r="NW40" s="365">
        <v>0</v>
      </c>
      <c r="NX40" s="363">
        <v>0</v>
      </c>
      <c r="NY40" s="360">
        <v>0</v>
      </c>
      <c r="NZ40" s="364">
        <v>0</v>
      </c>
      <c r="OA40" s="436">
        <v>0</v>
      </c>
      <c r="OB40" s="360">
        <v>0</v>
      </c>
      <c r="OC40" s="360">
        <v>0</v>
      </c>
      <c r="OD40" s="360">
        <v>0</v>
      </c>
      <c r="OE40" s="360">
        <v>0</v>
      </c>
      <c r="OF40" s="360">
        <v>0</v>
      </c>
      <c r="OG40" s="364">
        <v>0</v>
      </c>
      <c r="OH40" s="365">
        <v>0</v>
      </c>
      <c r="OI40" s="363">
        <v>267138</v>
      </c>
      <c r="OJ40" s="360">
        <v>520728</v>
      </c>
      <c r="OK40" s="361">
        <v>787866</v>
      </c>
      <c r="OL40" s="366">
        <v>0</v>
      </c>
      <c r="OM40" s="360">
        <v>1355510</v>
      </c>
      <c r="ON40" s="360">
        <v>363355</v>
      </c>
      <c r="OO40" s="360">
        <v>1371856</v>
      </c>
      <c r="OP40" s="360">
        <v>721172</v>
      </c>
      <c r="OQ40" s="360">
        <v>180348</v>
      </c>
      <c r="OR40" s="364">
        <v>3992241</v>
      </c>
      <c r="OS40" s="369">
        <v>4780107</v>
      </c>
    </row>
    <row r="41" spans="2:409" s="137" customFormat="1" ht="21" customHeight="1" x14ac:dyDescent="0.2">
      <c r="B41" s="421" t="s">
        <v>36</v>
      </c>
      <c r="C41" s="341">
        <v>24038</v>
      </c>
      <c r="D41" s="342">
        <v>48832</v>
      </c>
      <c r="E41" s="343">
        <v>72870</v>
      </c>
      <c r="F41" s="344">
        <v>0</v>
      </c>
      <c r="G41" s="342">
        <v>187260</v>
      </c>
      <c r="H41" s="342">
        <v>1162247</v>
      </c>
      <c r="I41" s="342">
        <v>300574</v>
      </c>
      <c r="J41" s="342">
        <v>588519</v>
      </c>
      <c r="K41" s="342">
        <v>495300</v>
      </c>
      <c r="L41" s="382">
        <v>2733900</v>
      </c>
      <c r="M41" s="345">
        <v>2806770</v>
      </c>
      <c r="N41" s="341">
        <v>24038</v>
      </c>
      <c r="O41" s="342">
        <v>27482</v>
      </c>
      <c r="P41" s="343">
        <v>51520</v>
      </c>
      <c r="Q41" s="341">
        <v>0</v>
      </c>
      <c r="R41" s="342">
        <v>154794</v>
      </c>
      <c r="S41" s="342">
        <v>273429</v>
      </c>
      <c r="T41" s="342">
        <v>86521</v>
      </c>
      <c r="U41" s="342">
        <v>52936</v>
      </c>
      <c r="V41" s="342">
        <v>474860</v>
      </c>
      <c r="W41" s="343">
        <v>1042540</v>
      </c>
      <c r="X41" s="345">
        <v>1094060</v>
      </c>
      <c r="Y41" s="341">
        <v>0</v>
      </c>
      <c r="Z41" s="342">
        <v>0</v>
      </c>
      <c r="AA41" s="343">
        <v>0</v>
      </c>
      <c r="AB41" s="341">
        <v>0</v>
      </c>
      <c r="AC41" s="342">
        <v>80404</v>
      </c>
      <c r="AD41" s="342">
        <v>158525</v>
      </c>
      <c r="AE41" s="342">
        <v>31982</v>
      </c>
      <c r="AF41" s="342">
        <v>0</v>
      </c>
      <c r="AG41" s="342">
        <v>361723</v>
      </c>
      <c r="AH41" s="343">
        <v>632634</v>
      </c>
      <c r="AI41" s="345">
        <v>632634</v>
      </c>
      <c r="AJ41" s="341">
        <v>0</v>
      </c>
      <c r="AK41" s="342">
        <v>0</v>
      </c>
      <c r="AL41" s="343">
        <v>0</v>
      </c>
      <c r="AM41" s="341">
        <v>0</v>
      </c>
      <c r="AN41" s="342">
        <v>0</v>
      </c>
      <c r="AO41" s="342">
        <v>0</v>
      </c>
      <c r="AP41" s="342">
        <v>20372</v>
      </c>
      <c r="AQ41" s="342">
        <v>0</v>
      </c>
      <c r="AR41" s="342">
        <v>0</v>
      </c>
      <c r="AS41" s="343">
        <v>20372</v>
      </c>
      <c r="AT41" s="345">
        <v>20372</v>
      </c>
      <c r="AU41" s="341">
        <v>24038</v>
      </c>
      <c r="AV41" s="342">
        <v>27482</v>
      </c>
      <c r="AW41" s="343">
        <v>51520</v>
      </c>
      <c r="AX41" s="341">
        <v>0</v>
      </c>
      <c r="AY41" s="342">
        <v>38728</v>
      </c>
      <c r="AZ41" s="342">
        <v>75018</v>
      </c>
      <c r="BA41" s="342">
        <v>12740</v>
      </c>
      <c r="BB41" s="342">
        <v>12140</v>
      </c>
      <c r="BC41" s="342">
        <v>94447</v>
      </c>
      <c r="BD41" s="343">
        <v>233073</v>
      </c>
      <c r="BE41" s="345">
        <v>284593</v>
      </c>
      <c r="BF41" s="341">
        <v>0</v>
      </c>
      <c r="BG41" s="342">
        <v>0</v>
      </c>
      <c r="BH41" s="346">
        <v>0</v>
      </c>
      <c r="BI41" s="347">
        <v>0</v>
      </c>
      <c r="BJ41" s="342">
        <v>32050</v>
      </c>
      <c r="BK41" s="342">
        <v>0</v>
      </c>
      <c r="BL41" s="342">
        <v>0</v>
      </c>
      <c r="BM41" s="342">
        <v>0</v>
      </c>
      <c r="BN41" s="342">
        <v>0</v>
      </c>
      <c r="BO41" s="343">
        <v>32050</v>
      </c>
      <c r="BP41" s="345">
        <v>32050</v>
      </c>
      <c r="BQ41" s="341">
        <v>0</v>
      </c>
      <c r="BR41" s="342">
        <v>0</v>
      </c>
      <c r="BS41" s="343">
        <v>0</v>
      </c>
      <c r="BT41" s="341">
        <v>0</v>
      </c>
      <c r="BU41" s="342">
        <v>3612</v>
      </c>
      <c r="BV41" s="342">
        <v>39886</v>
      </c>
      <c r="BW41" s="342">
        <v>21427</v>
      </c>
      <c r="BX41" s="342">
        <v>40796</v>
      </c>
      <c r="BY41" s="342">
        <v>18690</v>
      </c>
      <c r="BZ41" s="343">
        <v>124411</v>
      </c>
      <c r="CA41" s="345">
        <v>124411</v>
      </c>
      <c r="CB41" s="341">
        <v>0</v>
      </c>
      <c r="CC41" s="342">
        <v>0</v>
      </c>
      <c r="CD41" s="343">
        <v>0</v>
      </c>
      <c r="CE41" s="341">
        <v>0</v>
      </c>
      <c r="CF41" s="342">
        <v>0</v>
      </c>
      <c r="CG41" s="342">
        <v>313769</v>
      </c>
      <c r="CH41" s="342">
        <v>0</v>
      </c>
      <c r="CI41" s="342">
        <v>91066</v>
      </c>
      <c r="CJ41" s="342">
        <v>0</v>
      </c>
      <c r="CK41" s="343">
        <v>404835</v>
      </c>
      <c r="CL41" s="345">
        <v>404835</v>
      </c>
      <c r="CM41" s="341">
        <v>0</v>
      </c>
      <c r="CN41" s="342">
        <v>0</v>
      </c>
      <c r="CO41" s="343">
        <v>0</v>
      </c>
      <c r="CP41" s="347">
        <v>0</v>
      </c>
      <c r="CQ41" s="342">
        <v>0</v>
      </c>
      <c r="CR41" s="342">
        <v>313769</v>
      </c>
      <c r="CS41" s="342">
        <v>0</v>
      </c>
      <c r="CT41" s="342">
        <v>91066</v>
      </c>
      <c r="CU41" s="342">
        <v>0</v>
      </c>
      <c r="CV41" s="343">
        <v>404835</v>
      </c>
      <c r="CW41" s="345">
        <v>404835</v>
      </c>
      <c r="CX41" s="341">
        <v>0</v>
      </c>
      <c r="CY41" s="342">
        <v>0</v>
      </c>
      <c r="CZ41" s="343">
        <v>0</v>
      </c>
      <c r="DA41" s="341">
        <v>0</v>
      </c>
      <c r="DB41" s="342">
        <v>0</v>
      </c>
      <c r="DC41" s="342">
        <v>0</v>
      </c>
      <c r="DD41" s="342">
        <v>0</v>
      </c>
      <c r="DE41" s="342">
        <v>0</v>
      </c>
      <c r="DF41" s="342">
        <v>0</v>
      </c>
      <c r="DG41" s="343">
        <v>0</v>
      </c>
      <c r="DH41" s="345">
        <v>0</v>
      </c>
      <c r="DI41" s="341">
        <v>0</v>
      </c>
      <c r="DJ41" s="342">
        <v>0</v>
      </c>
      <c r="DK41" s="346">
        <v>0</v>
      </c>
      <c r="DL41" s="347">
        <v>0</v>
      </c>
      <c r="DM41" s="342">
        <v>0</v>
      </c>
      <c r="DN41" s="342">
        <v>132505</v>
      </c>
      <c r="DO41" s="342">
        <v>0</v>
      </c>
      <c r="DP41" s="342">
        <v>61777</v>
      </c>
      <c r="DQ41" s="342">
        <v>0</v>
      </c>
      <c r="DR41" s="343">
        <v>194282</v>
      </c>
      <c r="DS41" s="345">
        <v>194282</v>
      </c>
      <c r="DT41" s="341">
        <v>0</v>
      </c>
      <c r="DU41" s="342">
        <v>0</v>
      </c>
      <c r="DV41" s="343">
        <v>0</v>
      </c>
      <c r="DW41" s="341">
        <v>0</v>
      </c>
      <c r="DX41" s="342">
        <v>0</v>
      </c>
      <c r="DY41" s="342">
        <v>132505</v>
      </c>
      <c r="DZ41" s="342">
        <v>0</v>
      </c>
      <c r="EA41" s="342">
        <v>61777</v>
      </c>
      <c r="EB41" s="342">
        <v>0</v>
      </c>
      <c r="EC41" s="343">
        <v>194282</v>
      </c>
      <c r="ED41" s="345">
        <v>194282</v>
      </c>
      <c r="EE41" s="341">
        <v>0</v>
      </c>
      <c r="EF41" s="346">
        <v>0</v>
      </c>
      <c r="EG41" s="343">
        <v>0</v>
      </c>
      <c r="EH41" s="341">
        <v>0</v>
      </c>
      <c r="EI41" s="342">
        <v>0</v>
      </c>
      <c r="EJ41" s="342">
        <v>0</v>
      </c>
      <c r="EK41" s="342">
        <v>0</v>
      </c>
      <c r="EL41" s="342">
        <v>0</v>
      </c>
      <c r="EM41" s="342">
        <v>0</v>
      </c>
      <c r="EN41" s="346">
        <v>0</v>
      </c>
      <c r="EO41" s="345">
        <v>0</v>
      </c>
      <c r="EP41" s="341">
        <v>0</v>
      </c>
      <c r="EQ41" s="342">
        <v>0</v>
      </c>
      <c r="ER41" s="346">
        <v>0</v>
      </c>
      <c r="ES41" s="347">
        <v>0</v>
      </c>
      <c r="ET41" s="342">
        <v>0</v>
      </c>
      <c r="EU41" s="342">
        <v>0</v>
      </c>
      <c r="EV41" s="342">
        <v>0</v>
      </c>
      <c r="EW41" s="342">
        <v>0</v>
      </c>
      <c r="EX41" s="342">
        <v>0</v>
      </c>
      <c r="EY41" s="343">
        <v>0</v>
      </c>
      <c r="EZ41" s="345">
        <v>0</v>
      </c>
      <c r="FA41" s="341">
        <v>0</v>
      </c>
      <c r="FB41" s="342">
        <v>0</v>
      </c>
      <c r="FC41" s="346">
        <v>0</v>
      </c>
      <c r="FD41" s="436">
        <v>0</v>
      </c>
      <c r="FE41" s="342">
        <v>0</v>
      </c>
      <c r="FF41" s="342">
        <v>0</v>
      </c>
      <c r="FG41" s="342">
        <v>0</v>
      </c>
      <c r="FH41" s="342">
        <v>0</v>
      </c>
      <c r="FI41" s="342">
        <v>0</v>
      </c>
      <c r="FJ41" s="343">
        <v>0</v>
      </c>
      <c r="FK41" s="345">
        <v>0</v>
      </c>
      <c r="FL41" s="341">
        <v>0</v>
      </c>
      <c r="FM41" s="342">
        <v>21350</v>
      </c>
      <c r="FN41" s="343">
        <v>21350</v>
      </c>
      <c r="FO41" s="341">
        <v>0</v>
      </c>
      <c r="FP41" s="342">
        <v>32466</v>
      </c>
      <c r="FQ41" s="342">
        <v>155316</v>
      </c>
      <c r="FR41" s="342">
        <v>42364</v>
      </c>
      <c r="FS41" s="342">
        <v>33530</v>
      </c>
      <c r="FT41" s="342">
        <v>20440</v>
      </c>
      <c r="FU41" s="343">
        <v>284116</v>
      </c>
      <c r="FV41" s="345">
        <v>305466</v>
      </c>
      <c r="FW41" s="348">
        <v>0</v>
      </c>
      <c r="FX41" s="342">
        <v>21350</v>
      </c>
      <c r="FY41" s="346">
        <v>21350</v>
      </c>
      <c r="FZ41" s="347">
        <v>0</v>
      </c>
      <c r="GA41" s="342">
        <v>32466</v>
      </c>
      <c r="GB41" s="342">
        <v>155316</v>
      </c>
      <c r="GC41" s="342">
        <v>42364</v>
      </c>
      <c r="GD41" s="342">
        <v>33530</v>
      </c>
      <c r="GE41" s="342">
        <v>20440</v>
      </c>
      <c r="GF41" s="343">
        <v>284116</v>
      </c>
      <c r="GG41" s="349">
        <v>305466</v>
      </c>
      <c r="GH41" s="348">
        <v>0</v>
      </c>
      <c r="GI41" s="342">
        <v>0</v>
      </c>
      <c r="GJ41" s="346">
        <v>0</v>
      </c>
      <c r="GK41" s="347">
        <v>0</v>
      </c>
      <c r="GL41" s="342">
        <v>0</v>
      </c>
      <c r="GM41" s="342">
        <v>0</v>
      </c>
      <c r="GN41" s="342">
        <v>0</v>
      </c>
      <c r="GO41" s="342">
        <v>0</v>
      </c>
      <c r="GP41" s="342">
        <v>0</v>
      </c>
      <c r="GQ41" s="343">
        <v>0</v>
      </c>
      <c r="GR41" s="345">
        <v>0</v>
      </c>
      <c r="GS41" s="341">
        <v>0</v>
      </c>
      <c r="GT41" s="342">
        <v>0</v>
      </c>
      <c r="GU41" s="343">
        <v>0</v>
      </c>
      <c r="GV41" s="341">
        <v>0</v>
      </c>
      <c r="GW41" s="342">
        <v>0</v>
      </c>
      <c r="GX41" s="342">
        <v>0</v>
      </c>
      <c r="GY41" s="342">
        <v>0</v>
      </c>
      <c r="GZ41" s="342">
        <v>0</v>
      </c>
      <c r="HA41" s="342">
        <v>0</v>
      </c>
      <c r="HB41" s="346">
        <v>0</v>
      </c>
      <c r="HC41" s="345">
        <v>0</v>
      </c>
      <c r="HD41" s="341">
        <v>0</v>
      </c>
      <c r="HE41" s="342">
        <v>0</v>
      </c>
      <c r="HF41" s="346">
        <v>0</v>
      </c>
      <c r="HG41" s="347">
        <v>0</v>
      </c>
      <c r="HH41" s="342">
        <v>0</v>
      </c>
      <c r="HI41" s="342">
        <v>287228</v>
      </c>
      <c r="HJ41" s="342">
        <v>171689</v>
      </c>
      <c r="HK41" s="342">
        <v>349210</v>
      </c>
      <c r="HL41" s="342">
        <v>0</v>
      </c>
      <c r="HM41" s="343">
        <v>808127</v>
      </c>
      <c r="HN41" s="344">
        <v>808127</v>
      </c>
      <c r="HO41" s="348">
        <v>0</v>
      </c>
      <c r="HP41" s="342">
        <v>0</v>
      </c>
      <c r="HQ41" s="343">
        <v>0</v>
      </c>
      <c r="HR41" s="341">
        <v>0</v>
      </c>
      <c r="HS41" s="342">
        <v>0</v>
      </c>
      <c r="HT41" s="342">
        <v>0</v>
      </c>
      <c r="HU41" s="342">
        <v>0</v>
      </c>
      <c r="HV41" s="342">
        <v>0</v>
      </c>
      <c r="HW41" s="342">
        <v>0</v>
      </c>
      <c r="HX41" s="346">
        <v>0</v>
      </c>
      <c r="HY41" s="345">
        <v>0</v>
      </c>
      <c r="HZ41" s="350">
        <v>0</v>
      </c>
      <c r="IA41" s="351">
        <v>0</v>
      </c>
      <c r="IB41" s="352">
        <v>0</v>
      </c>
      <c r="IC41" s="353">
        <v>0</v>
      </c>
      <c r="ID41" s="351">
        <v>62892</v>
      </c>
      <c r="IE41" s="354">
        <v>215901</v>
      </c>
      <c r="IF41" s="352">
        <v>443519</v>
      </c>
      <c r="IG41" s="351">
        <v>0</v>
      </c>
      <c r="IH41" s="352">
        <v>216721</v>
      </c>
      <c r="II41" s="355">
        <v>939033</v>
      </c>
      <c r="IJ41" s="356">
        <v>939033</v>
      </c>
      <c r="IK41" s="357">
        <v>0</v>
      </c>
      <c r="IL41" s="358">
        <v>0</v>
      </c>
      <c r="IM41" s="359">
        <v>0</v>
      </c>
      <c r="IN41" s="436">
        <v>0</v>
      </c>
      <c r="IO41" s="360">
        <v>0</v>
      </c>
      <c r="IP41" s="360">
        <v>0</v>
      </c>
      <c r="IQ41" s="360">
        <v>0</v>
      </c>
      <c r="IR41" s="360">
        <v>0</v>
      </c>
      <c r="IS41" s="360">
        <v>0</v>
      </c>
      <c r="IT41" s="361">
        <v>0</v>
      </c>
      <c r="IU41" s="362">
        <v>0</v>
      </c>
      <c r="IV41" s="363">
        <v>0</v>
      </c>
      <c r="IW41" s="360">
        <v>0</v>
      </c>
      <c r="IX41" s="364">
        <v>0</v>
      </c>
      <c r="IY41" s="436">
        <v>0</v>
      </c>
      <c r="IZ41" s="360">
        <v>0</v>
      </c>
      <c r="JA41" s="360">
        <v>0</v>
      </c>
      <c r="JB41" s="360">
        <v>0</v>
      </c>
      <c r="JC41" s="360">
        <v>0</v>
      </c>
      <c r="JD41" s="360">
        <v>0</v>
      </c>
      <c r="JE41" s="364">
        <v>0</v>
      </c>
      <c r="JF41" s="365">
        <v>0</v>
      </c>
      <c r="JG41" s="363">
        <v>0</v>
      </c>
      <c r="JH41" s="360">
        <v>0</v>
      </c>
      <c r="JI41" s="361">
        <v>0</v>
      </c>
      <c r="JJ41" s="366">
        <v>0</v>
      </c>
      <c r="JK41" s="360">
        <v>62892</v>
      </c>
      <c r="JL41" s="360">
        <v>13167</v>
      </c>
      <c r="JM41" s="360">
        <v>33751</v>
      </c>
      <c r="JN41" s="360">
        <v>0</v>
      </c>
      <c r="JO41" s="360">
        <v>0</v>
      </c>
      <c r="JP41" s="364">
        <v>109810</v>
      </c>
      <c r="JQ41" s="362">
        <v>109810</v>
      </c>
      <c r="JR41" s="363">
        <v>0</v>
      </c>
      <c r="JS41" s="360">
        <v>0</v>
      </c>
      <c r="JT41" s="361">
        <v>0</v>
      </c>
      <c r="JU41" s="366">
        <v>0</v>
      </c>
      <c r="JV41" s="360">
        <v>0</v>
      </c>
      <c r="JW41" s="360">
        <v>0</v>
      </c>
      <c r="JX41" s="360">
        <v>0</v>
      </c>
      <c r="JY41" s="360">
        <v>0</v>
      </c>
      <c r="JZ41" s="360">
        <v>0</v>
      </c>
      <c r="KA41" s="364">
        <v>0</v>
      </c>
      <c r="KB41" s="362">
        <v>0</v>
      </c>
      <c r="KC41" s="367">
        <v>0</v>
      </c>
      <c r="KD41" s="368">
        <v>0</v>
      </c>
      <c r="KE41" s="364">
        <v>0</v>
      </c>
      <c r="KF41" s="366">
        <v>0</v>
      </c>
      <c r="KG41" s="360">
        <v>0</v>
      </c>
      <c r="KH41" s="360">
        <v>0</v>
      </c>
      <c r="KI41" s="360">
        <v>201145</v>
      </c>
      <c r="KJ41" s="360">
        <v>0</v>
      </c>
      <c r="KK41" s="360">
        <v>0</v>
      </c>
      <c r="KL41" s="364">
        <v>201145</v>
      </c>
      <c r="KM41" s="369">
        <v>201145</v>
      </c>
      <c r="KN41" s="357">
        <v>0</v>
      </c>
      <c r="KO41" s="358">
        <v>0</v>
      </c>
      <c r="KP41" s="359">
        <v>0</v>
      </c>
      <c r="KQ41" s="436">
        <v>0</v>
      </c>
      <c r="KR41" s="360">
        <v>0</v>
      </c>
      <c r="KS41" s="360">
        <v>202734</v>
      </c>
      <c r="KT41" s="360">
        <v>208623</v>
      </c>
      <c r="KU41" s="360">
        <v>0</v>
      </c>
      <c r="KV41" s="360">
        <v>216721</v>
      </c>
      <c r="KW41" s="364">
        <v>628078</v>
      </c>
      <c r="KX41" s="362">
        <v>628078</v>
      </c>
      <c r="KY41" s="363">
        <v>0</v>
      </c>
      <c r="KZ41" s="360">
        <v>0</v>
      </c>
      <c r="LA41" s="364">
        <v>0</v>
      </c>
      <c r="LB41" s="436">
        <v>0</v>
      </c>
      <c r="LC41" s="360">
        <v>0</v>
      </c>
      <c r="LD41" s="360">
        <v>0</v>
      </c>
      <c r="LE41" s="360">
        <v>0</v>
      </c>
      <c r="LF41" s="360">
        <v>0</v>
      </c>
      <c r="LG41" s="360">
        <v>0</v>
      </c>
      <c r="LH41" s="364">
        <v>0</v>
      </c>
      <c r="LI41" s="365">
        <v>0</v>
      </c>
      <c r="LJ41" s="363">
        <v>0</v>
      </c>
      <c r="LK41" s="360">
        <v>0</v>
      </c>
      <c r="LL41" s="364">
        <v>0</v>
      </c>
      <c r="LM41" s="436">
        <v>0</v>
      </c>
      <c r="LN41" s="360">
        <v>0</v>
      </c>
      <c r="LO41" s="360">
        <v>0</v>
      </c>
      <c r="LP41" s="360">
        <v>0</v>
      </c>
      <c r="LQ41" s="360">
        <v>0</v>
      </c>
      <c r="LR41" s="360">
        <v>0</v>
      </c>
      <c r="LS41" s="364">
        <v>0</v>
      </c>
      <c r="LT41" s="362">
        <v>0</v>
      </c>
      <c r="LU41" s="363">
        <v>0</v>
      </c>
      <c r="LV41" s="360">
        <v>0</v>
      </c>
      <c r="LW41" s="364">
        <v>0</v>
      </c>
      <c r="LX41" s="436">
        <v>0</v>
      </c>
      <c r="LY41" s="360">
        <v>0</v>
      </c>
      <c r="LZ41" s="360">
        <v>0</v>
      </c>
      <c r="MA41" s="360">
        <v>0</v>
      </c>
      <c r="MB41" s="360">
        <v>0</v>
      </c>
      <c r="MC41" s="360">
        <v>0</v>
      </c>
      <c r="MD41" s="364">
        <v>0</v>
      </c>
      <c r="ME41" s="365">
        <v>0</v>
      </c>
      <c r="MF41" s="363">
        <v>0</v>
      </c>
      <c r="MG41" s="360">
        <v>0</v>
      </c>
      <c r="MH41" s="364">
        <v>0</v>
      </c>
      <c r="MI41" s="436">
        <v>0</v>
      </c>
      <c r="MJ41" s="360">
        <v>0</v>
      </c>
      <c r="MK41" s="360">
        <v>0</v>
      </c>
      <c r="ML41" s="360">
        <v>213692</v>
      </c>
      <c r="MM41" s="360">
        <v>208140</v>
      </c>
      <c r="MN41" s="360">
        <v>224072</v>
      </c>
      <c r="MO41" s="364">
        <v>645904</v>
      </c>
      <c r="MP41" s="369">
        <v>645904</v>
      </c>
      <c r="MQ41" s="363">
        <v>0</v>
      </c>
      <c r="MR41" s="360">
        <v>0</v>
      </c>
      <c r="MS41" s="364">
        <v>0</v>
      </c>
      <c r="MT41" s="436">
        <v>0</v>
      </c>
      <c r="MU41" s="360">
        <v>0</v>
      </c>
      <c r="MV41" s="360">
        <v>0</v>
      </c>
      <c r="MW41" s="360">
        <v>0</v>
      </c>
      <c r="MX41" s="360">
        <v>208140</v>
      </c>
      <c r="MY41" s="360">
        <v>224072</v>
      </c>
      <c r="MZ41" s="364">
        <v>432212</v>
      </c>
      <c r="NA41" s="369">
        <v>432212</v>
      </c>
      <c r="NB41" s="363">
        <v>0</v>
      </c>
      <c r="NC41" s="360">
        <v>0</v>
      </c>
      <c r="ND41" s="364">
        <v>0</v>
      </c>
      <c r="NE41" s="436">
        <v>0</v>
      </c>
      <c r="NF41" s="360">
        <v>0</v>
      </c>
      <c r="NG41" s="360">
        <v>0</v>
      </c>
      <c r="NH41" s="360">
        <v>213692</v>
      </c>
      <c r="NI41" s="360">
        <v>0</v>
      </c>
      <c r="NJ41" s="360">
        <v>0</v>
      </c>
      <c r="NK41" s="364">
        <v>213692</v>
      </c>
      <c r="NL41" s="362">
        <v>213692</v>
      </c>
      <c r="NM41" s="363">
        <v>0</v>
      </c>
      <c r="NN41" s="360">
        <v>0</v>
      </c>
      <c r="NO41" s="364">
        <v>0</v>
      </c>
      <c r="NP41" s="436">
        <v>0</v>
      </c>
      <c r="NQ41" s="360">
        <v>0</v>
      </c>
      <c r="NR41" s="360">
        <v>0</v>
      </c>
      <c r="NS41" s="360">
        <v>0</v>
      </c>
      <c r="NT41" s="360">
        <v>0</v>
      </c>
      <c r="NU41" s="360">
        <v>0</v>
      </c>
      <c r="NV41" s="364">
        <v>0</v>
      </c>
      <c r="NW41" s="365">
        <v>0</v>
      </c>
      <c r="NX41" s="363">
        <v>0</v>
      </c>
      <c r="NY41" s="360">
        <v>0</v>
      </c>
      <c r="NZ41" s="364">
        <v>0</v>
      </c>
      <c r="OA41" s="436">
        <v>0</v>
      </c>
      <c r="OB41" s="360">
        <v>0</v>
      </c>
      <c r="OC41" s="360">
        <v>0</v>
      </c>
      <c r="OD41" s="360">
        <v>0</v>
      </c>
      <c r="OE41" s="360">
        <v>0</v>
      </c>
      <c r="OF41" s="360">
        <v>0</v>
      </c>
      <c r="OG41" s="364">
        <v>0</v>
      </c>
      <c r="OH41" s="365">
        <v>0</v>
      </c>
      <c r="OI41" s="363">
        <v>24038</v>
      </c>
      <c r="OJ41" s="360">
        <v>48832</v>
      </c>
      <c r="OK41" s="361">
        <v>72870</v>
      </c>
      <c r="OL41" s="366">
        <v>0</v>
      </c>
      <c r="OM41" s="360">
        <v>250152</v>
      </c>
      <c r="ON41" s="360">
        <v>1378148</v>
      </c>
      <c r="OO41" s="360">
        <v>957785</v>
      </c>
      <c r="OP41" s="360">
        <v>796659</v>
      </c>
      <c r="OQ41" s="360">
        <v>936093</v>
      </c>
      <c r="OR41" s="364">
        <v>4318837</v>
      </c>
      <c r="OS41" s="369">
        <v>4391707</v>
      </c>
    </row>
    <row r="42" spans="2:409" s="137" customFormat="1" ht="21" customHeight="1" thickBot="1" x14ac:dyDescent="0.25">
      <c r="B42" s="422" t="s">
        <v>37</v>
      </c>
      <c r="C42" s="386">
        <v>0</v>
      </c>
      <c r="D42" s="387">
        <v>0</v>
      </c>
      <c r="E42" s="388">
        <v>0</v>
      </c>
      <c r="F42" s="389">
        <v>0</v>
      </c>
      <c r="G42" s="387">
        <v>0</v>
      </c>
      <c r="H42" s="387">
        <v>0</v>
      </c>
      <c r="I42" s="387">
        <v>0</v>
      </c>
      <c r="J42" s="387">
        <v>89123</v>
      </c>
      <c r="K42" s="387">
        <v>159835</v>
      </c>
      <c r="L42" s="389">
        <v>248958</v>
      </c>
      <c r="M42" s="390">
        <v>248958</v>
      </c>
      <c r="N42" s="386">
        <v>0</v>
      </c>
      <c r="O42" s="387">
        <v>0</v>
      </c>
      <c r="P42" s="388">
        <v>0</v>
      </c>
      <c r="Q42" s="386">
        <v>0</v>
      </c>
      <c r="R42" s="387">
        <v>0</v>
      </c>
      <c r="S42" s="387">
        <v>0</v>
      </c>
      <c r="T42" s="387">
        <v>0</v>
      </c>
      <c r="U42" s="387">
        <v>49319</v>
      </c>
      <c r="V42" s="387">
        <v>103087</v>
      </c>
      <c r="W42" s="388">
        <v>152406</v>
      </c>
      <c r="X42" s="390">
        <v>152406</v>
      </c>
      <c r="Y42" s="386">
        <v>0</v>
      </c>
      <c r="Z42" s="387">
        <v>0</v>
      </c>
      <c r="AA42" s="388">
        <v>0</v>
      </c>
      <c r="AB42" s="386">
        <v>0</v>
      </c>
      <c r="AC42" s="387">
        <v>0</v>
      </c>
      <c r="AD42" s="387">
        <v>0</v>
      </c>
      <c r="AE42" s="387">
        <v>0</v>
      </c>
      <c r="AF42" s="387">
        <v>0</v>
      </c>
      <c r="AG42" s="387">
        <v>59914</v>
      </c>
      <c r="AH42" s="388">
        <v>59914</v>
      </c>
      <c r="AI42" s="390">
        <v>59914</v>
      </c>
      <c r="AJ42" s="386">
        <v>0</v>
      </c>
      <c r="AK42" s="387">
        <v>0</v>
      </c>
      <c r="AL42" s="388">
        <v>0</v>
      </c>
      <c r="AM42" s="386">
        <v>0</v>
      </c>
      <c r="AN42" s="387">
        <v>0</v>
      </c>
      <c r="AO42" s="387">
        <v>0</v>
      </c>
      <c r="AP42" s="387">
        <v>0</v>
      </c>
      <c r="AQ42" s="387">
        <v>0</v>
      </c>
      <c r="AR42" s="387">
        <v>0</v>
      </c>
      <c r="AS42" s="388">
        <v>0</v>
      </c>
      <c r="AT42" s="390">
        <v>0</v>
      </c>
      <c r="AU42" s="386">
        <v>0</v>
      </c>
      <c r="AV42" s="387">
        <v>0</v>
      </c>
      <c r="AW42" s="388">
        <v>0</v>
      </c>
      <c r="AX42" s="386">
        <v>0</v>
      </c>
      <c r="AY42" s="387">
        <v>0</v>
      </c>
      <c r="AZ42" s="387">
        <v>0</v>
      </c>
      <c r="BA42" s="387">
        <v>0</v>
      </c>
      <c r="BB42" s="387">
        <v>49319</v>
      </c>
      <c r="BC42" s="387">
        <v>31763</v>
      </c>
      <c r="BD42" s="388">
        <v>81082</v>
      </c>
      <c r="BE42" s="390">
        <v>81082</v>
      </c>
      <c r="BF42" s="386">
        <v>0</v>
      </c>
      <c r="BG42" s="387">
        <v>0</v>
      </c>
      <c r="BH42" s="391">
        <v>0</v>
      </c>
      <c r="BI42" s="392">
        <v>0</v>
      </c>
      <c r="BJ42" s="387">
        <v>0</v>
      </c>
      <c r="BK42" s="387">
        <v>0</v>
      </c>
      <c r="BL42" s="387">
        <v>0</v>
      </c>
      <c r="BM42" s="387">
        <v>0</v>
      </c>
      <c r="BN42" s="387">
        <v>0</v>
      </c>
      <c r="BO42" s="388">
        <v>0</v>
      </c>
      <c r="BP42" s="390">
        <v>0</v>
      </c>
      <c r="BQ42" s="386">
        <v>0</v>
      </c>
      <c r="BR42" s="387">
        <v>0</v>
      </c>
      <c r="BS42" s="388">
        <v>0</v>
      </c>
      <c r="BT42" s="386">
        <v>0</v>
      </c>
      <c r="BU42" s="387">
        <v>0</v>
      </c>
      <c r="BV42" s="387">
        <v>0</v>
      </c>
      <c r="BW42" s="387">
        <v>0</v>
      </c>
      <c r="BX42" s="387">
        <v>0</v>
      </c>
      <c r="BY42" s="387">
        <v>11410</v>
      </c>
      <c r="BZ42" s="388">
        <v>11410</v>
      </c>
      <c r="CA42" s="390">
        <v>11410</v>
      </c>
      <c r="CB42" s="386">
        <v>0</v>
      </c>
      <c r="CC42" s="387">
        <v>0</v>
      </c>
      <c r="CD42" s="388">
        <v>0</v>
      </c>
      <c r="CE42" s="386">
        <v>0</v>
      </c>
      <c r="CF42" s="387">
        <v>0</v>
      </c>
      <c r="CG42" s="387">
        <v>0</v>
      </c>
      <c r="CH42" s="387">
        <v>0</v>
      </c>
      <c r="CI42" s="387">
        <v>25678</v>
      </c>
      <c r="CJ42" s="387">
        <v>0</v>
      </c>
      <c r="CK42" s="388">
        <v>25678</v>
      </c>
      <c r="CL42" s="390">
        <v>25678</v>
      </c>
      <c r="CM42" s="386">
        <v>0</v>
      </c>
      <c r="CN42" s="387">
        <v>0</v>
      </c>
      <c r="CO42" s="388">
        <v>0</v>
      </c>
      <c r="CP42" s="392">
        <v>0</v>
      </c>
      <c r="CQ42" s="387">
        <v>0</v>
      </c>
      <c r="CR42" s="387">
        <v>0</v>
      </c>
      <c r="CS42" s="387">
        <v>0</v>
      </c>
      <c r="CT42" s="387">
        <v>25678</v>
      </c>
      <c r="CU42" s="387">
        <v>0</v>
      </c>
      <c r="CV42" s="388">
        <v>25678</v>
      </c>
      <c r="CW42" s="390">
        <v>25678</v>
      </c>
      <c r="CX42" s="386">
        <v>0</v>
      </c>
      <c r="CY42" s="387">
        <v>0</v>
      </c>
      <c r="CZ42" s="388">
        <v>0</v>
      </c>
      <c r="DA42" s="386">
        <v>0</v>
      </c>
      <c r="DB42" s="387">
        <v>0</v>
      </c>
      <c r="DC42" s="387">
        <v>0</v>
      </c>
      <c r="DD42" s="387">
        <v>0</v>
      </c>
      <c r="DE42" s="387">
        <v>0</v>
      </c>
      <c r="DF42" s="387">
        <v>0</v>
      </c>
      <c r="DG42" s="388">
        <v>0</v>
      </c>
      <c r="DH42" s="390">
        <v>0</v>
      </c>
      <c r="DI42" s="386">
        <v>0</v>
      </c>
      <c r="DJ42" s="387">
        <v>0</v>
      </c>
      <c r="DK42" s="391">
        <v>0</v>
      </c>
      <c r="DL42" s="392">
        <v>0</v>
      </c>
      <c r="DM42" s="387">
        <v>0</v>
      </c>
      <c r="DN42" s="387">
        <v>0</v>
      </c>
      <c r="DO42" s="387">
        <v>0</v>
      </c>
      <c r="DP42" s="387">
        <v>0</v>
      </c>
      <c r="DQ42" s="387">
        <v>20488</v>
      </c>
      <c r="DR42" s="388">
        <v>20488</v>
      </c>
      <c r="DS42" s="390">
        <v>20488</v>
      </c>
      <c r="DT42" s="386">
        <v>0</v>
      </c>
      <c r="DU42" s="387">
        <v>0</v>
      </c>
      <c r="DV42" s="388">
        <v>0</v>
      </c>
      <c r="DW42" s="386">
        <v>0</v>
      </c>
      <c r="DX42" s="387">
        <v>0</v>
      </c>
      <c r="DY42" s="387">
        <v>0</v>
      </c>
      <c r="DZ42" s="387">
        <v>0</v>
      </c>
      <c r="EA42" s="387">
        <v>0</v>
      </c>
      <c r="EB42" s="387">
        <v>0</v>
      </c>
      <c r="EC42" s="388">
        <v>0</v>
      </c>
      <c r="ED42" s="390">
        <v>0</v>
      </c>
      <c r="EE42" s="386">
        <v>0</v>
      </c>
      <c r="EF42" s="391">
        <v>0</v>
      </c>
      <c r="EG42" s="388">
        <v>0</v>
      </c>
      <c r="EH42" s="386">
        <v>0</v>
      </c>
      <c r="EI42" s="387">
        <v>0</v>
      </c>
      <c r="EJ42" s="387">
        <v>0</v>
      </c>
      <c r="EK42" s="387">
        <v>0</v>
      </c>
      <c r="EL42" s="387">
        <v>0</v>
      </c>
      <c r="EM42" s="387">
        <v>20488</v>
      </c>
      <c r="EN42" s="391">
        <v>20488</v>
      </c>
      <c r="EO42" s="390">
        <v>20488</v>
      </c>
      <c r="EP42" s="386">
        <v>0</v>
      </c>
      <c r="EQ42" s="387">
        <v>0</v>
      </c>
      <c r="ER42" s="391">
        <v>0</v>
      </c>
      <c r="ES42" s="392">
        <v>0</v>
      </c>
      <c r="ET42" s="387">
        <v>0</v>
      </c>
      <c r="EU42" s="387">
        <v>0</v>
      </c>
      <c r="EV42" s="387">
        <v>0</v>
      </c>
      <c r="EW42" s="387">
        <v>0</v>
      </c>
      <c r="EX42" s="387">
        <v>0</v>
      </c>
      <c r="EY42" s="388">
        <v>0</v>
      </c>
      <c r="EZ42" s="390">
        <v>0</v>
      </c>
      <c r="FA42" s="386">
        <v>0</v>
      </c>
      <c r="FB42" s="387">
        <v>0</v>
      </c>
      <c r="FC42" s="391">
        <v>0</v>
      </c>
      <c r="FD42" s="437">
        <v>0</v>
      </c>
      <c r="FE42" s="387">
        <v>0</v>
      </c>
      <c r="FF42" s="387">
        <v>0</v>
      </c>
      <c r="FG42" s="387">
        <v>0</v>
      </c>
      <c r="FH42" s="387">
        <v>0</v>
      </c>
      <c r="FI42" s="387">
        <v>0</v>
      </c>
      <c r="FJ42" s="388">
        <v>0</v>
      </c>
      <c r="FK42" s="390">
        <v>0</v>
      </c>
      <c r="FL42" s="386">
        <v>0</v>
      </c>
      <c r="FM42" s="387">
        <v>0</v>
      </c>
      <c r="FN42" s="388">
        <v>0</v>
      </c>
      <c r="FO42" s="386">
        <v>0</v>
      </c>
      <c r="FP42" s="387">
        <v>0</v>
      </c>
      <c r="FQ42" s="387">
        <v>0</v>
      </c>
      <c r="FR42" s="387">
        <v>0</v>
      </c>
      <c r="FS42" s="387">
        <v>14126</v>
      </c>
      <c r="FT42" s="387">
        <v>36260</v>
      </c>
      <c r="FU42" s="388">
        <v>50386</v>
      </c>
      <c r="FV42" s="390">
        <v>50386</v>
      </c>
      <c r="FW42" s="393">
        <v>0</v>
      </c>
      <c r="FX42" s="387">
        <v>0</v>
      </c>
      <c r="FY42" s="391">
        <v>0</v>
      </c>
      <c r="FZ42" s="392">
        <v>0</v>
      </c>
      <c r="GA42" s="387">
        <v>0</v>
      </c>
      <c r="GB42" s="387">
        <v>0</v>
      </c>
      <c r="GC42" s="387">
        <v>0</v>
      </c>
      <c r="GD42" s="387">
        <v>14126</v>
      </c>
      <c r="GE42" s="387">
        <v>36260</v>
      </c>
      <c r="GF42" s="388">
        <v>50386</v>
      </c>
      <c r="GG42" s="394">
        <v>50386</v>
      </c>
      <c r="GH42" s="393">
        <v>0</v>
      </c>
      <c r="GI42" s="387">
        <v>0</v>
      </c>
      <c r="GJ42" s="391">
        <v>0</v>
      </c>
      <c r="GK42" s="392">
        <v>0</v>
      </c>
      <c r="GL42" s="387">
        <v>0</v>
      </c>
      <c r="GM42" s="387">
        <v>0</v>
      </c>
      <c r="GN42" s="387">
        <v>0</v>
      </c>
      <c r="GO42" s="387">
        <v>0</v>
      </c>
      <c r="GP42" s="387">
        <v>0</v>
      </c>
      <c r="GQ42" s="388">
        <v>0</v>
      </c>
      <c r="GR42" s="390">
        <v>0</v>
      </c>
      <c r="GS42" s="386">
        <v>0</v>
      </c>
      <c r="GT42" s="387">
        <v>0</v>
      </c>
      <c r="GU42" s="388">
        <v>0</v>
      </c>
      <c r="GV42" s="386">
        <v>0</v>
      </c>
      <c r="GW42" s="387">
        <v>0</v>
      </c>
      <c r="GX42" s="387">
        <v>0</v>
      </c>
      <c r="GY42" s="387">
        <v>0</v>
      </c>
      <c r="GZ42" s="387">
        <v>0</v>
      </c>
      <c r="HA42" s="387">
        <v>0</v>
      </c>
      <c r="HB42" s="391">
        <v>0</v>
      </c>
      <c r="HC42" s="390">
        <v>0</v>
      </c>
      <c r="HD42" s="386">
        <v>0</v>
      </c>
      <c r="HE42" s="387">
        <v>0</v>
      </c>
      <c r="HF42" s="391">
        <v>0</v>
      </c>
      <c r="HG42" s="392">
        <v>0</v>
      </c>
      <c r="HH42" s="387">
        <v>0</v>
      </c>
      <c r="HI42" s="387">
        <v>0</v>
      </c>
      <c r="HJ42" s="387">
        <v>0</v>
      </c>
      <c r="HK42" s="387">
        <v>0</v>
      </c>
      <c r="HL42" s="387">
        <v>0</v>
      </c>
      <c r="HM42" s="388">
        <v>0</v>
      </c>
      <c r="HN42" s="389">
        <v>0</v>
      </c>
      <c r="HO42" s="393">
        <v>0</v>
      </c>
      <c r="HP42" s="387">
        <v>0</v>
      </c>
      <c r="HQ42" s="388">
        <v>0</v>
      </c>
      <c r="HR42" s="386">
        <v>0</v>
      </c>
      <c r="HS42" s="387">
        <v>0</v>
      </c>
      <c r="HT42" s="387">
        <v>0</v>
      </c>
      <c r="HU42" s="387">
        <v>0</v>
      </c>
      <c r="HV42" s="387">
        <v>0</v>
      </c>
      <c r="HW42" s="387">
        <v>0</v>
      </c>
      <c r="HX42" s="391">
        <v>0</v>
      </c>
      <c r="HY42" s="390">
        <v>0</v>
      </c>
      <c r="HZ42" s="395">
        <v>0</v>
      </c>
      <c r="IA42" s="396">
        <v>0</v>
      </c>
      <c r="IB42" s="397">
        <v>0</v>
      </c>
      <c r="IC42" s="398">
        <v>0</v>
      </c>
      <c r="ID42" s="399">
        <v>0</v>
      </c>
      <c r="IE42" s="400">
        <v>0</v>
      </c>
      <c r="IF42" s="401">
        <v>0</v>
      </c>
      <c r="IG42" s="399">
        <v>0</v>
      </c>
      <c r="IH42" s="401">
        <v>134635</v>
      </c>
      <c r="II42" s="402">
        <v>134635</v>
      </c>
      <c r="IJ42" s="403">
        <v>134635</v>
      </c>
      <c r="IK42" s="404">
        <v>0</v>
      </c>
      <c r="IL42" s="405">
        <v>0</v>
      </c>
      <c r="IM42" s="406">
        <v>0</v>
      </c>
      <c r="IN42" s="437">
        <v>0</v>
      </c>
      <c r="IO42" s="407">
        <v>0</v>
      </c>
      <c r="IP42" s="407">
        <v>0</v>
      </c>
      <c r="IQ42" s="407">
        <v>0</v>
      </c>
      <c r="IR42" s="407">
        <v>0</v>
      </c>
      <c r="IS42" s="407">
        <v>0</v>
      </c>
      <c r="IT42" s="408">
        <v>0</v>
      </c>
      <c r="IU42" s="409">
        <v>0</v>
      </c>
      <c r="IV42" s="410">
        <v>0</v>
      </c>
      <c r="IW42" s="407">
        <v>0</v>
      </c>
      <c r="IX42" s="411">
        <v>0</v>
      </c>
      <c r="IY42" s="437">
        <v>0</v>
      </c>
      <c r="IZ42" s="407">
        <v>0</v>
      </c>
      <c r="JA42" s="407">
        <v>0</v>
      </c>
      <c r="JB42" s="407">
        <v>0</v>
      </c>
      <c r="JC42" s="407">
        <v>0</v>
      </c>
      <c r="JD42" s="407">
        <v>0</v>
      </c>
      <c r="JE42" s="411">
        <v>0</v>
      </c>
      <c r="JF42" s="412">
        <v>0</v>
      </c>
      <c r="JG42" s="410">
        <v>0</v>
      </c>
      <c r="JH42" s="407">
        <v>0</v>
      </c>
      <c r="JI42" s="408">
        <v>0</v>
      </c>
      <c r="JJ42" s="413">
        <v>0</v>
      </c>
      <c r="JK42" s="407">
        <v>0</v>
      </c>
      <c r="JL42" s="407">
        <v>0</v>
      </c>
      <c r="JM42" s="407">
        <v>0</v>
      </c>
      <c r="JN42" s="407">
        <v>0</v>
      </c>
      <c r="JO42" s="407">
        <v>134635</v>
      </c>
      <c r="JP42" s="411">
        <v>134635</v>
      </c>
      <c r="JQ42" s="409">
        <v>134635</v>
      </c>
      <c r="JR42" s="410">
        <v>0</v>
      </c>
      <c r="JS42" s="407">
        <v>0</v>
      </c>
      <c r="JT42" s="408">
        <v>0</v>
      </c>
      <c r="JU42" s="413">
        <v>0</v>
      </c>
      <c r="JV42" s="407">
        <v>0</v>
      </c>
      <c r="JW42" s="407">
        <v>0</v>
      </c>
      <c r="JX42" s="407">
        <v>0</v>
      </c>
      <c r="JY42" s="407">
        <v>0</v>
      </c>
      <c r="JZ42" s="407">
        <v>0</v>
      </c>
      <c r="KA42" s="411">
        <v>0</v>
      </c>
      <c r="KB42" s="409">
        <v>0</v>
      </c>
      <c r="KC42" s="414">
        <v>0</v>
      </c>
      <c r="KD42" s="415">
        <v>0</v>
      </c>
      <c r="KE42" s="411">
        <v>0</v>
      </c>
      <c r="KF42" s="413">
        <v>0</v>
      </c>
      <c r="KG42" s="407">
        <v>0</v>
      </c>
      <c r="KH42" s="407">
        <v>0</v>
      </c>
      <c r="KI42" s="407">
        <v>0</v>
      </c>
      <c r="KJ42" s="407">
        <v>0</v>
      </c>
      <c r="KK42" s="407">
        <v>0</v>
      </c>
      <c r="KL42" s="411">
        <v>0</v>
      </c>
      <c r="KM42" s="416">
        <v>0</v>
      </c>
      <c r="KN42" s="404">
        <v>0</v>
      </c>
      <c r="KO42" s="405">
        <v>0</v>
      </c>
      <c r="KP42" s="406">
        <v>0</v>
      </c>
      <c r="KQ42" s="437">
        <v>0</v>
      </c>
      <c r="KR42" s="407">
        <v>0</v>
      </c>
      <c r="KS42" s="407">
        <v>0</v>
      </c>
      <c r="KT42" s="407">
        <v>0</v>
      </c>
      <c r="KU42" s="407">
        <v>0</v>
      </c>
      <c r="KV42" s="407">
        <v>0</v>
      </c>
      <c r="KW42" s="411">
        <v>0</v>
      </c>
      <c r="KX42" s="409">
        <v>0</v>
      </c>
      <c r="KY42" s="410">
        <v>0</v>
      </c>
      <c r="KZ42" s="407">
        <v>0</v>
      </c>
      <c r="LA42" s="411">
        <v>0</v>
      </c>
      <c r="LB42" s="437">
        <v>0</v>
      </c>
      <c r="LC42" s="407">
        <v>0</v>
      </c>
      <c r="LD42" s="407">
        <v>0</v>
      </c>
      <c r="LE42" s="407">
        <v>0</v>
      </c>
      <c r="LF42" s="407">
        <v>0</v>
      </c>
      <c r="LG42" s="407">
        <v>0</v>
      </c>
      <c r="LH42" s="411">
        <v>0</v>
      </c>
      <c r="LI42" s="412">
        <v>0</v>
      </c>
      <c r="LJ42" s="410">
        <v>0</v>
      </c>
      <c r="LK42" s="407">
        <v>0</v>
      </c>
      <c r="LL42" s="411">
        <v>0</v>
      </c>
      <c r="LM42" s="437">
        <v>0</v>
      </c>
      <c r="LN42" s="407">
        <v>0</v>
      </c>
      <c r="LO42" s="407">
        <v>0</v>
      </c>
      <c r="LP42" s="407">
        <v>0</v>
      </c>
      <c r="LQ42" s="407">
        <v>0</v>
      </c>
      <c r="LR42" s="407">
        <v>0</v>
      </c>
      <c r="LS42" s="411">
        <v>0</v>
      </c>
      <c r="LT42" s="409">
        <v>0</v>
      </c>
      <c r="LU42" s="410">
        <v>0</v>
      </c>
      <c r="LV42" s="407">
        <v>0</v>
      </c>
      <c r="LW42" s="411">
        <v>0</v>
      </c>
      <c r="LX42" s="437">
        <v>0</v>
      </c>
      <c r="LY42" s="407">
        <v>0</v>
      </c>
      <c r="LZ42" s="407">
        <v>0</v>
      </c>
      <c r="MA42" s="407">
        <v>0</v>
      </c>
      <c r="MB42" s="407">
        <v>0</v>
      </c>
      <c r="MC42" s="407">
        <v>0</v>
      </c>
      <c r="MD42" s="411">
        <v>0</v>
      </c>
      <c r="ME42" s="412">
        <v>0</v>
      </c>
      <c r="MF42" s="410">
        <v>0</v>
      </c>
      <c r="MG42" s="407">
        <v>0</v>
      </c>
      <c r="MH42" s="411">
        <v>0</v>
      </c>
      <c r="MI42" s="437">
        <v>0</v>
      </c>
      <c r="MJ42" s="407">
        <v>0</v>
      </c>
      <c r="MK42" s="407">
        <v>0</v>
      </c>
      <c r="ML42" s="407">
        <v>0</v>
      </c>
      <c r="MM42" s="407">
        <v>0</v>
      </c>
      <c r="MN42" s="407">
        <v>0</v>
      </c>
      <c r="MO42" s="411">
        <v>0</v>
      </c>
      <c r="MP42" s="416">
        <v>0</v>
      </c>
      <c r="MQ42" s="410">
        <v>0</v>
      </c>
      <c r="MR42" s="407">
        <v>0</v>
      </c>
      <c r="MS42" s="411">
        <v>0</v>
      </c>
      <c r="MT42" s="437">
        <v>0</v>
      </c>
      <c r="MU42" s="407">
        <v>0</v>
      </c>
      <c r="MV42" s="407">
        <v>0</v>
      </c>
      <c r="MW42" s="407">
        <v>0</v>
      </c>
      <c r="MX42" s="407">
        <v>0</v>
      </c>
      <c r="MY42" s="407">
        <v>0</v>
      </c>
      <c r="MZ42" s="411">
        <v>0</v>
      </c>
      <c r="NA42" s="416">
        <v>0</v>
      </c>
      <c r="NB42" s="410">
        <v>0</v>
      </c>
      <c r="NC42" s="407">
        <v>0</v>
      </c>
      <c r="ND42" s="411">
        <v>0</v>
      </c>
      <c r="NE42" s="437">
        <v>0</v>
      </c>
      <c r="NF42" s="407">
        <v>0</v>
      </c>
      <c r="NG42" s="407">
        <v>0</v>
      </c>
      <c r="NH42" s="407">
        <v>0</v>
      </c>
      <c r="NI42" s="407">
        <v>0</v>
      </c>
      <c r="NJ42" s="407">
        <v>0</v>
      </c>
      <c r="NK42" s="411">
        <v>0</v>
      </c>
      <c r="NL42" s="409">
        <v>0</v>
      </c>
      <c r="NM42" s="410">
        <v>0</v>
      </c>
      <c r="NN42" s="407">
        <v>0</v>
      </c>
      <c r="NO42" s="411">
        <v>0</v>
      </c>
      <c r="NP42" s="437">
        <v>0</v>
      </c>
      <c r="NQ42" s="407">
        <v>0</v>
      </c>
      <c r="NR42" s="407">
        <v>0</v>
      </c>
      <c r="NS42" s="407">
        <v>0</v>
      </c>
      <c r="NT42" s="407">
        <v>0</v>
      </c>
      <c r="NU42" s="407">
        <v>0</v>
      </c>
      <c r="NV42" s="411">
        <v>0</v>
      </c>
      <c r="NW42" s="412">
        <v>0</v>
      </c>
      <c r="NX42" s="410">
        <v>0</v>
      </c>
      <c r="NY42" s="407">
        <v>0</v>
      </c>
      <c r="NZ42" s="411">
        <v>0</v>
      </c>
      <c r="OA42" s="437">
        <v>0</v>
      </c>
      <c r="OB42" s="407">
        <v>0</v>
      </c>
      <c r="OC42" s="407">
        <v>0</v>
      </c>
      <c r="OD42" s="407">
        <v>0</v>
      </c>
      <c r="OE42" s="407">
        <v>0</v>
      </c>
      <c r="OF42" s="407">
        <v>0</v>
      </c>
      <c r="OG42" s="411">
        <v>0</v>
      </c>
      <c r="OH42" s="412">
        <v>0</v>
      </c>
      <c r="OI42" s="410">
        <v>0</v>
      </c>
      <c r="OJ42" s="407">
        <v>0</v>
      </c>
      <c r="OK42" s="408">
        <v>0</v>
      </c>
      <c r="OL42" s="413">
        <v>0</v>
      </c>
      <c r="OM42" s="407">
        <v>0</v>
      </c>
      <c r="ON42" s="407">
        <v>0</v>
      </c>
      <c r="OO42" s="407">
        <v>0</v>
      </c>
      <c r="OP42" s="407">
        <v>89123</v>
      </c>
      <c r="OQ42" s="407">
        <v>294470</v>
      </c>
      <c r="OR42" s="411">
        <v>383593</v>
      </c>
      <c r="OS42" s="416">
        <v>383593</v>
      </c>
    </row>
    <row r="43" spans="2:409" x14ac:dyDescent="0.2">
      <c r="B43" s="138"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138" customWidth="1"/>
    <col min="2" max="2" width="9.77734375" style="138" customWidth="1"/>
    <col min="3" max="4" width="9.21875" style="138" bestFit="1" customWidth="1"/>
    <col min="5" max="5" width="10.77734375" style="138" bestFit="1" customWidth="1"/>
    <col min="6" max="6" width="7.88671875" style="138" customWidth="1"/>
    <col min="7" max="11" width="10.44140625" style="138" bestFit="1" customWidth="1"/>
    <col min="12" max="13" width="11.6640625" style="138" bestFit="1" customWidth="1"/>
    <col min="14" max="16" width="9.21875" style="138" bestFit="1" customWidth="1"/>
    <col min="17" max="17" width="7.44140625" style="138" customWidth="1"/>
    <col min="18" max="18" width="9.21875" style="138" bestFit="1" customWidth="1"/>
    <col min="19" max="22" width="10.44140625" style="138" bestFit="1" customWidth="1"/>
    <col min="23" max="24" width="11.6640625" style="138" bestFit="1" customWidth="1"/>
    <col min="25" max="27" width="9.109375" style="138" bestFit="1" customWidth="1"/>
    <col min="28" max="28" width="7" style="138" customWidth="1"/>
    <col min="29" max="30" width="9.109375" style="138" bestFit="1" customWidth="1"/>
    <col min="31" max="32" width="9.6640625" style="138" bestFit="1" customWidth="1"/>
    <col min="33" max="33" width="9.109375" style="138" bestFit="1" customWidth="1"/>
    <col min="34" max="35" width="9.6640625" style="138" bestFit="1" customWidth="1"/>
    <col min="36" max="38" width="9.109375" style="138" bestFit="1" customWidth="1"/>
    <col min="39" max="39" width="7.33203125" style="138" customWidth="1"/>
    <col min="40" max="49" width="9.109375" style="138" bestFit="1" customWidth="1"/>
    <col min="50" max="50" width="7.33203125" style="138" customWidth="1"/>
    <col min="51" max="60" width="9.109375" style="138" bestFit="1" customWidth="1"/>
    <col min="61" max="61" width="7.77734375" style="138" customWidth="1"/>
    <col min="62" max="71" width="9.109375" style="138" bestFit="1" customWidth="1"/>
    <col min="72" max="72" width="7.77734375" style="138" customWidth="1"/>
    <col min="73" max="77" width="9.109375" style="138" bestFit="1" customWidth="1"/>
    <col min="78" max="79" width="9.6640625" style="138" bestFit="1" customWidth="1"/>
    <col min="80" max="82" width="9.109375" style="138" bestFit="1" customWidth="1"/>
    <col min="83" max="83" width="7.88671875" style="138" customWidth="1"/>
    <col min="84" max="93" width="9.109375" style="138" bestFit="1" customWidth="1"/>
    <col min="94" max="94" width="8" style="138" customWidth="1"/>
    <col min="95" max="104" width="9.109375" style="138" bestFit="1" customWidth="1"/>
    <col min="105" max="105" width="8" style="138" customWidth="1"/>
    <col min="106" max="115" width="9.109375" style="138" bestFit="1" customWidth="1"/>
    <col min="116" max="116" width="7.6640625" style="138" customWidth="1"/>
    <col min="117" max="117" width="9.109375" style="138" bestFit="1" customWidth="1"/>
    <col min="118" max="121" width="9.6640625" style="138" bestFit="1" customWidth="1"/>
    <col min="122" max="123" width="10.6640625" style="138" bestFit="1" customWidth="1"/>
    <col min="124" max="126" width="9.109375" style="138" bestFit="1" customWidth="1"/>
    <col min="127" max="127" width="7.44140625" style="138" customWidth="1"/>
    <col min="128" max="129" width="9.109375" style="138" bestFit="1" customWidth="1"/>
    <col min="130" max="134" width="9.6640625" style="138" bestFit="1" customWidth="1"/>
    <col min="135" max="137" width="9.109375" style="138" bestFit="1" customWidth="1"/>
    <col min="138" max="138" width="7.6640625" style="138" customWidth="1"/>
    <col min="139" max="148" width="9.109375" style="138" bestFit="1" customWidth="1"/>
    <col min="149" max="149" width="7.77734375" style="138" customWidth="1"/>
    <col min="150" max="159" width="9.109375" style="138" bestFit="1" customWidth="1"/>
    <col min="160" max="160" width="7.77734375" style="138" customWidth="1"/>
    <col min="161" max="170" width="9.109375" style="138" bestFit="1" customWidth="1"/>
    <col min="171" max="171" width="7.33203125" style="138" customWidth="1"/>
    <col min="172" max="181" width="9.109375" style="138" bestFit="1" customWidth="1"/>
    <col min="182" max="182" width="8" style="138" customWidth="1"/>
    <col min="183" max="188" width="9.109375" style="138" bestFit="1" customWidth="1"/>
    <col min="189" max="189" width="9.6640625" style="138" bestFit="1" customWidth="1"/>
    <col min="190" max="192" width="9.109375" style="138" bestFit="1" customWidth="1"/>
    <col min="193" max="193" width="7.44140625" style="138" customWidth="1"/>
    <col min="194" max="203" width="9.109375" style="138" bestFit="1" customWidth="1"/>
    <col min="204" max="204" width="7.88671875" style="138" customWidth="1"/>
    <col min="205" max="214" width="9.109375" style="138" bestFit="1" customWidth="1"/>
    <col min="215" max="215" width="7.88671875" style="138" customWidth="1"/>
    <col min="216" max="225" width="9.109375" style="138" bestFit="1" customWidth="1"/>
    <col min="226" max="226" width="7.6640625" style="138" customWidth="1"/>
    <col min="227" max="229" width="9.6640625" style="138" bestFit="1" customWidth="1"/>
    <col min="230" max="230" width="10.6640625" style="138" bestFit="1" customWidth="1"/>
    <col min="231" max="231" width="9.6640625" style="138" bestFit="1" customWidth="1"/>
    <col min="232" max="233" width="10.6640625" style="138" bestFit="1" customWidth="1"/>
    <col min="234" max="16384" width="9" style="138"/>
  </cols>
  <sheetData>
    <row r="1" spans="2:233" ht="24" customHeight="1" x14ac:dyDescent="0.2">
      <c r="B1" s="10" t="s">
        <v>160</v>
      </c>
      <c r="C1" s="263"/>
      <c r="D1" s="263"/>
      <c r="E1" s="127">
        <f>第１表!F2</f>
        <v>6</v>
      </c>
      <c r="F1" s="128">
        <f>第１表!G2</f>
        <v>4</v>
      </c>
      <c r="G1" s="605">
        <f>IF(F1&lt;3,F1-2+12,F1-2)</f>
        <v>2</v>
      </c>
      <c r="H1" s="605"/>
      <c r="L1" s="263"/>
      <c r="CL1" s="263"/>
      <c r="CM1" s="263"/>
      <c r="CN1" s="263"/>
      <c r="CO1" s="263"/>
      <c r="CP1" s="263"/>
      <c r="CQ1" s="263"/>
      <c r="CR1" s="263"/>
      <c r="CS1" s="263"/>
      <c r="CT1" s="263"/>
      <c r="CU1" s="263"/>
      <c r="CV1" s="263"/>
      <c r="CW1" s="263"/>
      <c r="CX1" s="263"/>
      <c r="CY1" s="263"/>
      <c r="CZ1" s="263"/>
      <c r="DA1" s="263"/>
      <c r="DB1" s="263"/>
      <c r="DC1" s="263"/>
      <c r="DD1" s="263"/>
      <c r="DE1" s="263"/>
      <c r="DF1" s="263"/>
      <c r="DG1" s="263"/>
      <c r="DH1" s="263"/>
      <c r="DI1" s="263"/>
      <c r="DJ1" s="263"/>
      <c r="DK1" s="263"/>
      <c r="DL1" s="263"/>
      <c r="DM1" s="263"/>
      <c r="DN1" s="263"/>
      <c r="DO1" s="263"/>
      <c r="DP1" s="263"/>
      <c r="DQ1" s="263"/>
      <c r="DR1" s="263"/>
      <c r="DS1" s="263"/>
      <c r="DT1" s="263"/>
      <c r="DU1" s="263"/>
      <c r="DV1" s="263"/>
      <c r="DW1" s="263"/>
      <c r="DX1" s="263"/>
      <c r="DY1" s="263"/>
      <c r="DZ1" s="263"/>
      <c r="EA1" s="263"/>
      <c r="EB1" s="263"/>
      <c r="EC1" s="263"/>
    </row>
    <row r="2" spans="2:233" ht="24" customHeight="1" thickBot="1" x14ac:dyDescent="0.25">
      <c r="B2" s="10" t="s">
        <v>161</v>
      </c>
    </row>
    <row r="3" spans="2:233" ht="21" customHeight="1" thickBot="1" x14ac:dyDescent="0.25">
      <c r="B3" s="609"/>
      <c r="C3" s="447" t="s">
        <v>115</v>
      </c>
      <c r="D3" s="448"/>
      <c r="E3" s="448"/>
      <c r="F3" s="448"/>
      <c r="G3" s="448"/>
      <c r="H3" s="448"/>
      <c r="I3" s="448"/>
      <c r="J3" s="448"/>
      <c r="K3" s="448"/>
      <c r="L3" s="448"/>
      <c r="M3" s="448"/>
      <c r="N3" s="445"/>
      <c r="O3" s="445"/>
      <c r="P3" s="445"/>
      <c r="Q3" s="445"/>
      <c r="R3" s="445"/>
      <c r="S3" s="445"/>
      <c r="T3" s="445"/>
      <c r="U3" s="445"/>
      <c r="V3" s="445"/>
      <c r="W3" s="445"/>
      <c r="X3" s="445"/>
      <c r="Y3" s="445"/>
      <c r="Z3" s="445"/>
      <c r="AA3" s="445"/>
      <c r="AB3" s="445"/>
      <c r="AC3" s="445"/>
      <c r="AD3" s="445"/>
      <c r="AE3" s="445"/>
      <c r="AF3" s="445"/>
      <c r="AG3" s="445"/>
      <c r="AH3" s="445"/>
      <c r="AI3" s="445"/>
      <c r="AJ3" s="445"/>
      <c r="AK3" s="445"/>
      <c r="AL3" s="445"/>
      <c r="AM3" s="445"/>
      <c r="AN3" s="445"/>
      <c r="AO3" s="445"/>
      <c r="AP3" s="445"/>
      <c r="AQ3" s="445"/>
      <c r="AR3" s="445"/>
      <c r="AS3" s="445"/>
      <c r="AT3" s="445"/>
      <c r="AU3" s="445"/>
      <c r="AV3" s="445"/>
      <c r="AW3" s="445"/>
      <c r="AX3" s="445"/>
      <c r="AY3" s="445"/>
      <c r="AZ3" s="445"/>
      <c r="BA3" s="445"/>
      <c r="BB3" s="445"/>
      <c r="BC3" s="445"/>
      <c r="BD3" s="445"/>
      <c r="BE3" s="445"/>
      <c r="BF3" s="445"/>
      <c r="BG3" s="445"/>
      <c r="BH3" s="445"/>
      <c r="BI3" s="445"/>
      <c r="BJ3" s="445"/>
      <c r="BK3" s="445"/>
      <c r="BL3" s="445"/>
      <c r="BM3" s="445"/>
      <c r="BN3" s="445"/>
      <c r="BO3" s="445"/>
      <c r="BP3" s="445"/>
      <c r="BQ3" s="445"/>
      <c r="BR3" s="445"/>
      <c r="BS3" s="445"/>
      <c r="BT3" s="445"/>
      <c r="BU3" s="445"/>
      <c r="BV3" s="445"/>
      <c r="BW3" s="445"/>
      <c r="BX3" s="445"/>
      <c r="BY3" s="445"/>
      <c r="BZ3" s="445"/>
      <c r="CA3" s="445"/>
      <c r="CB3" s="445"/>
      <c r="CC3" s="445"/>
      <c r="CD3" s="445"/>
      <c r="CE3" s="445"/>
      <c r="CF3" s="445"/>
      <c r="CG3" s="445"/>
      <c r="CH3" s="445"/>
      <c r="CI3" s="445"/>
      <c r="CJ3" s="445"/>
      <c r="CK3" s="445"/>
      <c r="CL3" s="445"/>
      <c r="CM3" s="445"/>
      <c r="CN3" s="445"/>
      <c r="CO3" s="445"/>
      <c r="CP3" s="445"/>
      <c r="CQ3" s="445"/>
      <c r="CR3" s="445"/>
      <c r="CS3" s="445"/>
      <c r="CT3" s="445"/>
      <c r="CU3" s="445"/>
      <c r="CV3" s="445"/>
      <c r="CW3" s="445"/>
      <c r="CX3" s="445"/>
      <c r="CY3" s="445"/>
      <c r="CZ3" s="445"/>
      <c r="DA3" s="445"/>
      <c r="DB3" s="445"/>
      <c r="DC3" s="445"/>
      <c r="DD3" s="445"/>
      <c r="DE3" s="445"/>
      <c r="DF3" s="445"/>
      <c r="DG3" s="445"/>
      <c r="DH3" s="446"/>
      <c r="DI3" s="447" t="s">
        <v>117</v>
      </c>
      <c r="DJ3" s="448"/>
      <c r="DK3" s="448"/>
      <c r="DL3" s="448"/>
      <c r="DM3" s="448"/>
      <c r="DN3" s="448"/>
      <c r="DO3" s="448"/>
      <c r="DP3" s="448"/>
      <c r="DQ3" s="448"/>
      <c r="DR3" s="448"/>
      <c r="DS3" s="448"/>
      <c r="DT3" s="448"/>
      <c r="DU3" s="448"/>
      <c r="DV3" s="448"/>
      <c r="DW3" s="448"/>
      <c r="DX3" s="448"/>
      <c r="DY3" s="448"/>
      <c r="DZ3" s="448"/>
      <c r="EA3" s="448"/>
      <c r="EB3" s="448"/>
      <c r="EC3" s="448"/>
      <c r="ED3" s="448"/>
      <c r="EE3" s="448"/>
      <c r="EF3" s="448"/>
      <c r="EG3" s="448"/>
      <c r="EH3" s="448"/>
      <c r="EI3" s="448"/>
      <c r="EJ3" s="448"/>
      <c r="EK3" s="448"/>
      <c r="EL3" s="448"/>
      <c r="EM3" s="448"/>
      <c r="EN3" s="448"/>
      <c r="EO3" s="448"/>
      <c r="EP3" s="448"/>
      <c r="EQ3" s="448"/>
      <c r="ER3" s="448"/>
      <c r="ES3" s="448"/>
      <c r="ET3" s="448"/>
      <c r="EU3" s="448"/>
      <c r="EV3" s="448"/>
      <c r="EW3" s="448"/>
      <c r="EX3" s="448"/>
      <c r="EY3" s="448"/>
      <c r="EZ3" s="448"/>
      <c r="FA3" s="448"/>
      <c r="FB3" s="448"/>
      <c r="FC3" s="448"/>
      <c r="FD3" s="448"/>
      <c r="FE3" s="448"/>
      <c r="FF3" s="448"/>
      <c r="FG3" s="448"/>
      <c r="FH3" s="448"/>
      <c r="FI3" s="448"/>
      <c r="FJ3" s="448"/>
      <c r="FK3" s="448"/>
      <c r="FL3" s="448"/>
      <c r="FM3" s="448"/>
      <c r="FN3" s="448"/>
      <c r="FO3" s="448"/>
      <c r="FP3" s="448"/>
      <c r="FQ3" s="448"/>
      <c r="FR3" s="448"/>
      <c r="FS3" s="448"/>
      <c r="FT3" s="448"/>
      <c r="FU3" s="448"/>
      <c r="FV3" s="448"/>
      <c r="FW3" s="448"/>
      <c r="FX3" s="448"/>
      <c r="FY3" s="448"/>
      <c r="FZ3" s="448"/>
      <c r="GA3" s="448"/>
      <c r="GB3" s="448"/>
      <c r="GC3" s="448"/>
      <c r="GD3" s="448"/>
      <c r="GE3" s="448"/>
      <c r="GF3" s="448"/>
      <c r="GG3" s="448"/>
      <c r="GH3" s="448"/>
      <c r="GI3" s="448"/>
      <c r="GJ3" s="448"/>
      <c r="GK3" s="448"/>
      <c r="GL3" s="448"/>
      <c r="GM3" s="448"/>
      <c r="GN3" s="448"/>
      <c r="GO3" s="448"/>
      <c r="GP3" s="448"/>
      <c r="GQ3" s="448"/>
      <c r="GR3" s="448"/>
      <c r="GS3" s="448"/>
      <c r="GT3" s="448"/>
      <c r="GU3" s="448"/>
      <c r="GV3" s="448"/>
      <c r="GW3" s="448"/>
      <c r="GX3" s="448"/>
      <c r="GY3" s="448"/>
      <c r="GZ3" s="448"/>
      <c r="HA3" s="448"/>
      <c r="HB3" s="448"/>
      <c r="HC3" s="448"/>
      <c r="HD3" s="448"/>
      <c r="HE3" s="448"/>
      <c r="HF3" s="448"/>
      <c r="HG3" s="448"/>
      <c r="HH3" s="448"/>
      <c r="HI3" s="448"/>
      <c r="HJ3" s="448"/>
      <c r="HK3" s="448"/>
      <c r="HL3" s="448"/>
      <c r="HM3" s="448"/>
      <c r="HN3" s="449"/>
      <c r="HO3" s="596" t="s">
        <v>60</v>
      </c>
      <c r="HP3" s="597"/>
      <c r="HQ3" s="597"/>
      <c r="HR3" s="597"/>
      <c r="HS3" s="597"/>
      <c r="HT3" s="597"/>
      <c r="HU3" s="597"/>
      <c r="HV3" s="597"/>
      <c r="HW3" s="597"/>
      <c r="HX3" s="597"/>
      <c r="HY3" s="598"/>
    </row>
    <row r="4" spans="2:233" ht="21" customHeight="1" thickBot="1" x14ac:dyDescent="0.25">
      <c r="B4" s="603"/>
      <c r="C4" s="551"/>
      <c r="D4" s="545"/>
      <c r="E4" s="545"/>
      <c r="F4" s="545"/>
      <c r="G4" s="545"/>
      <c r="H4" s="545"/>
      <c r="I4" s="545"/>
      <c r="J4" s="545"/>
      <c r="K4" s="545"/>
      <c r="L4" s="545"/>
      <c r="M4" s="611"/>
      <c r="N4" s="606" t="s">
        <v>57</v>
      </c>
      <c r="O4" s="607"/>
      <c r="P4" s="607"/>
      <c r="Q4" s="607"/>
      <c r="R4" s="607"/>
      <c r="S4" s="607"/>
      <c r="T4" s="607"/>
      <c r="U4" s="607"/>
      <c r="V4" s="607"/>
      <c r="W4" s="607"/>
      <c r="X4" s="608"/>
      <c r="Y4" s="606" t="s">
        <v>58</v>
      </c>
      <c r="Z4" s="607"/>
      <c r="AA4" s="607"/>
      <c r="AB4" s="607"/>
      <c r="AC4" s="607"/>
      <c r="AD4" s="607"/>
      <c r="AE4" s="607"/>
      <c r="AF4" s="607"/>
      <c r="AG4" s="607"/>
      <c r="AH4" s="607"/>
      <c r="AI4" s="608"/>
      <c r="AJ4" s="606" t="s">
        <v>59</v>
      </c>
      <c r="AK4" s="607"/>
      <c r="AL4" s="607"/>
      <c r="AM4" s="607"/>
      <c r="AN4" s="607"/>
      <c r="AO4" s="607"/>
      <c r="AP4" s="607"/>
      <c r="AQ4" s="607"/>
      <c r="AR4" s="607"/>
      <c r="AS4" s="607"/>
      <c r="AT4" s="608"/>
      <c r="AU4" s="606" t="s">
        <v>148</v>
      </c>
      <c r="AV4" s="607"/>
      <c r="AW4" s="607"/>
      <c r="AX4" s="607"/>
      <c r="AY4" s="607"/>
      <c r="AZ4" s="607"/>
      <c r="BA4" s="607"/>
      <c r="BB4" s="607"/>
      <c r="BC4" s="607"/>
      <c r="BD4" s="607"/>
      <c r="BE4" s="608"/>
      <c r="BF4" s="606" t="s">
        <v>116</v>
      </c>
      <c r="BG4" s="607"/>
      <c r="BH4" s="607"/>
      <c r="BI4" s="607"/>
      <c r="BJ4" s="607"/>
      <c r="BK4" s="607"/>
      <c r="BL4" s="607"/>
      <c r="BM4" s="607"/>
      <c r="BN4" s="607"/>
      <c r="BO4" s="607"/>
      <c r="BP4" s="608"/>
      <c r="BQ4" s="606" t="s">
        <v>77</v>
      </c>
      <c r="BR4" s="607"/>
      <c r="BS4" s="607"/>
      <c r="BT4" s="607"/>
      <c r="BU4" s="607"/>
      <c r="BV4" s="607"/>
      <c r="BW4" s="607"/>
      <c r="BX4" s="607"/>
      <c r="BY4" s="607"/>
      <c r="BZ4" s="607"/>
      <c r="CA4" s="608"/>
      <c r="CB4" s="606" t="s">
        <v>78</v>
      </c>
      <c r="CC4" s="607"/>
      <c r="CD4" s="607"/>
      <c r="CE4" s="607"/>
      <c r="CF4" s="607"/>
      <c r="CG4" s="607"/>
      <c r="CH4" s="607"/>
      <c r="CI4" s="607"/>
      <c r="CJ4" s="607"/>
      <c r="CK4" s="607"/>
      <c r="CL4" s="608"/>
      <c r="CM4" s="606" t="s">
        <v>79</v>
      </c>
      <c r="CN4" s="607"/>
      <c r="CO4" s="607"/>
      <c r="CP4" s="607"/>
      <c r="CQ4" s="607"/>
      <c r="CR4" s="607"/>
      <c r="CS4" s="607"/>
      <c r="CT4" s="607"/>
      <c r="CU4" s="607"/>
      <c r="CV4" s="607"/>
      <c r="CW4" s="608"/>
      <c r="CX4" s="606" t="s">
        <v>149</v>
      </c>
      <c r="CY4" s="607"/>
      <c r="CZ4" s="607"/>
      <c r="DA4" s="607"/>
      <c r="DB4" s="607"/>
      <c r="DC4" s="607"/>
      <c r="DD4" s="607"/>
      <c r="DE4" s="607"/>
      <c r="DF4" s="607"/>
      <c r="DG4" s="607"/>
      <c r="DH4" s="608"/>
      <c r="DI4" s="551"/>
      <c r="DJ4" s="545"/>
      <c r="DK4" s="545"/>
      <c r="DL4" s="545"/>
      <c r="DM4" s="545"/>
      <c r="DN4" s="545"/>
      <c r="DO4" s="545"/>
      <c r="DP4" s="545"/>
      <c r="DQ4" s="545"/>
      <c r="DR4" s="545"/>
      <c r="DS4" s="546"/>
      <c r="DT4" s="606" t="s">
        <v>57</v>
      </c>
      <c r="DU4" s="607"/>
      <c r="DV4" s="607"/>
      <c r="DW4" s="607"/>
      <c r="DX4" s="607"/>
      <c r="DY4" s="607"/>
      <c r="DZ4" s="607"/>
      <c r="EA4" s="607"/>
      <c r="EB4" s="607"/>
      <c r="EC4" s="607"/>
      <c r="ED4" s="608"/>
      <c r="EE4" s="606" t="s">
        <v>58</v>
      </c>
      <c r="EF4" s="607"/>
      <c r="EG4" s="607"/>
      <c r="EH4" s="607"/>
      <c r="EI4" s="607"/>
      <c r="EJ4" s="607"/>
      <c r="EK4" s="607"/>
      <c r="EL4" s="607"/>
      <c r="EM4" s="607"/>
      <c r="EN4" s="607"/>
      <c r="EO4" s="608"/>
      <c r="EP4" s="606" t="s">
        <v>59</v>
      </c>
      <c r="EQ4" s="607"/>
      <c r="ER4" s="607"/>
      <c r="ES4" s="607"/>
      <c r="ET4" s="607"/>
      <c r="EU4" s="607"/>
      <c r="EV4" s="607"/>
      <c r="EW4" s="607"/>
      <c r="EX4" s="607"/>
      <c r="EY4" s="607"/>
      <c r="EZ4" s="608"/>
      <c r="FA4" s="606" t="s">
        <v>148</v>
      </c>
      <c r="FB4" s="607"/>
      <c r="FC4" s="607"/>
      <c r="FD4" s="607"/>
      <c r="FE4" s="607"/>
      <c r="FF4" s="607"/>
      <c r="FG4" s="607"/>
      <c r="FH4" s="607"/>
      <c r="FI4" s="607"/>
      <c r="FJ4" s="607"/>
      <c r="FK4" s="608"/>
      <c r="FL4" s="606" t="s">
        <v>116</v>
      </c>
      <c r="FM4" s="607"/>
      <c r="FN4" s="607"/>
      <c r="FO4" s="607"/>
      <c r="FP4" s="607"/>
      <c r="FQ4" s="607"/>
      <c r="FR4" s="607"/>
      <c r="FS4" s="607"/>
      <c r="FT4" s="607"/>
      <c r="FU4" s="607"/>
      <c r="FV4" s="608"/>
      <c r="FW4" s="606" t="s">
        <v>77</v>
      </c>
      <c r="FX4" s="607"/>
      <c r="FY4" s="607"/>
      <c r="FZ4" s="607"/>
      <c r="GA4" s="607"/>
      <c r="GB4" s="607"/>
      <c r="GC4" s="607"/>
      <c r="GD4" s="607"/>
      <c r="GE4" s="607"/>
      <c r="GF4" s="607"/>
      <c r="GG4" s="608"/>
      <c r="GH4" s="606" t="s">
        <v>78</v>
      </c>
      <c r="GI4" s="607"/>
      <c r="GJ4" s="607"/>
      <c r="GK4" s="607"/>
      <c r="GL4" s="607"/>
      <c r="GM4" s="607"/>
      <c r="GN4" s="607"/>
      <c r="GO4" s="607"/>
      <c r="GP4" s="607"/>
      <c r="GQ4" s="607"/>
      <c r="GR4" s="608"/>
      <c r="GS4" s="606" t="s">
        <v>79</v>
      </c>
      <c r="GT4" s="607"/>
      <c r="GU4" s="607"/>
      <c r="GV4" s="607"/>
      <c r="GW4" s="607"/>
      <c r="GX4" s="607"/>
      <c r="GY4" s="607"/>
      <c r="GZ4" s="607"/>
      <c r="HA4" s="607"/>
      <c r="HB4" s="607"/>
      <c r="HC4" s="608"/>
      <c r="HD4" s="606" t="s">
        <v>149</v>
      </c>
      <c r="HE4" s="607"/>
      <c r="HF4" s="607"/>
      <c r="HG4" s="607"/>
      <c r="HH4" s="607"/>
      <c r="HI4" s="607"/>
      <c r="HJ4" s="607"/>
      <c r="HK4" s="607"/>
      <c r="HL4" s="607"/>
      <c r="HM4" s="607"/>
      <c r="HN4" s="608"/>
      <c r="HO4" s="599"/>
      <c r="HP4" s="600"/>
      <c r="HQ4" s="600"/>
      <c r="HR4" s="600"/>
      <c r="HS4" s="600"/>
      <c r="HT4" s="600"/>
      <c r="HU4" s="600"/>
      <c r="HV4" s="600"/>
      <c r="HW4" s="600"/>
      <c r="HX4" s="600"/>
      <c r="HY4" s="601"/>
    </row>
    <row r="5" spans="2:233" ht="21" customHeight="1" x14ac:dyDescent="0.2">
      <c r="B5" s="603"/>
      <c r="C5" s="535" t="s">
        <v>61</v>
      </c>
      <c r="D5" s="536"/>
      <c r="E5" s="537"/>
      <c r="F5" s="564" t="s">
        <v>62</v>
      </c>
      <c r="G5" s="536"/>
      <c r="H5" s="536"/>
      <c r="I5" s="536"/>
      <c r="J5" s="536"/>
      <c r="K5" s="536"/>
      <c r="L5" s="565"/>
      <c r="M5" s="604" t="s">
        <v>52</v>
      </c>
      <c r="N5" s="551" t="s">
        <v>61</v>
      </c>
      <c r="O5" s="545"/>
      <c r="P5" s="546"/>
      <c r="Q5" s="567" t="s">
        <v>62</v>
      </c>
      <c r="R5" s="545"/>
      <c r="S5" s="545"/>
      <c r="T5" s="545"/>
      <c r="U5" s="545"/>
      <c r="V5" s="545"/>
      <c r="W5" s="568"/>
      <c r="X5" s="458" t="s">
        <v>52</v>
      </c>
      <c r="Y5" s="551" t="s">
        <v>61</v>
      </c>
      <c r="Z5" s="545"/>
      <c r="AA5" s="546"/>
      <c r="AB5" s="567" t="s">
        <v>62</v>
      </c>
      <c r="AC5" s="545"/>
      <c r="AD5" s="545"/>
      <c r="AE5" s="545"/>
      <c r="AF5" s="545"/>
      <c r="AG5" s="545"/>
      <c r="AH5" s="568"/>
      <c r="AI5" s="458" t="s">
        <v>52</v>
      </c>
      <c r="AJ5" s="551" t="s">
        <v>61</v>
      </c>
      <c r="AK5" s="545"/>
      <c r="AL5" s="546"/>
      <c r="AM5" s="567" t="s">
        <v>62</v>
      </c>
      <c r="AN5" s="545"/>
      <c r="AO5" s="545"/>
      <c r="AP5" s="545"/>
      <c r="AQ5" s="545"/>
      <c r="AR5" s="545"/>
      <c r="AS5" s="568"/>
      <c r="AT5" s="458" t="s">
        <v>52</v>
      </c>
      <c r="AU5" s="551" t="s">
        <v>61</v>
      </c>
      <c r="AV5" s="545"/>
      <c r="AW5" s="546"/>
      <c r="AX5" s="567" t="s">
        <v>62</v>
      </c>
      <c r="AY5" s="545"/>
      <c r="AZ5" s="545"/>
      <c r="BA5" s="545"/>
      <c r="BB5" s="545"/>
      <c r="BC5" s="545"/>
      <c r="BD5" s="568"/>
      <c r="BE5" s="458" t="s">
        <v>52</v>
      </c>
      <c r="BF5" s="551" t="s">
        <v>61</v>
      </c>
      <c r="BG5" s="545"/>
      <c r="BH5" s="546"/>
      <c r="BI5" s="567" t="s">
        <v>62</v>
      </c>
      <c r="BJ5" s="545"/>
      <c r="BK5" s="545"/>
      <c r="BL5" s="545"/>
      <c r="BM5" s="545"/>
      <c r="BN5" s="545"/>
      <c r="BO5" s="568"/>
      <c r="BP5" s="458" t="s">
        <v>52</v>
      </c>
      <c r="BQ5" s="551" t="s">
        <v>61</v>
      </c>
      <c r="BR5" s="545"/>
      <c r="BS5" s="546"/>
      <c r="BT5" s="567" t="s">
        <v>62</v>
      </c>
      <c r="BU5" s="545"/>
      <c r="BV5" s="545"/>
      <c r="BW5" s="545"/>
      <c r="BX5" s="545"/>
      <c r="BY5" s="545"/>
      <c r="BZ5" s="568"/>
      <c r="CA5" s="458" t="s">
        <v>52</v>
      </c>
      <c r="CB5" s="551" t="s">
        <v>61</v>
      </c>
      <c r="CC5" s="545"/>
      <c r="CD5" s="546"/>
      <c r="CE5" s="567" t="s">
        <v>62</v>
      </c>
      <c r="CF5" s="545"/>
      <c r="CG5" s="545"/>
      <c r="CH5" s="545"/>
      <c r="CI5" s="545"/>
      <c r="CJ5" s="545"/>
      <c r="CK5" s="568"/>
      <c r="CL5" s="458" t="s">
        <v>52</v>
      </c>
      <c r="CM5" s="551" t="s">
        <v>61</v>
      </c>
      <c r="CN5" s="545"/>
      <c r="CO5" s="546"/>
      <c r="CP5" s="567" t="s">
        <v>62</v>
      </c>
      <c r="CQ5" s="545"/>
      <c r="CR5" s="545"/>
      <c r="CS5" s="545"/>
      <c r="CT5" s="545"/>
      <c r="CU5" s="545"/>
      <c r="CV5" s="568"/>
      <c r="CW5" s="458" t="s">
        <v>52</v>
      </c>
      <c r="CX5" s="551" t="s">
        <v>61</v>
      </c>
      <c r="CY5" s="545"/>
      <c r="CZ5" s="546"/>
      <c r="DA5" s="567" t="s">
        <v>62</v>
      </c>
      <c r="DB5" s="545"/>
      <c r="DC5" s="545"/>
      <c r="DD5" s="545"/>
      <c r="DE5" s="545"/>
      <c r="DF5" s="545"/>
      <c r="DG5" s="568"/>
      <c r="DH5" s="458" t="s">
        <v>52</v>
      </c>
      <c r="DI5" s="535" t="s">
        <v>61</v>
      </c>
      <c r="DJ5" s="536"/>
      <c r="DK5" s="537"/>
      <c r="DL5" s="564" t="s">
        <v>62</v>
      </c>
      <c r="DM5" s="536"/>
      <c r="DN5" s="536"/>
      <c r="DO5" s="536"/>
      <c r="DP5" s="536"/>
      <c r="DQ5" s="536"/>
      <c r="DR5" s="565"/>
      <c r="DS5" s="539" t="s">
        <v>52</v>
      </c>
      <c r="DT5" s="551" t="s">
        <v>61</v>
      </c>
      <c r="DU5" s="545"/>
      <c r="DV5" s="546"/>
      <c r="DW5" s="567" t="s">
        <v>62</v>
      </c>
      <c r="DX5" s="545"/>
      <c r="DY5" s="545"/>
      <c r="DZ5" s="545"/>
      <c r="EA5" s="545"/>
      <c r="EB5" s="545"/>
      <c r="EC5" s="568"/>
      <c r="ED5" s="458" t="s">
        <v>52</v>
      </c>
      <c r="EE5" s="551" t="s">
        <v>61</v>
      </c>
      <c r="EF5" s="545"/>
      <c r="EG5" s="546"/>
      <c r="EH5" s="567" t="s">
        <v>62</v>
      </c>
      <c r="EI5" s="545"/>
      <c r="EJ5" s="545"/>
      <c r="EK5" s="545"/>
      <c r="EL5" s="545"/>
      <c r="EM5" s="545"/>
      <c r="EN5" s="568"/>
      <c r="EO5" s="458" t="s">
        <v>52</v>
      </c>
      <c r="EP5" s="551" t="s">
        <v>61</v>
      </c>
      <c r="EQ5" s="545"/>
      <c r="ER5" s="546"/>
      <c r="ES5" s="567" t="s">
        <v>62</v>
      </c>
      <c r="ET5" s="545"/>
      <c r="EU5" s="545"/>
      <c r="EV5" s="545"/>
      <c r="EW5" s="545"/>
      <c r="EX5" s="545"/>
      <c r="EY5" s="568"/>
      <c r="EZ5" s="458" t="s">
        <v>52</v>
      </c>
      <c r="FA5" s="551" t="s">
        <v>61</v>
      </c>
      <c r="FB5" s="545"/>
      <c r="FC5" s="546"/>
      <c r="FD5" s="567" t="s">
        <v>62</v>
      </c>
      <c r="FE5" s="545"/>
      <c r="FF5" s="545"/>
      <c r="FG5" s="545"/>
      <c r="FH5" s="545"/>
      <c r="FI5" s="545"/>
      <c r="FJ5" s="568"/>
      <c r="FK5" s="458" t="s">
        <v>52</v>
      </c>
      <c r="FL5" s="551" t="s">
        <v>61</v>
      </c>
      <c r="FM5" s="545"/>
      <c r="FN5" s="546"/>
      <c r="FO5" s="567" t="s">
        <v>62</v>
      </c>
      <c r="FP5" s="545"/>
      <c r="FQ5" s="545"/>
      <c r="FR5" s="545"/>
      <c r="FS5" s="545"/>
      <c r="FT5" s="545"/>
      <c r="FU5" s="568"/>
      <c r="FV5" s="458" t="s">
        <v>52</v>
      </c>
      <c r="FW5" s="551" t="s">
        <v>61</v>
      </c>
      <c r="FX5" s="545"/>
      <c r="FY5" s="546"/>
      <c r="FZ5" s="567" t="s">
        <v>62</v>
      </c>
      <c r="GA5" s="545"/>
      <c r="GB5" s="545"/>
      <c r="GC5" s="545"/>
      <c r="GD5" s="545"/>
      <c r="GE5" s="545"/>
      <c r="GF5" s="568"/>
      <c r="GG5" s="458" t="s">
        <v>52</v>
      </c>
      <c r="GH5" s="551" t="s">
        <v>61</v>
      </c>
      <c r="GI5" s="545"/>
      <c r="GJ5" s="546"/>
      <c r="GK5" s="567" t="s">
        <v>62</v>
      </c>
      <c r="GL5" s="545"/>
      <c r="GM5" s="545"/>
      <c r="GN5" s="545"/>
      <c r="GO5" s="545"/>
      <c r="GP5" s="545"/>
      <c r="GQ5" s="568"/>
      <c r="GR5" s="458" t="s">
        <v>52</v>
      </c>
      <c r="GS5" s="551" t="s">
        <v>61</v>
      </c>
      <c r="GT5" s="545"/>
      <c r="GU5" s="546"/>
      <c r="GV5" s="567" t="s">
        <v>62</v>
      </c>
      <c r="GW5" s="545"/>
      <c r="GX5" s="545"/>
      <c r="GY5" s="545"/>
      <c r="GZ5" s="545"/>
      <c r="HA5" s="545"/>
      <c r="HB5" s="568"/>
      <c r="HC5" s="458" t="s">
        <v>52</v>
      </c>
      <c r="HD5" s="551" t="s">
        <v>61</v>
      </c>
      <c r="HE5" s="545"/>
      <c r="HF5" s="546"/>
      <c r="HG5" s="567" t="s">
        <v>62</v>
      </c>
      <c r="HH5" s="545"/>
      <c r="HI5" s="545"/>
      <c r="HJ5" s="545"/>
      <c r="HK5" s="545"/>
      <c r="HL5" s="545"/>
      <c r="HM5" s="568"/>
      <c r="HN5" s="458" t="s">
        <v>52</v>
      </c>
      <c r="HO5" s="551" t="s">
        <v>61</v>
      </c>
      <c r="HP5" s="545"/>
      <c r="HQ5" s="546"/>
      <c r="HR5" s="567" t="s">
        <v>62</v>
      </c>
      <c r="HS5" s="545"/>
      <c r="HT5" s="545"/>
      <c r="HU5" s="545"/>
      <c r="HV5" s="545"/>
      <c r="HW5" s="545"/>
      <c r="HX5" s="568"/>
      <c r="HY5" s="458" t="s">
        <v>52</v>
      </c>
    </row>
    <row r="6" spans="2:233" ht="30" customHeight="1" thickBot="1" x14ac:dyDescent="0.25">
      <c r="B6" s="610"/>
      <c r="C6" s="417" t="s">
        <v>118</v>
      </c>
      <c r="D6" s="418" t="s">
        <v>44</v>
      </c>
      <c r="E6" s="266" t="s">
        <v>45</v>
      </c>
      <c r="F6" s="143" t="s">
        <v>83</v>
      </c>
      <c r="G6" s="418" t="s">
        <v>47</v>
      </c>
      <c r="H6" s="418" t="s">
        <v>48</v>
      </c>
      <c r="I6" s="418" t="s">
        <v>49</v>
      </c>
      <c r="J6" s="418" t="s">
        <v>50</v>
      </c>
      <c r="K6" s="418" t="s">
        <v>51</v>
      </c>
      <c r="L6" s="142" t="s">
        <v>45</v>
      </c>
      <c r="M6" s="584"/>
      <c r="N6" s="417" t="s">
        <v>118</v>
      </c>
      <c r="O6" s="418" t="s">
        <v>44</v>
      </c>
      <c r="P6" s="266" t="s">
        <v>45</v>
      </c>
      <c r="Q6" s="143" t="s">
        <v>83</v>
      </c>
      <c r="R6" s="418" t="s">
        <v>47</v>
      </c>
      <c r="S6" s="418" t="s">
        <v>48</v>
      </c>
      <c r="T6" s="418" t="s">
        <v>49</v>
      </c>
      <c r="U6" s="418" t="s">
        <v>50</v>
      </c>
      <c r="V6" s="418" t="s">
        <v>51</v>
      </c>
      <c r="W6" s="142" t="s">
        <v>45</v>
      </c>
      <c r="X6" s="584"/>
      <c r="Y6" s="417" t="s">
        <v>118</v>
      </c>
      <c r="Z6" s="418" t="s">
        <v>44</v>
      </c>
      <c r="AA6" s="266" t="s">
        <v>45</v>
      </c>
      <c r="AB6" s="143" t="s">
        <v>83</v>
      </c>
      <c r="AC6" s="418" t="s">
        <v>47</v>
      </c>
      <c r="AD6" s="418" t="s">
        <v>48</v>
      </c>
      <c r="AE6" s="418" t="s">
        <v>49</v>
      </c>
      <c r="AF6" s="418" t="s">
        <v>50</v>
      </c>
      <c r="AG6" s="418" t="s">
        <v>51</v>
      </c>
      <c r="AH6" s="142" t="s">
        <v>45</v>
      </c>
      <c r="AI6" s="584"/>
      <c r="AJ6" s="417" t="s">
        <v>118</v>
      </c>
      <c r="AK6" s="418" t="s">
        <v>44</v>
      </c>
      <c r="AL6" s="266" t="s">
        <v>45</v>
      </c>
      <c r="AM6" s="143" t="s">
        <v>83</v>
      </c>
      <c r="AN6" s="418" t="s">
        <v>47</v>
      </c>
      <c r="AO6" s="418" t="s">
        <v>48</v>
      </c>
      <c r="AP6" s="418" t="s">
        <v>49</v>
      </c>
      <c r="AQ6" s="418" t="s">
        <v>50</v>
      </c>
      <c r="AR6" s="418" t="s">
        <v>51</v>
      </c>
      <c r="AS6" s="142" t="s">
        <v>45</v>
      </c>
      <c r="AT6" s="584"/>
      <c r="AU6" s="417" t="s">
        <v>118</v>
      </c>
      <c r="AV6" s="418" t="s">
        <v>44</v>
      </c>
      <c r="AW6" s="266" t="s">
        <v>45</v>
      </c>
      <c r="AX6" s="143" t="s">
        <v>83</v>
      </c>
      <c r="AY6" s="418" t="s">
        <v>47</v>
      </c>
      <c r="AZ6" s="418" t="s">
        <v>48</v>
      </c>
      <c r="BA6" s="418" t="s">
        <v>49</v>
      </c>
      <c r="BB6" s="418" t="s">
        <v>50</v>
      </c>
      <c r="BC6" s="418" t="s">
        <v>51</v>
      </c>
      <c r="BD6" s="142" t="s">
        <v>45</v>
      </c>
      <c r="BE6" s="584"/>
      <c r="BF6" s="417" t="s">
        <v>118</v>
      </c>
      <c r="BG6" s="418" t="s">
        <v>44</v>
      </c>
      <c r="BH6" s="266" t="s">
        <v>45</v>
      </c>
      <c r="BI6" s="143" t="s">
        <v>83</v>
      </c>
      <c r="BJ6" s="418" t="s">
        <v>47</v>
      </c>
      <c r="BK6" s="418" t="s">
        <v>48</v>
      </c>
      <c r="BL6" s="418" t="s">
        <v>49</v>
      </c>
      <c r="BM6" s="418" t="s">
        <v>50</v>
      </c>
      <c r="BN6" s="418" t="s">
        <v>51</v>
      </c>
      <c r="BO6" s="142" t="s">
        <v>45</v>
      </c>
      <c r="BP6" s="584"/>
      <c r="BQ6" s="417" t="s">
        <v>118</v>
      </c>
      <c r="BR6" s="418" t="s">
        <v>44</v>
      </c>
      <c r="BS6" s="266" t="s">
        <v>45</v>
      </c>
      <c r="BT6" s="143" t="s">
        <v>83</v>
      </c>
      <c r="BU6" s="418" t="s">
        <v>47</v>
      </c>
      <c r="BV6" s="418" t="s">
        <v>48</v>
      </c>
      <c r="BW6" s="418" t="s">
        <v>49</v>
      </c>
      <c r="BX6" s="418" t="s">
        <v>50</v>
      </c>
      <c r="BY6" s="418" t="s">
        <v>51</v>
      </c>
      <c r="BZ6" s="142" t="s">
        <v>45</v>
      </c>
      <c r="CA6" s="584"/>
      <c r="CB6" s="417" t="s">
        <v>118</v>
      </c>
      <c r="CC6" s="418" t="s">
        <v>44</v>
      </c>
      <c r="CD6" s="266" t="s">
        <v>45</v>
      </c>
      <c r="CE6" s="143" t="s">
        <v>83</v>
      </c>
      <c r="CF6" s="418" t="s">
        <v>47</v>
      </c>
      <c r="CG6" s="418" t="s">
        <v>48</v>
      </c>
      <c r="CH6" s="418" t="s">
        <v>49</v>
      </c>
      <c r="CI6" s="418" t="s">
        <v>50</v>
      </c>
      <c r="CJ6" s="418" t="s">
        <v>51</v>
      </c>
      <c r="CK6" s="142" t="s">
        <v>45</v>
      </c>
      <c r="CL6" s="584"/>
      <c r="CM6" s="417" t="s">
        <v>118</v>
      </c>
      <c r="CN6" s="418" t="s">
        <v>44</v>
      </c>
      <c r="CO6" s="266" t="s">
        <v>45</v>
      </c>
      <c r="CP6" s="143" t="s">
        <v>83</v>
      </c>
      <c r="CQ6" s="418" t="s">
        <v>47</v>
      </c>
      <c r="CR6" s="418" t="s">
        <v>48</v>
      </c>
      <c r="CS6" s="418" t="s">
        <v>49</v>
      </c>
      <c r="CT6" s="418" t="s">
        <v>50</v>
      </c>
      <c r="CU6" s="418" t="s">
        <v>51</v>
      </c>
      <c r="CV6" s="142" t="s">
        <v>45</v>
      </c>
      <c r="CW6" s="584"/>
      <c r="CX6" s="417" t="s">
        <v>118</v>
      </c>
      <c r="CY6" s="418" t="s">
        <v>44</v>
      </c>
      <c r="CZ6" s="266" t="s">
        <v>45</v>
      </c>
      <c r="DA6" s="143" t="s">
        <v>83</v>
      </c>
      <c r="DB6" s="418" t="s">
        <v>47</v>
      </c>
      <c r="DC6" s="418" t="s">
        <v>48</v>
      </c>
      <c r="DD6" s="418" t="s">
        <v>49</v>
      </c>
      <c r="DE6" s="418" t="s">
        <v>50</v>
      </c>
      <c r="DF6" s="418" t="s">
        <v>51</v>
      </c>
      <c r="DG6" s="142" t="s">
        <v>45</v>
      </c>
      <c r="DH6" s="584"/>
      <c r="DI6" s="417" t="s">
        <v>118</v>
      </c>
      <c r="DJ6" s="418" t="s">
        <v>44</v>
      </c>
      <c r="DK6" s="266" t="s">
        <v>45</v>
      </c>
      <c r="DL6" s="143" t="s">
        <v>83</v>
      </c>
      <c r="DM6" s="418" t="s">
        <v>47</v>
      </c>
      <c r="DN6" s="418" t="s">
        <v>48</v>
      </c>
      <c r="DO6" s="418" t="s">
        <v>49</v>
      </c>
      <c r="DP6" s="418" t="s">
        <v>50</v>
      </c>
      <c r="DQ6" s="418" t="s">
        <v>51</v>
      </c>
      <c r="DR6" s="142" t="s">
        <v>45</v>
      </c>
      <c r="DS6" s="582"/>
      <c r="DT6" s="417" t="s">
        <v>118</v>
      </c>
      <c r="DU6" s="418" t="s">
        <v>44</v>
      </c>
      <c r="DV6" s="266" t="s">
        <v>45</v>
      </c>
      <c r="DW6" s="143" t="s">
        <v>83</v>
      </c>
      <c r="DX6" s="418" t="s">
        <v>47</v>
      </c>
      <c r="DY6" s="418" t="s">
        <v>48</v>
      </c>
      <c r="DZ6" s="418" t="s">
        <v>49</v>
      </c>
      <c r="EA6" s="418" t="s">
        <v>50</v>
      </c>
      <c r="EB6" s="418" t="s">
        <v>51</v>
      </c>
      <c r="EC6" s="142" t="s">
        <v>45</v>
      </c>
      <c r="ED6" s="584"/>
      <c r="EE6" s="417" t="s">
        <v>118</v>
      </c>
      <c r="EF6" s="418" t="s">
        <v>44</v>
      </c>
      <c r="EG6" s="266" t="s">
        <v>45</v>
      </c>
      <c r="EH6" s="143" t="s">
        <v>83</v>
      </c>
      <c r="EI6" s="418" t="s">
        <v>47</v>
      </c>
      <c r="EJ6" s="418" t="s">
        <v>48</v>
      </c>
      <c r="EK6" s="418" t="s">
        <v>49</v>
      </c>
      <c r="EL6" s="418" t="s">
        <v>50</v>
      </c>
      <c r="EM6" s="418" t="s">
        <v>51</v>
      </c>
      <c r="EN6" s="142" t="s">
        <v>45</v>
      </c>
      <c r="EO6" s="584"/>
      <c r="EP6" s="417" t="s">
        <v>118</v>
      </c>
      <c r="EQ6" s="418" t="s">
        <v>44</v>
      </c>
      <c r="ER6" s="266" t="s">
        <v>45</v>
      </c>
      <c r="ES6" s="143" t="s">
        <v>83</v>
      </c>
      <c r="ET6" s="418" t="s">
        <v>47</v>
      </c>
      <c r="EU6" s="418" t="s">
        <v>48</v>
      </c>
      <c r="EV6" s="418" t="s">
        <v>49</v>
      </c>
      <c r="EW6" s="418" t="s">
        <v>50</v>
      </c>
      <c r="EX6" s="418" t="s">
        <v>51</v>
      </c>
      <c r="EY6" s="142" t="s">
        <v>45</v>
      </c>
      <c r="EZ6" s="584"/>
      <c r="FA6" s="417" t="s">
        <v>118</v>
      </c>
      <c r="FB6" s="418" t="s">
        <v>44</v>
      </c>
      <c r="FC6" s="266" t="s">
        <v>45</v>
      </c>
      <c r="FD6" s="143" t="s">
        <v>83</v>
      </c>
      <c r="FE6" s="418" t="s">
        <v>47</v>
      </c>
      <c r="FF6" s="418" t="s">
        <v>48</v>
      </c>
      <c r="FG6" s="418" t="s">
        <v>49</v>
      </c>
      <c r="FH6" s="418" t="s">
        <v>50</v>
      </c>
      <c r="FI6" s="418" t="s">
        <v>51</v>
      </c>
      <c r="FJ6" s="142" t="s">
        <v>45</v>
      </c>
      <c r="FK6" s="584"/>
      <c r="FL6" s="417" t="s">
        <v>118</v>
      </c>
      <c r="FM6" s="418" t="s">
        <v>44</v>
      </c>
      <c r="FN6" s="266" t="s">
        <v>45</v>
      </c>
      <c r="FO6" s="143" t="s">
        <v>83</v>
      </c>
      <c r="FP6" s="418" t="s">
        <v>47</v>
      </c>
      <c r="FQ6" s="418" t="s">
        <v>48</v>
      </c>
      <c r="FR6" s="418" t="s">
        <v>49</v>
      </c>
      <c r="FS6" s="418" t="s">
        <v>50</v>
      </c>
      <c r="FT6" s="418" t="s">
        <v>51</v>
      </c>
      <c r="FU6" s="142" t="s">
        <v>45</v>
      </c>
      <c r="FV6" s="584"/>
      <c r="FW6" s="417" t="s">
        <v>118</v>
      </c>
      <c r="FX6" s="418" t="s">
        <v>44</v>
      </c>
      <c r="FY6" s="266" t="s">
        <v>45</v>
      </c>
      <c r="FZ6" s="143" t="s">
        <v>83</v>
      </c>
      <c r="GA6" s="418" t="s">
        <v>47</v>
      </c>
      <c r="GB6" s="418" t="s">
        <v>48</v>
      </c>
      <c r="GC6" s="418" t="s">
        <v>49</v>
      </c>
      <c r="GD6" s="418" t="s">
        <v>50</v>
      </c>
      <c r="GE6" s="418" t="s">
        <v>51</v>
      </c>
      <c r="GF6" s="142" t="s">
        <v>45</v>
      </c>
      <c r="GG6" s="584"/>
      <c r="GH6" s="417" t="s">
        <v>118</v>
      </c>
      <c r="GI6" s="418" t="s">
        <v>44</v>
      </c>
      <c r="GJ6" s="266" t="s">
        <v>45</v>
      </c>
      <c r="GK6" s="143" t="s">
        <v>83</v>
      </c>
      <c r="GL6" s="418" t="s">
        <v>47</v>
      </c>
      <c r="GM6" s="418" t="s">
        <v>48</v>
      </c>
      <c r="GN6" s="418" t="s">
        <v>49</v>
      </c>
      <c r="GO6" s="418" t="s">
        <v>50</v>
      </c>
      <c r="GP6" s="418" t="s">
        <v>51</v>
      </c>
      <c r="GQ6" s="142" t="s">
        <v>45</v>
      </c>
      <c r="GR6" s="584"/>
      <c r="GS6" s="417" t="s">
        <v>118</v>
      </c>
      <c r="GT6" s="418" t="s">
        <v>44</v>
      </c>
      <c r="GU6" s="266" t="s">
        <v>45</v>
      </c>
      <c r="GV6" s="143" t="s">
        <v>83</v>
      </c>
      <c r="GW6" s="418" t="s">
        <v>47</v>
      </c>
      <c r="GX6" s="418" t="s">
        <v>48</v>
      </c>
      <c r="GY6" s="418" t="s">
        <v>49</v>
      </c>
      <c r="GZ6" s="418" t="s">
        <v>50</v>
      </c>
      <c r="HA6" s="418" t="s">
        <v>51</v>
      </c>
      <c r="HB6" s="142" t="s">
        <v>45</v>
      </c>
      <c r="HC6" s="584"/>
      <c r="HD6" s="417" t="s">
        <v>118</v>
      </c>
      <c r="HE6" s="418" t="s">
        <v>44</v>
      </c>
      <c r="HF6" s="266" t="s">
        <v>45</v>
      </c>
      <c r="HG6" s="143" t="s">
        <v>83</v>
      </c>
      <c r="HH6" s="418" t="s">
        <v>47</v>
      </c>
      <c r="HI6" s="418" t="s">
        <v>48</v>
      </c>
      <c r="HJ6" s="418" t="s">
        <v>49</v>
      </c>
      <c r="HK6" s="418" t="s">
        <v>50</v>
      </c>
      <c r="HL6" s="418" t="s">
        <v>51</v>
      </c>
      <c r="HM6" s="142" t="s">
        <v>45</v>
      </c>
      <c r="HN6" s="584"/>
      <c r="HO6" s="417" t="s">
        <v>118</v>
      </c>
      <c r="HP6" s="418" t="s">
        <v>44</v>
      </c>
      <c r="HQ6" s="266" t="s">
        <v>45</v>
      </c>
      <c r="HR6" s="143" t="s">
        <v>83</v>
      </c>
      <c r="HS6" s="418" t="s">
        <v>47</v>
      </c>
      <c r="HT6" s="418" t="s">
        <v>48</v>
      </c>
      <c r="HU6" s="418" t="s">
        <v>49</v>
      </c>
      <c r="HV6" s="418" t="s">
        <v>50</v>
      </c>
      <c r="HW6" s="418" t="s">
        <v>51</v>
      </c>
      <c r="HX6" s="142" t="s">
        <v>45</v>
      </c>
      <c r="HY6" s="584"/>
    </row>
    <row r="7" spans="2:233" s="434" customFormat="1" ht="21" customHeight="1" x14ac:dyDescent="0.2">
      <c r="B7" s="151" t="s">
        <v>4</v>
      </c>
      <c r="C7" s="113">
        <v>20132</v>
      </c>
      <c r="D7" s="114">
        <v>98027</v>
      </c>
      <c r="E7" s="115">
        <v>118159</v>
      </c>
      <c r="F7" s="116">
        <v>0</v>
      </c>
      <c r="G7" s="114">
        <v>15820013</v>
      </c>
      <c r="H7" s="114">
        <v>38405482</v>
      </c>
      <c r="I7" s="114">
        <v>109123307</v>
      </c>
      <c r="J7" s="114">
        <v>147889895</v>
      </c>
      <c r="K7" s="114">
        <v>91788967</v>
      </c>
      <c r="L7" s="117">
        <v>403027664</v>
      </c>
      <c r="M7" s="118">
        <v>403145823</v>
      </c>
      <c r="N7" s="113">
        <v>0</v>
      </c>
      <c r="O7" s="114">
        <v>0</v>
      </c>
      <c r="P7" s="115">
        <v>0</v>
      </c>
      <c r="Q7" s="433">
        <v>0</v>
      </c>
      <c r="R7" s="114">
        <v>4241711</v>
      </c>
      <c r="S7" s="114">
        <v>13963578</v>
      </c>
      <c r="T7" s="114">
        <v>75093093</v>
      </c>
      <c r="U7" s="114">
        <v>107871097</v>
      </c>
      <c r="V7" s="114">
        <v>71609684</v>
      </c>
      <c r="W7" s="117">
        <v>272779163</v>
      </c>
      <c r="X7" s="118">
        <v>272779163</v>
      </c>
      <c r="Y7" s="113">
        <v>0</v>
      </c>
      <c r="Z7" s="114">
        <v>0</v>
      </c>
      <c r="AA7" s="115">
        <v>0</v>
      </c>
      <c r="AB7" s="433">
        <v>0</v>
      </c>
      <c r="AC7" s="114">
        <v>9589636</v>
      </c>
      <c r="AD7" s="114">
        <v>19901780</v>
      </c>
      <c r="AE7" s="114">
        <v>24568104</v>
      </c>
      <c r="AF7" s="114">
        <v>29198379</v>
      </c>
      <c r="AG7" s="114">
        <v>12976630</v>
      </c>
      <c r="AH7" s="117">
        <v>96234529</v>
      </c>
      <c r="AI7" s="118">
        <v>96234529</v>
      </c>
      <c r="AJ7" s="113">
        <v>0</v>
      </c>
      <c r="AK7" s="114">
        <v>0</v>
      </c>
      <c r="AL7" s="115">
        <v>0</v>
      </c>
      <c r="AM7" s="433"/>
      <c r="AN7" s="114">
        <v>0</v>
      </c>
      <c r="AO7" s="114">
        <v>0</v>
      </c>
      <c r="AP7" s="114">
        <v>1870</v>
      </c>
      <c r="AQ7" s="114">
        <v>278530</v>
      </c>
      <c r="AR7" s="114">
        <v>345405</v>
      </c>
      <c r="AS7" s="117">
        <v>625805</v>
      </c>
      <c r="AT7" s="118">
        <v>625805</v>
      </c>
      <c r="AU7" s="113">
        <v>0</v>
      </c>
      <c r="AV7" s="114">
        <v>0</v>
      </c>
      <c r="AW7" s="115">
        <v>0</v>
      </c>
      <c r="AX7" s="433"/>
      <c r="AY7" s="114">
        <v>173880</v>
      </c>
      <c r="AZ7" s="114">
        <v>284135</v>
      </c>
      <c r="BA7" s="114">
        <v>422910</v>
      </c>
      <c r="BB7" s="114">
        <v>1908635</v>
      </c>
      <c r="BC7" s="114">
        <v>2281195</v>
      </c>
      <c r="BD7" s="117">
        <v>5070755</v>
      </c>
      <c r="BE7" s="118">
        <v>5070755</v>
      </c>
      <c r="BF7" s="113">
        <v>0</v>
      </c>
      <c r="BG7" s="114">
        <v>0</v>
      </c>
      <c r="BH7" s="115">
        <v>0</v>
      </c>
      <c r="BI7" s="433">
        <v>0</v>
      </c>
      <c r="BJ7" s="114">
        <v>56115</v>
      </c>
      <c r="BK7" s="114">
        <v>270160</v>
      </c>
      <c r="BL7" s="114">
        <v>1422685</v>
      </c>
      <c r="BM7" s="114">
        <v>1800465</v>
      </c>
      <c r="BN7" s="114">
        <v>1225180</v>
      </c>
      <c r="BO7" s="117">
        <v>4774605</v>
      </c>
      <c r="BP7" s="118">
        <v>4774605</v>
      </c>
      <c r="BQ7" s="113">
        <v>19842</v>
      </c>
      <c r="BR7" s="114">
        <v>98027</v>
      </c>
      <c r="BS7" s="115">
        <v>117869</v>
      </c>
      <c r="BT7" s="116">
        <v>0</v>
      </c>
      <c r="BU7" s="114">
        <v>1718888</v>
      </c>
      <c r="BV7" s="114">
        <v>3812605</v>
      </c>
      <c r="BW7" s="114">
        <v>7319171</v>
      </c>
      <c r="BX7" s="114">
        <v>6512314</v>
      </c>
      <c r="BY7" s="114">
        <v>3076624</v>
      </c>
      <c r="BZ7" s="117">
        <v>22439602</v>
      </c>
      <c r="CA7" s="118">
        <v>22557471</v>
      </c>
      <c r="CB7" s="113">
        <v>290</v>
      </c>
      <c r="CC7" s="114">
        <v>0</v>
      </c>
      <c r="CD7" s="115">
        <v>290</v>
      </c>
      <c r="CE7" s="116">
        <v>0</v>
      </c>
      <c r="CF7" s="114">
        <v>39783</v>
      </c>
      <c r="CG7" s="114">
        <v>173224</v>
      </c>
      <c r="CH7" s="114">
        <v>295474</v>
      </c>
      <c r="CI7" s="114">
        <v>320475</v>
      </c>
      <c r="CJ7" s="114">
        <v>274249</v>
      </c>
      <c r="CK7" s="117">
        <v>1103205</v>
      </c>
      <c r="CL7" s="118">
        <v>1103495</v>
      </c>
      <c r="CM7" s="113">
        <v>0</v>
      </c>
      <c r="CN7" s="114">
        <v>0</v>
      </c>
      <c r="CO7" s="115">
        <v>0</v>
      </c>
      <c r="CP7" s="116">
        <v>0</v>
      </c>
      <c r="CQ7" s="114">
        <v>0</v>
      </c>
      <c r="CR7" s="114">
        <v>0</v>
      </c>
      <c r="CS7" s="114">
        <v>0</v>
      </c>
      <c r="CT7" s="114">
        <v>0</v>
      </c>
      <c r="CU7" s="114">
        <v>0</v>
      </c>
      <c r="CV7" s="117">
        <v>0</v>
      </c>
      <c r="CW7" s="118">
        <v>0</v>
      </c>
      <c r="CX7" s="113">
        <v>0</v>
      </c>
      <c r="CY7" s="114">
        <v>0</v>
      </c>
      <c r="CZ7" s="115">
        <v>0</v>
      </c>
      <c r="DA7" s="433"/>
      <c r="DB7" s="114">
        <v>0</v>
      </c>
      <c r="DC7" s="114">
        <v>0</v>
      </c>
      <c r="DD7" s="114">
        <v>0</v>
      </c>
      <c r="DE7" s="114">
        <v>0</v>
      </c>
      <c r="DF7" s="114">
        <v>0</v>
      </c>
      <c r="DG7" s="117">
        <v>0</v>
      </c>
      <c r="DH7" s="118">
        <v>0</v>
      </c>
      <c r="DI7" s="113">
        <v>25341</v>
      </c>
      <c r="DJ7" s="114">
        <v>142225</v>
      </c>
      <c r="DK7" s="115">
        <v>167566</v>
      </c>
      <c r="DL7" s="116">
        <v>0</v>
      </c>
      <c r="DM7" s="114">
        <v>10585732</v>
      </c>
      <c r="DN7" s="114">
        <v>31084185</v>
      </c>
      <c r="DO7" s="114">
        <v>120118467</v>
      </c>
      <c r="DP7" s="114">
        <v>156908264</v>
      </c>
      <c r="DQ7" s="114">
        <v>97616485</v>
      </c>
      <c r="DR7" s="117">
        <v>416313133</v>
      </c>
      <c r="DS7" s="119">
        <v>416480699</v>
      </c>
      <c r="DT7" s="113">
        <v>0</v>
      </c>
      <c r="DU7" s="114">
        <v>0</v>
      </c>
      <c r="DV7" s="115">
        <v>0</v>
      </c>
      <c r="DW7" s="433"/>
      <c r="DX7" s="114">
        <v>5369287</v>
      </c>
      <c r="DY7" s="114">
        <v>19782001</v>
      </c>
      <c r="DZ7" s="114">
        <v>100320706</v>
      </c>
      <c r="EA7" s="114">
        <v>136606389</v>
      </c>
      <c r="EB7" s="114">
        <v>86604795</v>
      </c>
      <c r="EC7" s="117">
        <v>348683178</v>
      </c>
      <c r="ED7" s="118">
        <v>348683178</v>
      </c>
      <c r="EE7" s="113">
        <v>0</v>
      </c>
      <c r="EF7" s="114">
        <v>0</v>
      </c>
      <c r="EG7" s="115">
        <v>0</v>
      </c>
      <c r="EH7" s="433">
        <v>0</v>
      </c>
      <c r="EI7" s="114">
        <v>2426709</v>
      </c>
      <c r="EJ7" s="114">
        <v>4729266</v>
      </c>
      <c r="EK7" s="114">
        <v>5742256</v>
      </c>
      <c r="EL7" s="114">
        <v>6808035</v>
      </c>
      <c r="EM7" s="114">
        <v>3595849</v>
      </c>
      <c r="EN7" s="117">
        <v>23302115</v>
      </c>
      <c r="EO7" s="118">
        <v>23302115</v>
      </c>
      <c r="EP7" s="113">
        <v>0</v>
      </c>
      <c r="EQ7" s="114">
        <v>0</v>
      </c>
      <c r="ER7" s="115">
        <v>0</v>
      </c>
      <c r="ES7" s="433"/>
      <c r="ET7" s="114">
        <v>0</v>
      </c>
      <c r="EU7" s="114">
        <v>0</v>
      </c>
      <c r="EV7" s="114">
        <v>0</v>
      </c>
      <c r="EW7" s="114">
        <v>55603</v>
      </c>
      <c r="EX7" s="114">
        <v>55365</v>
      </c>
      <c r="EY7" s="117">
        <v>110968</v>
      </c>
      <c r="EZ7" s="118">
        <v>110968</v>
      </c>
      <c r="FA7" s="113">
        <v>0</v>
      </c>
      <c r="FB7" s="114">
        <v>0</v>
      </c>
      <c r="FC7" s="115">
        <v>0</v>
      </c>
      <c r="FD7" s="433">
        <v>0</v>
      </c>
      <c r="FE7" s="114">
        <v>12186</v>
      </c>
      <c r="FF7" s="114">
        <v>60610</v>
      </c>
      <c r="FG7" s="114">
        <v>79914</v>
      </c>
      <c r="FH7" s="114">
        <v>263932</v>
      </c>
      <c r="FI7" s="114">
        <v>395850</v>
      </c>
      <c r="FJ7" s="117">
        <v>812492</v>
      </c>
      <c r="FK7" s="118">
        <v>812492</v>
      </c>
      <c r="FL7" s="113">
        <v>0</v>
      </c>
      <c r="FM7" s="114">
        <v>0</v>
      </c>
      <c r="FN7" s="115">
        <v>0</v>
      </c>
      <c r="FO7" s="433">
        <v>0</v>
      </c>
      <c r="FP7" s="114">
        <v>74762</v>
      </c>
      <c r="FQ7" s="114">
        <v>363225</v>
      </c>
      <c r="FR7" s="114">
        <v>2458305</v>
      </c>
      <c r="FS7" s="114">
        <v>3084532</v>
      </c>
      <c r="FT7" s="114">
        <v>2086150</v>
      </c>
      <c r="FU7" s="117">
        <v>8066974</v>
      </c>
      <c r="FV7" s="118">
        <v>8066974</v>
      </c>
      <c r="FW7" s="113">
        <v>23909</v>
      </c>
      <c r="FX7" s="114">
        <v>142225</v>
      </c>
      <c r="FY7" s="115">
        <v>166134</v>
      </c>
      <c r="FZ7" s="116">
        <v>0</v>
      </c>
      <c r="GA7" s="114">
        <v>2682059</v>
      </c>
      <c r="GB7" s="114">
        <v>6006084</v>
      </c>
      <c r="GC7" s="114">
        <v>11310759</v>
      </c>
      <c r="GD7" s="114">
        <v>9938412</v>
      </c>
      <c r="GE7" s="114">
        <v>4711602</v>
      </c>
      <c r="GF7" s="117">
        <v>34648916</v>
      </c>
      <c r="GG7" s="118">
        <v>34815050</v>
      </c>
      <c r="GH7" s="113">
        <v>1432</v>
      </c>
      <c r="GI7" s="114">
        <v>0</v>
      </c>
      <c r="GJ7" s="115">
        <v>1432</v>
      </c>
      <c r="GK7" s="116">
        <v>0</v>
      </c>
      <c r="GL7" s="114">
        <v>20729</v>
      </c>
      <c r="GM7" s="114">
        <v>142999</v>
      </c>
      <c r="GN7" s="114">
        <v>206527</v>
      </c>
      <c r="GO7" s="114">
        <v>151361</v>
      </c>
      <c r="GP7" s="114">
        <v>166874</v>
      </c>
      <c r="GQ7" s="117">
        <v>688490</v>
      </c>
      <c r="GR7" s="118">
        <v>689922</v>
      </c>
      <c r="GS7" s="113">
        <v>0</v>
      </c>
      <c r="GT7" s="114">
        <v>0</v>
      </c>
      <c r="GU7" s="115">
        <v>0</v>
      </c>
      <c r="GV7" s="116">
        <v>0</v>
      </c>
      <c r="GW7" s="114">
        <v>0</v>
      </c>
      <c r="GX7" s="114">
        <v>0</v>
      </c>
      <c r="GY7" s="114">
        <v>0</v>
      </c>
      <c r="GZ7" s="114">
        <v>0</v>
      </c>
      <c r="HA7" s="114">
        <v>0</v>
      </c>
      <c r="HB7" s="117">
        <v>0</v>
      </c>
      <c r="HC7" s="118">
        <v>0</v>
      </c>
      <c r="HD7" s="113">
        <v>0</v>
      </c>
      <c r="HE7" s="114">
        <v>0</v>
      </c>
      <c r="HF7" s="115">
        <v>0</v>
      </c>
      <c r="HG7" s="433"/>
      <c r="HH7" s="114">
        <v>0</v>
      </c>
      <c r="HI7" s="114">
        <v>0</v>
      </c>
      <c r="HJ7" s="114">
        <v>0</v>
      </c>
      <c r="HK7" s="114">
        <v>0</v>
      </c>
      <c r="HL7" s="114">
        <v>0</v>
      </c>
      <c r="HM7" s="117">
        <v>0</v>
      </c>
      <c r="HN7" s="118">
        <v>0</v>
      </c>
      <c r="HO7" s="113">
        <v>45473</v>
      </c>
      <c r="HP7" s="114">
        <v>240252</v>
      </c>
      <c r="HQ7" s="115">
        <v>285725</v>
      </c>
      <c r="HR7" s="116">
        <v>0</v>
      </c>
      <c r="HS7" s="114">
        <v>26405745</v>
      </c>
      <c r="HT7" s="114">
        <v>69489667</v>
      </c>
      <c r="HU7" s="114">
        <v>229241774</v>
      </c>
      <c r="HV7" s="114">
        <v>304798159</v>
      </c>
      <c r="HW7" s="114">
        <v>189405452</v>
      </c>
      <c r="HX7" s="117">
        <v>819340797</v>
      </c>
      <c r="HY7" s="118">
        <v>819626522</v>
      </c>
    </row>
    <row r="8" spans="2:233" s="434" customFormat="1" ht="21" customHeight="1" x14ac:dyDescent="0.2">
      <c r="B8" s="162" t="s">
        <v>5</v>
      </c>
      <c r="C8" s="120">
        <v>2377</v>
      </c>
      <c r="D8" s="121">
        <v>22240</v>
      </c>
      <c r="E8" s="122">
        <v>24617</v>
      </c>
      <c r="F8" s="123">
        <v>0</v>
      </c>
      <c r="G8" s="121">
        <v>6077390</v>
      </c>
      <c r="H8" s="121">
        <v>19997646</v>
      </c>
      <c r="I8" s="121">
        <v>47162182</v>
      </c>
      <c r="J8" s="121">
        <v>62801046</v>
      </c>
      <c r="K8" s="121">
        <v>39151749</v>
      </c>
      <c r="L8" s="124">
        <v>175190013</v>
      </c>
      <c r="M8" s="125">
        <v>175214630</v>
      </c>
      <c r="N8" s="120">
        <v>0</v>
      </c>
      <c r="O8" s="121">
        <v>0</v>
      </c>
      <c r="P8" s="122">
        <v>0</v>
      </c>
      <c r="Q8" s="435">
        <v>0</v>
      </c>
      <c r="R8" s="121">
        <v>2134697</v>
      </c>
      <c r="S8" s="121">
        <v>9482814</v>
      </c>
      <c r="T8" s="121">
        <v>33186025</v>
      </c>
      <c r="U8" s="121">
        <v>47035815</v>
      </c>
      <c r="V8" s="121">
        <v>30958055</v>
      </c>
      <c r="W8" s="124">
        <v>122797406</v>
      </c>
      <c r="X8" s="125">
        <v>122797406</v>
      </c>
      <c r="Y8" s="120">
        <v>0</v>
      </c>
      <c r="Z8" s="121">
        <v>0</v>
      </c>
      <c r="AA8" s="122">
        <v>0</v>
      </c>
      <c r="AB8" s="435">
        <v>0</v>
      </c>
      <c r="AC8" s="121">
        <v>3350068</v>
      </c>
      <c r="AD8" s="121">
        <v>8681812</v>
      </c>
      <c r="AE8" s="121">
        <v>10313606</v>
      </c>
      <c r="AF8" s="121">
        <v>12565048</v>
      </c>
      <c r="AG8" s="121">
        <v>6065660</v>
      </c>
      <c r="AH8" s="124">
        <v>40976194</v>
      </c>
      <c r="AI8" s="125">
        <v>40976194</v>
      </c>
      <c r="AJ8" s="120">
        <v>0</v>
      </c>
      <c r="AK8" s="121">
        <v>0</v>
      </c>
      <c r="AL8" s="122">
        <v>0</v>
      </c>
      <c r="AM8" s="435"/>
      <c r="AN8" s="121">
        <v>0</v>
      </c>
      <c r="AO8" s="121">
        <v>0</v>
      </c>
      <c r="AP8" s="121">
        <v>0</v>
      </c>
      <c r="AQ8" s="121">
        <v>51570</v>
      </c>
      <c r="AR8" s="121">
        <v>54270</v>
      </c>
      <c r="AS8" s="124">
        <v>105840</v>
      </c>
      <c r="AT8" s="125">
        <v>105840</v>
      </c>
      <c r="AU8" s="120">
        <v>0</v>
      </c>
      <c r="AV8" s="121">
        <v>0</v>
      </c>
      <c r="AW8" s="122">
        <v>0</v>
      </c>
      <c r="AX8" s="435"/>
      <c r="AY8" s="121">
        <v>23055</v>
      </c>
      <c r="AZ8" s="121">
        <v>63800</v>
      </c>
      <c r="BA8" s="121">
        <v>40455</v>
      </c>
      <c r="BB8" s="121">
        <v>482600</v>
      </c>
      <c r="BC8" s="121">
        <v>411250</v>
      </c>
      <c r="BD8" s="124">
        <v>1021160</v>
      </c>
      <c r="BE8" s="125">
        <v>1021160</v>
      </c>
      <c r="BF8" s="120">
        <v>0</v>
      </c>
      <c r="BG8" s="121">
        <v>0</v>
      </c>
      <c r="BH8" s="122">
        <v>0</v>
      </c>
      <c r="BI8" s="435">
        <v>0</v>
      </c>
      <c r="BJ8" s="121">
        <v>33060</v>
      </c>
      <c r="BK8" s="121">
        <v>130355</v>
      </c>
      <c r="BL8" s="121">
        <v>218950</v>
      </c>
      <c r="BM8" s="121">
        <v>137025</v>
      </c>
      <c r="BN8" s="121">
        <v>193430</v>
      </c>
      <c r="BO8" s="124">
        <v>712820</v>
      </c>
      <c r="BP8" s="125">
        <v>712820</v>
      </c>
      <c r="BQ8" s="120">
        <v>2087</v>
      </c>
      <c r="BR8" s="121">
        <v>22240</v>
      </c>
      <c r="BS8" s="122">
        <v>24327</v>
      </c>
      <c r="BT8" s="123">
        <v>0</v>
      </c>
      <c r="BU8" s="121">
        <v>527243</v>
      </c>
      <c r="BV8" s="121">
        <v>1556500</v>
      </c>
      <c r="BW8" s="121">
        <v>3236022</v>
      </c>
      <c r="BX8" s="121">
        <v>2331551</v>
      </c>
      <c r="BY8" s="121">
        <v>1325944</v>
      </c>
      <c r="BZ8" s="124">
        <v>8977260</v>
      </c>
      <c r="CA8" s="125">
        <v>9001587</v>
      </c>
      <c r="CB8" s="120">
        <v>290</v>
      </c>
      <c r="CC8" s="121">
        <v>0</v>
      </c>
      <c r="CD8" s="122">
        <v>290</v>
      </c>
      <c r="CE8" s="123">
        <v>0</v>
      </c>
      <c r="CF8" s="121">
        <v>9267</v>
      </c>
      <c r="CG8" s="121">
        <v>82365</v>
      </c>
      <c r="CH8" s="121">
        <v>167124</v>
      </c>
      <c r="CI8" s="121">
        <v>197437</v>
      </c>
      <c r="CJ8" s="121">
        <v>143140</v>
      </c>
      <c r="CK8" s="124">
        <v>599333</v>
      </c>
      <c r="CL8" s="125">
        <v>599623</v>
      </c>
      <c r="CM8" s="120">
        <v>0</v>
      </c>
      <c r="CN8" s="121">
        <v>0</v>
      </c>
      <c r="CO8" s="122">
        <v>0</v>
      </c>
      <c r="CP8" s="123">
        <v>0</v>
      </c>
      <c r="CQ8" s="121">
        <v>0</v>
      </c>
      <c r="CR8" s="121">
        <v>0</v>
      </c>
      <c r="CS8" s="121">
        <v>0</v>
      </c>
      <c r="CT8" s="121">
        <v>0</v>
      </c>
      <c r="CU8" s="121">
        <v>0</v>
      </c>
      <c r="CV8" s="124">
        <v>0</v>
      </c>
      <c r="CW8" s="125">
        <v>0</v>
      </c>
      <c r="CX8" s="120">
        <v>0</v>
      </c>
      <c r="CY8" s="121">
        <v>0</v>
      </c>
      <c r="CZ8" s="122">
        <v>0</v>
      </c>
      <c r="DA8" s="435"/>
      <c r="DB8" s="121">
        <v>0</v>
      </c>
      <c r="DC8" s="121">
        <v>0</v>
      </c>
      <c r="DD8" s="121">
        <v>0</v>
      </c>
      <c r="DE8" s="121">
        <v>0</v>
      </c>
      <c r="DF8" s="121">
        <v>0</v>
      </c>
      <c r="DG8" s="124">
        <v>0</v>
      </c>
      <c r="DH8" s="125">
        <v>0</v>
      </c>
      <c r="DI8" s="120">
        <v>9166</v>
      </c>
      <c r="DJ8" s="121">
        <v>42529</v>
      </c>
      <c r="DK8" s="122">
        <v>51695</v>
      </c>
      <c r="DL8" s="123">
        <v>0</v>
      </c>
      <c r="DM8" s="121">
        <v>5319641</v>
      </c>
      <c r="DN8" s="121">
        <v>19210249</v>
      </c>
      <c r="DO8" s="121">
        <v>54636989</v>
      </c>
      <c r="DP8" s="121">
        <v>68546417</v>
      </c>
      <c r="DQ8" s="121">
        <v>43374883</v>
      </c>
      <c r="DR8" s="124">
        <v>191088179</v>
      </c>
      <c r="DS8" s="126">
        <v>191139874</v>
      </c>
      <c r="DT8" s="120">
        <v>0</v>
      </c>
      <c r="DU8" s="121">
        <v>0</v>
      </c>
      <c r="DV8" s="122">
        <v>0</v>
      </c>
      <c r="DW8" s="435">
        <v>0</v>
      </c>
      <c r="DX8" s="121">
        <v>3210624</v>
      </c>
      <c r="DY8" s="121">
        <v>13468224</v>
      </c>
      <c r="DZ8" s="121">
        <v>45863471</v>
      </c>
      <c r="EA8" s="121">
        <v>60216691</v>
      </c>
      <c r="EB8" s="121">
        <v>38383460</v>
      </c>
      <c r="EC8" s="124">
        <v>161142470</v>
      </c>
      <c r="ED8" s="125">
        <v>161142470</v>
      </c>
      <c r="EE8" s="120">
        <v>0</v>
      </c>
      <c r="EF8" s="121">
        <v>0</v>
      </c>
      <c r="EG8" s="122">
        <v>0</v>
      </c>
      <c r="EH8" s="435">
        <v>0</v>
      </c>
      <c r="EI8" s="121">
        <v>1183606</v>
      </c>
      <c r="EJ8" s="121">
        <v>3072294</v>
      </c>
      <c r="EK8" s="121">
        <v>3235870</v>
      </c>
      <c r="EL8" s="121">
        <v>4104931</v>
      </c>
      <c r="EM8" s="121">
        <v>2360208</v>
      </c>
      <c r="EN8" s="124">
        <v>13956909</v>
      </c>
      <c r="EO8" s="125">
        <v>13956909</v>
      </c>
      <c r="EP8" s="120">
        <v>0</v>
      </c>
      <c r="EQ8" s="121">
        <v>0</v>
      </c>
      <c r="ER8" s="122">
        <v>0</v>
      </c>
      <c r="ES8" s="435"/>
      <c r="ET8" s="121">
        <v>0</v>
      </c>
      <c r="EU8" s="121">
        <v>0</v>
      </c>
      <c r="EV8" s="121">
        <v>0</v>
      </c>
      <c r="EW8" s="121">
        <v>11073</v>
      </c>
      <c r="EX8" s="121">
        <v>497</v>
      </c>
      <c r="EY8" s="124">
        <v>11570</v>
      </c>
      <c r="EZ8" s="125">
        <v>11570</v>
      </c>
      <c r="FA8" s="120">
        <v>0</v>
      </c>
      <c r="FB8" s="121">
        <v>0</v>
      </c>
      <c r="FC8" s="122">
        <v>0</v>
      </c>
      <c r="FD8" s="435">
        <v>0</v>
      </c>
      <c r="FE8" s="121">
        <v>203</v>
      </c>
      <c r="FF8" s="121">
        <v>11136</v>
      </c>
      <c r="FG8" s="121">
        <v>11397</v>
      </c>
      <c r="FH8" s="121">
        <v>72157</v>
      </c>
      <c r="FI8" s="121">
        <v>161595</v>
      </c>
      <c r="FJ8" s="124">
        <v>256488</v>
      </c>
      <c r="FK8" s="125">
        <v>256488</v>
      </c>
      <c r="FL8" s="120">
        <v>0</v>
      </c>
      <c r="FM8" s="121">
        <v>0</v>
      </c>
      <c r="FN8" s="122">
        <v>0</v>
      </c>
      <c r="FO8" s="435">
        <v>0</v>
      </c>
      <c r="FP8" s="121">
        <v>54578</v>
      </c>
      <c r="FQ8" s="121">
        <v>129340</v>
      </c>
      <c r="FR8" s="121">
        <v>353626</v>
      </c>
      <c r="FS8" s="121">
        <v>343998</v>
      </c>
      <c r="FT8" s="121">
        <v>339416</v>
      </c>
      <c r="FU8" s="124">
        <v>1220958</v>
      </c>
      <c r="FV8" s="125">
        <v>1220958</v>
      </c>
      <c r="FW8" s="120">
        <v>7734</v>
      </c>
      <c r="FX8" s="121">
        <v>42529</v>
      </c>
      <c r="FY8" s="122">
        <v>50263</v>
      </c>
      <c r="FZ8" s="123">
        <v>0</v>
      </c>
      <c r="GA8" s="121">
        <v>862350</v>
      </c>
      <c r="GB8" s="121">
        <v>2464452</v>
      </c>
      <c r="GC8" s="121">
        <v>5067640</v>
      </c>
      <c r="GD8" s="121">
        <v>3714982</v>
      </c>
      <c r="GE8" s="121">
        <v>2053739</v>
      </c>
      <c r="GF8" s="124">
        <v>14163163</v>
      </c>
      <c r="GG8" s="125">
        <v>14213426</v>
      </c>
      <c r="GH8" s="120">
        <v>1432</v>
      </c>
      <c r="GI8" s="121">
        <v>0</v>
      </c>
      <c r="GJ8" s="122">
        <v>1432</v>
      </c>
      <c r="GK8" s="123">
        <v>0</v>
      </c>
      <c r="GL8" s="121">
        <v>8280</v>
      </c>
      <c r="GM8" s="121">
        <v>64803</v>
      </c>
      <c r="GN8" s="121">
        <v>104985</v>
      </c>
      <c r="GO8" s="121">
        <v>82585</v>
      </c>
      <c r="GP8" s="121">
        <v>75968</v>
      </c>
      <c r="GQ8" s="124">
        <v>336621</v>
      </c>
      <c r="GR8" s="125">
        <v>338053</v>
      </c>
      <c r="GS8" s="120">
        <v>0</v>
      </c>
      <c r="GT8" s="121">
        <v>0</v>
      </c>
      <c r="GU8" s="122">
        <v>0</v>
      </c>
      <c r="GV8" s="123">
        <v>0</v>
      </c>
      <c r="GW8" s="121">
        <v>0</v>
      </c>
      <c r="GX8" s="121">
        <v>0</v>
      </c>
      <c r="GY8" s="121">
        <v>0</v>
      </c>
      <c r="GZ8" s="121">
        <v>0</v>
      </c>
      <c r="HA8" s="121">
        <v>0</v>
      </c>
      <c r="HB8" s="124">
        <v>0</v>
      </c>
      <c r="HC8" s="125">
        <v>0</v>
      </c>
      <c r="HD8" s="120">
        <v>0</v>
      </c>
      <c r="HE8" s="121">
        <v>0</v>
      </c>
      <c r="HF8" s="122">
        <v>0</v>
      </c>
      <c r="HG8" s="435"/>
      <c r="HH8" s="121">
        <v>0</v>
      </c>
      <c r="HI8" s="121">
        <v>0</v>
      </c>
      <c r="HJ8" s="121">
        <v>0</v>
      </c>
      <c r="HK8" s="121">
        <v>0</v>
      </c>
      <c r="HL8" s="121">
        <v>0</v>
      </c>
      <c r="HM8" s="124">
        <v>0</v>
      </c>
      <c r="HN8" s="125">
        <v>0</v>
      </c>
      <c r="HO8" s="120">
        <v>11543</v>
      </c>
      <c r="HP8" s="121">
        <v>64769</v>
      </c>
      <c r="HQ8" s="122">
        <v>76312</v>
      </c>
      <c r="HR8" s="123">
        <v>0</v>
      </c>
      <c r="HS8" s="121">
        <v>11397031</v>
      </c>
      <c r="HT8" s="121">
        <v>39207895</v>
      </c>
      <c r="HU8" s="121">
        <v>101799171</v>
      </c>
      <c r="HV8" s="121">
        <v>131347463</v>
      </c>
      <c r="HW8" s="121">
        <v>82526632</v>
      </c>
      <c r="HX8" s="124">
        <v>366278192</v>
      </c>
      <c r="HY8" s="125">
        <v>366354504</v>
      </c>
    </row>
    <row r="9" spans="2:233" s="137" customFormat="1" ht="21" customHeight="1" x14ac:dyDescent="0.2">
      <c r="B9" s="173" t="s">
        <v>6</v>
      </c>
      <c r="C9" s="77">
        <v>0</v>
      </c>
      <c r="D9" s="78">
        <v>16157</v>
      </c>
      <c r="E9" s="79">
        <v>16157</v>
      </c>
      <c r="F9" s="80">
        <v>0</v>
      </c>
      <c r="G9" s="78">
        <v>2452931</v>
      </c>
      <c r="H9" s="78">
        <v>4482923</v>
      </c>
      <c r="I9" s="78">
        <v>14599103</v>
      </c>
      <c r="J9" s="78">
        <v>20637986</v>
      </c>
      <c r="K9" s="78">
        <v>12439267</v>
      </c>
      <c r="L9" s="81">
        <v>54612210</v>
      </c>
      <c r="M9" s="82">
        <v>54628367</v>
      </c>
      <c r="N9" s="77">
        <v>0</v>
      </c>
      <c r="O9" s="78">
        <v>0</v>
      </c>
      <c r="P9" s="79">
        <v>0</v>
      </c>
      <c r="Q9" s="436">
        <v>0</v>
      </c>
      <c r="R9" s="78">
        <v>1005715</v>
      </c>
      <c r="S9" s="78">
        <v>1635848</v>
      </c>
      <c r="T9" s="78">
        <v>10153973</v>
      </c>
      <c r="U9" s="78">
        <v>15065564</v>
      </c>
      <c r="V9" s="78">
        <v>9603225</v>
      </c>
      <c r="W9" s="81">
        <v>37464325</v>
      </c>
      <c r="X9" s="82">
        <v>37464325</v>
      </c>
      <c r="Y9" s="77">
        <v>0</v>
      </c>
      <c r="Z9" s="78">
        <v>0</v>
      </c>
      <c r="AA9" s="79">
        <v>0</v>
      </c>
      <c r="AB9" s="436">
        <v>0</v>
      </c>
      <c r="AC9" s="78">
        <v>1232945</v>
      </c>
      <c r="AD9" s="78">
        <v>2329350</v>
      </c>
      <c r="AE9" s="78">
        <v>3041490</v>
      </c>
      <c r="AF9" s="78">
        <v>4185110</v>
      </c>
      <c r="AG9" s="78">
        <v>1699360</v>
      </c>
      <c r="AH9" s="81">
        <v>12488255</v>
      </c>
      <c r="AI9" s="82">
        <v>12488255</v>
      </c>
      <c r="AJ9" s="77">
        <v>0</v>
      </c>
      <c r="AK9" s="78">
        <v>0</v>
      </c>
      <c r="AL9" s="79">
        <v>0</v>
      </c>
      <c r="AM9" s="436"/>
      <c r="AN9" s="78">
        <v>0</v>
      </c>
      <c r="AO9" s="78">
        <v>0</v>
      </c>
      <c r="AP9" s="78">
        <v>0</v>
      </c>
      <c r="AQ9" s="78">
        <v>73805</v>
      </c>
      <c r="AR9" s="78">
        <v>84245</v>
      </c>
      <c r="AS9" s="81">
        <v>158050</v>
      </c>
      <c r="AT9" s="82">
        <v>158050</v>
      </c>
      <c r="AU9" s="77">
        <v>0</v>
      </c>
      <c r="AV9" s="78">
        <v>0</v>
      </c>
      <c r="AW9" s="79">
        <v>0</v>
      </c>
      <c r="AX9" s="436"/>
      <c r="AY9" s="78">
        <v>0</v>
      </c>
      <c r="AZ9" s="78">
        <v>0</v>
      </c>
      <c r="BA9" s="78">
        <v>46265</v>
      </c>
      <c r="BB9" s="78">
        <v>170060</v>
      </c>
      <c r="BC9" s="78">
        <v>245955</v>
      </c>
      <c r="BD9" s="81">
        <v>462280</v>
      </c>
      <c r="BE9" s="82">
        <v>462280</v>
      </c>
      <c r="BF9" s="77">
        <v>0</v>
      </c>
      <c r="BG9" s="78">
        <v>0</v>
      </c>
      <c r="BH9" s="79">
        <v>0</v>
      </c>
      <c r="BI9" s="436">
        <v>0</v>
      </c>
      <c r="BJ9" s="78">
        <v>23055</v>
      </c>
      <c r="BK9" s="78">
        <v>86300</v>
      </c>
      <c r="BL9" s="78">
        <v>432825</v>
      </c>
      <c r="BM9" s="78">
        <v>402485</v>
      </c>
      <c r="BN9" s="78">
        <v>303575</v>
      </c>
      <c r="BO9" s="81">
        <v>1248240</v>
      </c>
      <c r="BP9" s="82">
        <v>1248240</v>
      </c>
      <c r="BQ9" s="77">
        <v>0</v>
      </c>
      <c r="BR9" s="78">
        <v>16157</v>
      </c>
      <c r="BS9" s="79">
        <v>16157</v>
      </c>
      <c r="BT9" s="80">
        <v>0</v>
      </c>
      <c r="BU9" s="78">
        <v>189346</v>
      </c>
      <c r="BV9" s="78">
        <v>404639</v>
      </c>
      <c r="BW9" s="78">
        <v>866047</v>
      </c>
      <c r="BX9" s="78">
        <v>710106</v>
      </c>
      <c r="BY9" s="78">
        <v>461394</v>
      </c>
      <c r="BZ9" s="81">
        <v>2631532</v>
      </c>
      <c r="CA9" s="82">
        <v>2647689</v>
      </c>
      <c r="CB9" s="77">
        <v>0</v>
      </c>
      <c r="CC9" s="78">
        <v>0</v>
      </c>
      <c r="CD9" s="79">
        <v>0</v>
      </c>
      <c r="CE9" s="80">
        <v>0</v>
      </c>
      <c r="CF9" s="78">
        <v>1870</v>
      </c>
      <c r="CG9" s="78">
        <v>26786</v>
      </c>
      <c r="CH9" s="78">
        <v>58503</v>
      </c>
      <c r="CI9" s="78">
        <v>30856</v>
      </c>
      <c r="CJ9" s="78">
        <v>41513</v>
      </c>
      <c r="CK9" s="81">
        <v>159528</v>
      </c>
      <c r="CL9" s="82">
        <v>159528</v>
      </c>
      <c r="CM9" s="77">
        <v>0</v>
      </c>
      <c r="CN9" s="78">
        <v>0</v>
      </c>
      <c r="CO9" s="79">
        <v>0</v>
      </c>
      <c r="CP9" s="80">
        <v>0</v>
      </c>
      <c r="CQ9" s="78">
        <v>0</v>
      </c>
      <c r="CR9" s="78">
        <v>0</v>
      </c>
      <c r="CS9" s="78">
        <v>0</v>
      </c>
      <c r="CT9" s="78">
        <v>0</v>
      </c>
      <c r="CU9" s="78">
        <v>0</v>
      </c>
      <c r="CV9" s="81">
        <v>0</v>
      </c>
      <c r="CW9" s="82">
        <v>0</v>
      </c>
      <c r="CX9" s="77">
        <v>0</v>
      </c>
      <c r="CY9" s="78">
        <v>0</v>
      </c>
      <c r="CZ9" s="79">
        <v>0</v>
      </c>
      <c r="DA9" s="436"/>
      <c r="DB9" s="78">
        <v>0</v>
      </c>
      <c r="DC9" s="78">
        <v>0</v>
      </c>
      <c r="DD9" s="78">
        <v>0</v>
      </c>
      <c r="DE9" s="78">
        <v>0</v>
      </c>
      <c r="DF9" s="78">
        <v>0</v>
      </c>
      <c r="DG9" s="81">
        <v>0</v>
      </c>
      <c r="DH9" s="82">
        <v>0</v>
      </c>
      <c r="DI9" s="77">
        <v>0</v>
      </c>
      <c r="DJ9" s="78">
        <v>17635</v>
      </c>
      <c r="DK9" s="79">
        <v>17635</v>
      </c>
      <c r="DL9" s="80">
        <v>0</v>
      </c>
      <c r="DM9" s="78">
        <v>1431436</v>
      </c>
      <c r="DN9" s="78">
        <v>3118878</v>
      </c>
      <c r="DO9" s="78">
        <v>13497728</v>
      </c>
      <c r="DP9" s="78">
        <v>18769295</v>
      </c>
      <c r="DQ9" s="78">
        <v>12324363</v>
      </c>
      <c r="DR9" s="81">
        <v>49141700</v>
      </c>
      <c r="DS9" s="83">
        <v>49159335</v>
      </c>
      <c r="DT9" s="77">
        <v>0</v>
      </c>
      <c r="DU9" s="78">
        <v>0</v>
      </c>
      <c r="DV9" s="79">
        <v>0</v>
      </c>
      <c r="DW9" s="436">
        <v>0</v>
      </c>
      <c r="DX9" s="78">
        <v>883211</v>
      </c>
      <c r="DY9" s="78">
        <v>1941197</v>
      </c>
      <c r="DZ9" s="78">
        <v>10938491</v>
      </c>
      <c r="EA9" s="78">
        <v>15973933</v>
      </c>
      <c r="EB9" s="78">
        <v>10620789</v>
      </c>
      <c r="EC9" s="81">
        <v>40357621</v>
      </c>
      <c r="ED9" s="82">
        <v>40357621</v>
      </c>
      <c r="EE9" s="77">
        <v>0</v>
      </c>
      <c r="EF9" s="78">
        <v>0</v>
      </c>
      <c r="EG9" s="79">
        <v>0</v>
      </c>
      <c r="EH9" s="436">
        <v>0</v>
      </c>
      <c r="EI9" s="78">
        <v>231162</v>
      </c>
      <c r="EJ9" s="78">
        <v>411808</v>
      </c>
      <c r="EK9" s="78">
        <v>679763</v>
      </c>
      <c r="EL9" s="78">
        <v>843628</v>
      </c>
      <c r="EM9" s="78">
        <v>435852</v>
      </c>
      <c r="EN9" s="81">
        <v>2602213</v>
      </c>
      <c r="EO9" s="82">
        <v>2602213</v>
      </c>
      <c r="EP9" s="77">
        <v>0</v>
      </c>
      <c r="EQ9" s="78">
        <v>0</v>
      </c>
      <c r="ER9" s="79">
        <v>0</v>
      </c>
      <c r="ES9" s="436"/>
      <c r="ET9" s="78">
        <v>0</v>
      </c>
      <c r="EU9" s="78">
        <v>0</v>
      </c>
      <c r="EV9" s="78">
        <v>0</v>
      </c>
      <c r="EW9" s="78">
        <v>22475</v>
      </c>
      <c r="EX9" s="78">
        <v>11542</v>
      </c>
      <c r="EY9" s="81">
        <v>34017</v>
      </c>
      <c r="EZ9" s="82">
        <v>34017</v>
      </c>
      <c r="FA9" s="77">
        <v>0</v>
      </c>
      <c r="FB9" s="78">
        <v>0</v>
      </c>
      <c r="FC9" s="79">
        <v>0</v>
      </c>
      <c r="FD9" s="436">
        <v>0</v>
      </c>
      <c r="FE9" s="78">
        <v>0</v>
      </c>
      <c r="FF9" s="78">
        <v>0</v>
      </c>
      <c r="FG9" s="78">
        <v>364</v>
      </c>
      <c r="FH9" s="78">
        <v>35235</v>
      </c>
      <c r="FI9" s="78">
        <v>3962</v>
      </c>
      <c r="FJ9" s="81">
        <v>39561</v>
      </c>
      <c r="FK9" s="82">
        <v>39561</v>
      </c>
      <c r="FL9" s="77">
        <v>0</v>
      </c>
      <c r="FM9" s="78">
        <v>0</v>
      </c>
      <c r="FN9" s="79">
        <v>0</v>
      </c>
      <c r="FO9" s="436">
        <v>0</v>
      </c>
      <c r="FP9" s="78">
        <v>20184</v>
      </c>
      <c r="FQ9" s="78">
        <v>132965</v>
      </c>
      <c r="FR9" s="78">
        <v>685270</v>
      </c>
      <c r="FS9" s="78">
        <v>786287</v>
      </c>
      <c r="FT9" s="78">
        <v>555675</v>
      </c>
      <c r="FU9" s="81">
        <v>2180381</v>
      </c>
      <c r="FV9" s="82">
        <v>2180381</v>
      </c>
      <c r="FW9" s="77">
        <v>0</v>
      </c>
      <c r="FX9" s="78">
        <v>17635</v>
      </c>
      <c r="FY9" s="79">
        <v>17635</v>
      </c>
      <c r="FZ9" s="80">
        <v>0</v>
      </c>
      <c r="GA9" s="78">
        <v>292118</v>
      </c>
      <c r="GB9" s="78">
        <v>596503</v>
      </c>
      <c r="GC9" s="78">
        <v>1130211</v>
      </c>
      <c r="GD9" s="78">
        <v>1066223</v>
      </c>
      <c r="GE9" s="78">
        <v>638931</v>
      </c>
      <c r="GF9" s="81">
        <v>3723986</v>
      </c>
      <c r="GG9" s="82">
        <v>3741621</v>
      </c>
      <c r="GH9" s="77">
        <v>0</v>
      </c>
      <c r="GI9" s="78">
        <v>0</v>
      </c>
      <c r="GJ9" s="79">
        <v>0</v>
      </c>
      <c r="GK9" s="80">
        <v>0</v>
      </c>
      <c r="GL9" s="78">
        <v>4761</v>
      </c>
      <c r="GM9" s="78">
        <v>36405</v>
      </c>
      <c r="GN9" s="78">
        <v>63629</v>
      </c>
      <c r="GO9" s="78">
        <v>41514</v>
      </c>
      <c r="GP9" s="78">
        <v>57612</v>
      </c>
      <c r="GQ9" s="81">
        <v>203921</v>
      </c>
      <c r="GR9" s="82">
        <v>203921</v>
      </c>
      <c r="GS9" s="77">
        <v>0</v>
      </c>
      <c r="GT9" s="78">
        <v>0</v>
      </c>
      <c r="GU9" s="79">
        <v>0</v>
      </c>
      <c r="GV9" s="80">
        <v>0</v>
      </c>
      <c r="GW9" s="78">
        <v>0</v>
      </c>
      <c r="GX9" s="78">
        <v>0</v>
      </c>
      <c r="GY9" s="78">
        <v>0</v>
      </c>
      <c r="GZ9" s="78">
        <v>0</v>
      </c>
      <c r="HA9" s="78">
        <v>0</v>
      </c>
      <c r="HB9" s="81">
        <v>0</v>
      </c>
      <c r="HC9" s="82">
        <v>0</v>
      </c>
      <c r="HD9" s="77">
        <v>0</v>
      </c>
      <c r="HE9" s="78">
        <v>0</v>
      </c>
      <c r="HF9" s="79">
        <v>0</v>
      </c>
      <c r="HG9" s="436"/>
      <c r="HH9" s="78">
        <v>0</v>
      </c>
      <c r="HI9" s="78">
        <v>0</v>
      </c>
      <c r="HJ9" s="78">
        <v>0</v>
      </c>
      <c r="HK9" s="78">
        <v>0</v>
      </c>
      <c r="HL9" s="78">
        <v>0</v>
      </c>
      <c r="HM9" s="81">
        <v>0</v>
      </c>
      <c r="HN9" s="82">
        <v>0</v>
      </c>
      <c r="HO9" s="77">
        <v>0</v>
      </c>
      <c r="HP9" s="78">
        <v>33792</v>
      </c>
      <c r="HQ9" s="79">
        <v>33792</v>
      </c>
      <c r="HR9" s="80">
        <v>0</v>
      </c>
      <c r="HS9" s="78">
        <v>3884367</v>
      </c>
      <c r="HT9" s="78">
        <v>7601801</v>
      </c>
      <c r="HU9" s="78">
        <v>28096831</v>
      </c>
      <c r="HV9" s="78">
        <v>39407281</v>
      </c>
      <c r="HW9" s="78">
        <v>24763630</v>
      </c>
      <c r="HX9" s="81">
        <v>103753910</v>
      </c>
      <c r="HY9" s="82">
        <v>103787702</v>
      </c>
    </row>
    <row r="10" spans="2:233" s="137" customFormat="1" ht="21" customHeight="1" x14ac:dyDescent="0.2">
      <c r="B10" s="173" t="s">
        <v>14</v>
      </c>
      <c r="C10" s="77">
        <v>0</v>
      </c>
      <c r="D10" s="78">
        <v>12360</v>
      </c>
      <c r="E10" s="79">
        <v>12360</v>
      </c>
      <c r="F10" s="80">
        <v>0</v>
      </c>
      <c r="G10" s="78">
        <v>591544</v>
      </c>
      <c r="H10" s="78">
        <v>1971572</v>
      </c>
      <c r="I10" s="78">
        <v>7654941</v>
      </c>
      <c r="J10" s="78">
        <v>11480707</v>
      </c>
      <c r="K10" s="78">
        <v>7909696</v>
      </c>
      <c r="L10" s="81">
        <v>29608460</v>
      </c>
      <c r="M10" s="82">
        <v>29620820</v>
      </c>
      <c r="N10" s="77">
        <v>0</v>
      </c>
      <c r="O10" s="78">
        <v>0</v>
      </c>
      <c r="P10" s="79">
        <v>0</v>
      </c>
      <c r="Q10" s="436">
        <v>0</v>
      </c>
      <c r="R10" s="78">
        <v>94685</v>
      </c>
      <c r="S10" s="78">
        <v>228520</v>
      </c>
      <c r="T10" s="78">
        <v>5408754</v>
      </c>
      <c r="U10" s="78">
        <v>8151236</v>
      </c>
      <c r="V10" s="78">
        <v>6140575</v>
      </c>
      <c r="W10" s="81">
        <v>20023770</v>
      </c>
      <c r="X10" s="82">
        <v>20023770</v>
      </c>
      <c r="Y10" s="77">
        <v>0</v>
      </c>
      <c r="Z10" s="78">
        <v>0</v>
      </c>
      <c r="AA10" s="79">
        <v>0</v>
      </c>
      <c r="AB10" s="436">
        <v>0</v>
      </c>
      <c r="AC10" s="78">
        <v>387795</v>
      </c>
      <c r="AD10" s="78">
        <v>1429420</v>
      </c>
      <c r="AE10" s="78">
        <v>1725402</v>
      </c>
      <c r="AF10" s="78">
        <v>1847661</v>
      </c>
      <c r="AG10" s="78">
        <v>976905</v>
      </c>
      <c r="AH10" s="81">
        <v>6367183</v>
      </c>
      <c r="AI10" s="82">
        <v>6367183</v>
      </c>
      <c r="AJ10" s="77">
        <v>0</v>
      </c>
      <c r="AK10" s="78">
        <v>0</v>
      </c>
      <c r="AL10" s="79">
        <v>0</v>
      </c>
      <c r="AM10" s="436"/>
      <c r="AN10" s="78">
        <v>0</v>
      </c>
      <c r="AO10" s="78">
        <v>0</v>
      </c>
      <c r="AP10" s="78">
        <v>1870</v>
      </c>
      <c r="AQ10" s="78">
        <v>150690</v>
      </c>
      <c r="AR10" s="78">
        <v>138305</v>
      </c>
      <c r="AS10" s="81">
        <v>290865</v>
      </c>
      <c r="AT10" s="82">
        <v>290865</v>
      </c>
      <c r="AU10" s="77">
        <v>0</v>
      </c>
      <c r="AV10" s="78">
        <v>0</v>
      </c>
      <c r="AW10" s="79">
        <v>0</v>
      </c>
      <c r="AX10" s="436"/>
      <c r="AY10" s="78">
        <v>0</v>
      </c>
      <c r="AZ10" s="78">
        <v>0</v>
      </c>
      <c r="BA10" s="78">
        <v>3825</v>
      </c>
      <c r="BB10" s="78">
        <v>642770</v>
      </c>
      <c r="BC10" s="78">
        <v>363940</v>
      </c>
      <c r="BD10" s="81">
        <v>1010535</v>
      </c>
      <c r="BE10" s="82">
        <v>1010535</v>
      </c>
      <c r="BF10" s="77">
        <v>0</v>
      </c>
      <c r="BG10" s="78">
        <v>0</v>
      </c>
      <c r="BH10" s="79">
        <v>0</v>
      </c>
      <c r="BI10" s="436">
        <v>0</v>
      </c>
      <c r="BJ10" s="78">
        <v>0</v>
      </c>
      <c r="BK10" s="78">
        <v>0</v>
      </c>
      <c r="BL10" s="78">
        <v>30450</v>
      </c>
      <c r="BM10" s="78">
        <v>100295</v>
      </c>
      <c r="BN10" s="78">
        <v>58580</v>
      </c>
      <c r="BO10" s="81">
        <v>189325</v>
      </c>
      <c r="BP10" s="82">
        <v>189325</v>
      </c>
      <c r="BQ10" s="77">
        <v>0</v>
      </c>
      <c r="BR10" s="78">
        <v>12360</v>
      </c>
      <c r="BS10" s="79">
        <v>12360</v>
      </c>
      <c r="BT10" s="80">
        <v>0</v>
      </c>
      <c r="BU10" s="78">
        <v>109064</v>
      </c>
      <c r="BV10" s="78">
        <v>313187</v>
      </c>
      <c r="BW10" s="78">
        <v>482465</v>
      </c>
      <c r="BX10" s="78">
        <v>585840</v>
      </c>
      <c r="BY10" s="78">
        <v>231391</v>
      </c>
      <c r="BZ10" s="81">
        <v>1721947</v>
      </c>
      <c r="CA10" s="82">
        <v>1734307</v>
      </c>
      <c r="CB10" s="77">
        <v>0</v>
      </c>
      <c r="CC10" s="78">
        <v>0</v>
      </c>
      <c r="CD10" s="79">
        <v>0</v>
      </c>
      <c r="CE10" s="80">
        <v>0</v>
      </c>
      <c r="CF10" s="78">
        <v>0</v>
      </c>
      <c r="CG10" s="78">
        <v>445</v>
      </c>
      <c r="CH10" s="78">
        <v>2175</v>
      </c>
      <c r="CI10" s="78">
        <v>2215</v>
      </c>
      <c r="CJ10" s="78">
        <v>0</v>
      </c>
      <c r="CK10" s="81">
        <v>4835</v>
      </c>
      <c r="CL10" s="82">
        <v>4835</v>
      </c>
      <c r="CM10" s="77">
        <v>0</v>
      </c>
      <c r="CN10" s="78">
        <v>0</v>
      </c>
      <c r="CO10" s="79">
        <v>0</v>
      </c>
      <c r="CP10" s="80">
        <v>0</v>
      </c>
      <c r="CQ10" s="78">
        <v>0</v>
      </c>
      <c r="CR10" s="78">
        <v>0</v>
      </c>
      <c r="CS10" s="78">
        <v>0</v>
      </c>
      <c r="CT10" s="78">
        <v>0</v>
      </c>
      <c r="CU10" s="78">
        <v>0</v>
      </c>
      <c r="CV10" s="81">
        <v>0</v>
      </c>
      <c r="CW10" s="82">
        <v>0</v>
      </c>
      <c r="CX10" s="77">
        <v>0</v>
      </c>
      <c r="CY10" s="78">
        <v>0</v>
      </c>
      <c r="CZ10" s="79">
        <v>0</v>
      </c>
      <c r="DA10" s="436"/>
      <c r="DB10" s="78">
        <v>0</v>
      </c>
      <c r="DC10" s="78">
        <v>0</v>
      </c>
      <c r="DD10" s="78">
        <v>0</v>
      </c>
      <c r="DE10" s="78">
        <v>0</v>
      </c>
      <c r="DF10" s="78">
        <v>0</v>
      </c>
      <c r="DG10" s="81">
        <v>0</v>
      </c>
      <c r="DH10" s="82">
        <v>0</v>
      </c>
      <c r="DI10" s="77">
        <v>0</v>
      </c>
      <c r="DJ10" s="78">
        <v>10809</v>
      </c>
      <c r="DK10" s="79">
        <v>10809</v>
      </c>
      <c r="DL10" s="80">
        <v>0</v>
      </c>
      <c r="DM10" s="78">
        <v>356700</v>
      </c>
      <c r="DN10" s="78">
        <v>1190463</v>
      </c>
      <c r="DO10" s="78">
        <v>9206089</v>
      </c>
      <c r="DP10" s="78">
        <v>12455884</v>
      </c>
      <c r="DQ10" s="78">
        <v>7858023</v>
      </c>
      <c r="DR10" s="81">
        <v>31067159</v>
      </c>
      <c r="DS10" s="83">
        <v>31077968</v>
      </c>
      <c r="DT10" s="77">
        <v>0</v>
      </c>
      <c r="DU10" s="78">
        <v>0</v>
      </c>
      <c r="DV10" s="79">
        <v>0</v>
      </c>
      <c r="DW10" s="436">
        <v>0</v>
      </c>
      <c r="DX10" s="78">
        <v>88682</v>
      </c>
      <c r="DY10" s="78">
        <v>472323</v>
      </c>
      <c r="DZ10" s="78">
        <v>8135839</v>
      </c>
      <c r="EA10" s="78">
        <v>11000425</v>
      </c>
      <c r="EB10" s="78">
        <v>7001741</v>
      </c>
      <c r="EC10" s="81">
        <v>26699010</v>
      </c>
      <c r="ED10" s="82">
        <v>26699010</v>
      </c>
      <c r="EE10" s="77">
        <v>0</v>
      </c>
      <c r="EF10" s="78">
        <v>0</v>
      </c>
      <c r="EG10" s="79">
        <v>0</v>
      </c>
      <c r="EH10" s="436">
        <v>0</v>
      </c>
      <c r="EI10" s="78">
        <v>66757</v>
      </c>
      <c r="EJ10" s="78">
        <v>230226</v>
      </c>
      <c r="EK10" s="78">
        <v>243649</v>
      </c>
      <c r="EL10" s="78">
        <v>339909</v>
      </c>
      <c r="EM10" s="78">
        <v>189194</v>
      </c>
      <c r="EN10" s="81">
        <v>1069735</v>
      </c>
      <c r="EO10" s="82">
        <v>1069735</v>
      </c>
      <c r="EP10" s="77">
        <v>0</v>
      </c>
      <c r="EQ10" s="78">
        <v>0</v>
      </c>
      <c r="ER10" s="79">
        <v>0</v>
      </c>
      <c r="ES10" s="436"/>
      <c r="ET10" s="78">
        <v>0</v>
      </c>
      <c r="EU10" s="78">
        <v>0</v>
      </c>
      <c r="EV10" s="78">
        <v>0</v>
      </c>
      <c r="EW10" s="78">
        <v>22055</v>
      </c>
      <c r="EX10" s="78">
        <v>32190</v>
      </c>
      <c r="EY10" s="81">
        <v>54245</v>
      </c>
      <c r="EZ10" s="82">
        <v>54245</v>
      </c>
      <c r="FA10" s="77">
        <v>0</v>
      </c>
      <c r="FB10" s="78">
        <v>0</v>
      </c>
      <c r="FC10" s="79">
        <v>0</v>
      </c>
      <c r="FD10" s="436">
        <v>0</v>
      </c>
      <c r="FE10" s="78">
        <v>0</v>
      </c>
      <c r="FF10" s="78">
        <v>0</v>
      </c>
      <c r="FG10" s="78">
        <v>322</v>
      </c>
      <c r="FH10" s="78">
        <v>81403</v>
      </c>
      <c r="FI10" s="78">
        <v>93188</v>
      </c>
      <c r="FJ10" s="81">
        <v>174913</v>
      </c>
      <c r="FK10" s="82">
        <v>174913</v>
      </c>
      <c r="FL10" s="77">
        <v>0</v>
      </c>
      <c r="FM10" s="78">
        <v>0</v>
      </c>
      <c r="FN10" s="79">
        <v>0</v>
      </c>
      <c r="FO10" s="436">
        <v>0</v>
      </c>
      <c r="FP10" s="78">
        <v>0</v>
      </c>
      <c r="FQ10" s="78">
        <v>0</v>
      </c>
      <c r="FR10" s="78">
        <v>80736</v>
      </c>
      <c r="FS10" s="78">
        <v>206577</v>
      </c>
      <c r="FT10" s="78">
        <v>94946</v>
      </c>
      <c r="FU10" s="81">
        <v>382259</v>
      </c>
      <c r="FV10" s="82">
        <v>382259</v>
      </c>
      <c r="FW10" s="77">
        <v>0</v>
      </c>
      <c r="FX10" s="78">
        <v>10809</v>
      </c>
      <c r="FY10" s="79">
        <v>10809</v>
      </c>
      <c r="FZ10" s="80">
        <v>0</v>
      </c>
      <c r="GA10" s="78">
        <v>201261</v>
      </c>
      <c r="GB10" s="78">
        <v>486124</v>
      </c>
      <c r="GC10" s="78">
        <v>738741</v>
      </c>
      <c r="GD10" s="78">
        <v>805466</v>
      </c>
      <c r="GE10" s="78">
        <v>446764</v>
      </c>
      <c r="GF10" s="81">
        <v>2678356</v>
      </c>
      <c r="GG10" s="82">
        <v>2689165</v>
      </c>
      <c r="GH10" s="77">
        <v>0</v>
      </c>
      <c r="GI10" s="78">
        <v>0</v>
      </c>
      <c r="GJ10" s="79">
        <v>0</v>
      </c>
      <c r="GK10" s="80">
        <v>0</v>
      </c>
      <c r="GL10" s="78">
        <v>0</v>
      </c>
      <c r="GM10" s="78">
        <v>1790</v>
      </c>
      <c r="GN10" s="78">
        <v>6802</v>
      </c>
      <c r="GO10" s="78">
        <v>49</v>
      </c>
      <c r="GP10" s="78">
        <v>0</v>
      </c>
      <c r="GQ10" s="81">
        <v>8641</v>
      </c>
      <c r="GR10" s="82">
        <v>8641</v>
      </c>
      <c r="GS10" s="77">
        <v>0</v>
      </c>
      <c r="GT10" s="78">
        <v>0</v>
      </c>
      <c r="GU10" s="79">
        <v>0</v>
      </c>
      <c r="GV10" s="80">
        <v>0</v>
      </c>
      <c r="GW10" s="78">
        <v>0</v>
      </c>
      <c r="GX10" s="78">
        <v>0</v>
      </c>
      <c r="GY10" s="78">
        <v>0</v>
      </c>
      <c r="GZ10" s="78">
        <v>0</v>
      </c>
      <c r="HA10" s="78">
        <v>0</v>
      </c>
      <c r="HB10" s="81">
        <v>0</v>
      </c>
      <c r="HC10" s="82">
        <v>0</v>
      </c>
      <c r="HD10" s="77">
        <v>0</v>
      </c>
      <c r="HE10" s="78">
        <v>0</v>
      </c>
      <c r="HF10" s="79">
        <v>0</v>
      </c>
      <c r="HG10" s="436"/>
      <c r="HH10" s="78">
        <v>0</v>
      </c>
      <c r="HI10" s="78">
        <v>0</v>
      </c>
      <c r="HJ10" s="78">
        <v>0</v>
      </c>
      <c r="HK10" s="78">
        <v>0</v>
      </c>
      <c r="HL10" s="78">
        <v>0</v>
      </c>
      <c r="HM10" s="81">
        <v>0</v>
      </c>
      <c r="HN10" s="82">
        <v>0</v>
      </c>
      <c r="HO10" s="77">
        <v>0</v>
      </c>
      <c r="HP10" s="78">
        <v>23169</v>
      </c>
      <c r="HQ10" s="79">
        <v>23169</v>
      </c>
      <c r="HR10" s="80">
        <v>0</v>
      </c>
      <c r="HS10" s="78">
        <v>948244</v>
      </c>
      <c r="HT10" s="78">
        <v>3162035</v>
      </c>
      <c r="HU10" s="78">
        <v>16861030</v>
      </c>
      <c r="HV10" s="78">
        <v>23936591</v>
      </c>
      <c r="HW10" s="78">
        <v>15767719</v>
      </c>
      <c r="HX10" s="81">
        <v>60675619</v>
      </c>
      <c r="HY10" s="82">
        <v>60698788</v>
      </c>
    </row>
    <row r="11" spans="2:233" s="137" customFormat="1" ht="21" customHeight="1" x14ac:dyDescent="0.2">
      <c r="B11" s="173" t="s">
        <v>7</v>
      </c>
      <c r="C11" s="77">
        <v>0</v>
      </c>
      <c r="D11" s="78">
        <v>3835</v>
      </c>
      <c r="E11" s="79">
        <v>3835</v>
      </c>
      <c r="F11" s="80">
        <v>0</v>
      </c>
      <c r="G11" s="78">
        <v>1690871</v>
      </c>
      <c r="H11" s="78">
        <v>2220415</v>
      </c>
      <c r="I11" s="78">
        <v>6406445</v>
      </c>
      <c r="J11" s="78">
        <v>7685747</v>
      </c>
      <c r="K11" s="78">
        <v>3901869</v>
      </c>
      <c r="L11" s="81">
        <v>21905347</v>
      </c>
      <c r="M11" s="82">
        <v>21909182</v>
      </c>
      <c r="N11" s="77">
        <v>0</v>
      </c>
      <c r="O11" s="78">
        <v>0</v>
      </c>
      <c r="P11" s="79">
        <v>0</v>
      </c>
      <c r="Q11" s="436">
        <v>0</v>
      </c>
      <c r="R11" s="78">
        <v>242585</v>
      </c>
      <c r="S11" s="78">
        <v>472655</v>
      </c>
      <c r="T11" s="78">
        <v>4461366</v>
      </c>
      <c r="U11" s="78">
        <v>5897508</v>
      </c>
      <c r="V11" s="78">
        <v>3407005</v>
      </c>
      <c r="W11" s="81">
        <v>14481119</v>
      </c>
      <c r="X11" s="82">
        <v>14481119</v>
      </c>
      <c r="Y11" s="77">
        <v>0</v>
      </c>
      <c r="Z11" s="78">
        <v>0</v>
      </c>
      <c r="AA11" s="79">
        <v>0</v>
      </c>
      <c r="AB11" s="436">
        <v>0</v>
      </c>
      <c r="AC11" s="78">
        <v>1252381</v>
      </c>
      <c r="AD11" s="78">
        <v>1507489</v>
      </c>
      <c r="AE11" s="78">
        <v>1548982</v>
      </c>
      <c r="AF11" s="78">
        <v>1446562</v>
      </c>
      <c r="AG11" s="78">
        <v>417774</v>
      </c>
      <c r="AH11" s="81">
        <v>6173188</v>
      </c>
      <c r="AI11" s="82">
        <v>6173188</v>
      </c>
      <c r="AJ11" s="77">
        <v>0</v>
      </c>
      <c r="AK11" s="78">
        <v>0</v>
      </c>
      <c r="AL11" s="79">
        <v>0</v>
      </c>
      <c r="AM11" s="436"/>
      <c r="AN11" s="78">
        <v>0</v>
      </c>
      <c r="AO11" s="78">
        <v>0</v>
      </c>
      <c r="AP11" s="78">
        <v>0</v>
      </c>
      <c r="AQ11" s="78">
        <v>0</v>
      </c>
      <c r="AR11" s="78">
        <v>2465</v>
      </c>
      <c r="AS11" s="81">
        <v>2465</v>
      </c>
      <c r="AT11" s="82">
        <v>2465</v>
      </c>
      <c r="AU11" s="77">
        <v>0</v>
      </c>
      <c r="AV11" s="78">
        <v>0</v>
      </c>
      <c r="AW11" s="79">
        <v>0</v>
      </c>
      <c r="AX11" s="436"/>
      <c r="AY11" s="78">
        <v>0</v>
      </c>
      <c r="AZ11" s="78">
        <v>0</v>
      </c>
      <c r="BA11" s="78">
        <v>0</v>
      </c>
      <c r="BB11" s="78">
        <v>32380</v>
      </c>
      <c r="BC11" s="78">
        <v>0</v>
      </c>
      <c r="BD11" s="81">
        <v>32380</v>
      </c>
      <c r="BE11" s="82">
        <v>32380</v>
      </c>
      <c r="BF11" s="77">
        <v>0</v>
      </c>
      <c r="BG11" s="78">
        <v>0</v>
      </c>
      <c r="BH11" s="79">
        <v>0</v>
      </c>
      <c r="BI11" s="436">
        <v>0</v>
      </c>
      <c r="BJ11" s="78">
        <v>0</v>
      </c>
      <c r="BK11" s="78">
        <v>0</v>
      </c>
      <c r="BL11" s="78">
        <v>0</v>
      </c>
      <c r="BM11" s="78">
        <v>0</v>
      </c>
      <c r="BN11" s="78">
        <v>0</v>
      </c>
      <c r="BO11" s="81">
        <v>0</v>
      </c>
      <c r="BP11" s="82">
        <v>0</v>
      </c>
      <c r="BQ11" s="77">
        <v>0</v>
      </c>
      <c r="BR11" s="78">
        <v>3835</v>
      </c>
      <c r="BS11" s="79">
        <v>3835</v>
      </c>
      <c r="BT11" s="80">
        <v>0</v>
      </c>
      <c r="BU11" s="78">
        <v>192550</v>
      </c>
      <c r="BV11" s="78">
        <v>236100</v>
      </c>
      <c r="BW11" s="78">
        <v>384812</v>
      </c>
      <c r="BX11" s="78">
        <v>303087</v>
      </c>
      <c r="BY11" s="78">
        <v>65065</v>
      </c>
      <c r="BZ11" s="81">
        <v>1181614</v>
      </c>
      <c r="CA11" s="82">
        <v>1185449</v>
      </c>
      <c r="CB11" s="77">
        <v>0</v>
      </c>
      <c r="CC11" s="78">
        <v>0</v>
      </c>
      <c r="CD11" s="79">
        <v>0</v>
      </c>
      <c r="CE11" s="80">
        <v>0</v>
      </c>
      <c r="CF11" s="78">
        <v>3355</v>
      </c>
      <c r="CG11" s="78">
        <v>4171</v>
      </c>
      <c r="CH11" s="78">
        <v>11285</v>
      </c>
      <c r="CI11" s="78">
        <v>6210</v>
      </c>
      <c r="CJ11" s="78">
        <v>9560</v>
      </c>
      <c r="CK11" s="81">
        <v>34581</v>
      </c>
      <c r="CL11" s="82">
        <v>34581</v>
      </c>
      <c r="CM11" s="77">
        <v>0</v>
      </c>
      <c r="CN11" s="78">
        <v>0</v>
      </c>
      <c r="CO11" s="79">
        <v>0</v>
      </c>
      <c r="CP11" s="80">
        <v>0</v>
      </c>
      <c r="CQ11" s="78">
        <v>0</v>
      </c>
      <c r="CR11" s="78">
        <v>0</v>
      </c>
      <c r="CS11" s="78">
        <v>0</v>
      </c>
      <c r="CT11" s="78">
        <v>0</v>
      </c>
      <c r="CU11" s="78">
        <v>0</v>
      </c>
      <c r="CV11" s="81">
        <v>0</v>
      </c>
      <c r="CW11" s="82">
        <v>0</v>
      </c>
      <c r="CX11" s="77">
        <v>0</v>
      </c>
      <c r="CY11" s="78">
        <v>0</v>
      </c>
      <c r="CZ11" s="79">
        <v>0</v>
      </c>
      <c r="DA11" s="436"/>
      <c r="DB11" s="78">
        <v>0</v>
      </c>
      <c r="DC11" s="78">
        <v>0</v>
      </c>
      <c r="DD11" s="78">
        <v>0</v>
      </c>
      <c r="DE11" s="78">
        <v>0</v>
      </c>
      <c r="DF11" s="78">
        <v>0</v>
      </c>
      <c r="DG11" s="81">
        <v>0</v>
      </c>
      <c r="DH11" s="82">
        <v>0</v>
      </c>
      <c r="DI11" s="77">
        <v>0</v>
      </c>
      <c r="DJ11" s="78">
        <v>3755</v>
      </c>
      <c r="DK11" s="79">
        <v>3755</v>
      </c>
      <c r="DL11" s="80">
        <v>0</v>
      </c>
      <c r="DM11" s="78">
        <v>668917</v>
      </c>
      <c r="DN11" s="78">
        <v>1099955</v>
      </c>
      <c r="DO11" s="78">
        <v>6417941</v>
      </c>
      <c r="DP11" s="78">
        <v>7718524</v>
      </c>
      <c r="DQ11" s="78">
        <v>4124470</v>
      </c>
      <c r="DR11" s="81">
        <v>20029807</v>
      </c>
      <c r="DS11" s="83">
        <v>20033562</v>
      </c>
      <c r="DT11" s="77">
        <v>0</v>
      </c>
      <c r="DU11" s="78">
        <v>0</v>
      </c>
      <c r="DV11" s="79">
        <v>0</v>
      </c>
      <c r="DW11" s="436">
        <v>0</v>
      </c>
      <c r="DX11" s="78">
        <v>233682</v>
      </c>
      <c r="DY11" s="78">
        <v>583351</v>
      </c>
      <c r="DZ11" s="78">
        <v>5630757</v>
      </c>
      <c r="EA11" s="78">
        <v>7093031</v>
      </c>
      <c r="EB11" s="78">
        <v>3975819</v>
      </c>
      <c r="EC11" s="81">
        <v>17516640</v>
      </c>
      <c r="ED11" s="82">
        <v>17516640</v>
      </c>
      <c r="EE11" s="77">
        <v>0</v>
      </c>
      <c r="EF11" s="78">
        <v>0</v>
      </c>
      <c r="EG11" s="79">
        <v>0</v>
      </c>
      <c r="EH11" s="436">
        <v>0</v>
      </c>
      <c r="EI11" s="78">
        <v>155562</v>
      </c>
      <c r="EJ11" s="78">
        <v>193803</v>
      </c>
      <c r="EK11" s="78">
        <v>216403</v>
      </c>
      <c r="EL11" s="78">
        <v>197992</v>
      </c>
      <c r="EM11" s="78">
        <v>45015</v>
      </c>
      <c r="EN11" s="81">
        <v>808775</v>
      </c>
      <c r="EO11" s="82">
        <v>808775</v>
      </c>
      <c r="EP11" s="77">
        <v>0</v>
      </c>
      <c r="EQ11" s="78">
        <v>0</v>
      </c>
      <c r="ER11" s="79">
        <v>0</v>
      </c>
      <c r="ES11" s="436"/>
      <c r="ET11" s="78">
        <v>0</v>
      </c>
      <c r="EU11" s="78">
        <v>0</v>
      </c>
      <c r="EV11" s="78">
        <v>0</v>
      </c>
      <c r="EW11" s="78">
        <v>0</v>
      </c>
      <c r="EX11" s="78">
        <v>203</v>
      </c>
      <c r="EY11" s="81">
        <v>203</v>
      </c>
      <c r="EZ11" s="82">
        <v>203</v>
      </c>
      <c r="FA11" s="77">
        <v>0</v>
      </c>
      <c r="FB11" s="78">
        <v>0</v>
      </c>
      <c r="FC11" s="79">
        <v>0</v>
      </c>
      <c r="FD11" s="436">
        <v>0</v>
      </c>
      <c r="FE11" s="78">
        <v>0</v>
      </c>
      <c r="FF11" s="78">
        <v>0</v>
      </c>
      <c r="FG11" s="78">
        <v>0</v>
      </c>
      <c r="FH11" s="78">
        <v>406</v>
      </c>
      <c r="FI11" s="78">
        <v>0</v>
      </c>
      <c r="FJ11" s="81">
        <v>406</v>
      </c>
      <c r="FK11" s="82">
        <v>406</v>
      </c>
      <c r="FL11" s="77">
        <v>0</v>
      </c>
      <c r="FM11" s="78">
        <v>0</v>
      </c>
      <c r="FN11" s="79">
        <v>0</v>
      </c>
      <c r="FO11" s="436">
        <v>0</v>
      </c>
      <c r="FP11" s="78">
        <v>0</v>
      </c>
      <c r="FQ11" s="78">
        <v>0</v>
      </c>
      <c r="FR11" s="78">
        <v>0</v>
      </c>
      <c r="FS11" s="78">
        <v>0</v>
      </c>
      <c r="FT11" s="78">
        <v>0</v>
      </c>
      <c r="FU11" s="81">
        <v>0</v>
      </c>
      <c r="FV11" s="82">
        <v>0</v>
      </c>
      <c r="FW11" s="77">
        <v>0</v>
      </c>
      <c r="FX11" s="78">
        <v>3755</v>
      </c>
      <c r="FY11" s="79">
        <v>3755</v>
      </c>
      <c r="FZ11" s="80">
        <v>0</v>
      </c>
      <c r="GA11" s="78">
        <v>279638</v>
      </c>
      <c r="GB11" s="78">
        <v>317936</v>
      </c>
      <c r="GC11" s="78">
        <v>569581</v>
      </c>
      <c r="GD11" s="78">
        <v>426948</v>
      </c>
      <c r="GE11" s="78">
        <v>99425</v>
      </c>
      <c r="GF11" s="81">
        <v>1693528</v>
      </c>
      <c r="GG11" s="82">
        <v>1697283</v>
      </c>
      <c r="GH11" s="77">
        <v>0</v>
      </c>
      <c r="GI11" s="78">
        <v>0</v>
      </c>
      <c r="GJ11" s="79">
        <v>0</v>
      </c>
      <c r="GK11" s="80">
        <v>0</v>
      </c>
      <c r="GL11" s="78">
        <v>35</v>
      </c>
      <c r="GM11" s="78">
        <v>4865</v>
      </c>
      <c r="GN11" s="78">
        <v>1200</v>
      </c>
      <c r="GO11" s="78">
        <v>147</v>
      </c>
      <c r="GP11" s="78">
        <v>4008</v>
      </c>
      <c r="GQ11" s="81">
        <v>10255</v>
      </c>
      <c r="GR11" s="82">
        <v>10255</v>
      </c>
      <c r="GS11" s="77">
        <v>0</v>
      </c>
      <c r="GT11" s="78">
        <v>0</v>
      </c>
      <c r="GU11" s="79">
        <v>0</v>
      </c>
      <c r="GV11" s="80">
        <v>0</v>
      </c>
      <c r="GW11" s="78">
        <v>0</v>
      </c>
      <c r="GX11" s="78">
        <v>0</v>
      </c>
      <c r="GY11" s="78">
        <v>0</v>
      </c>
      <c r="GZ11" s="78">
        <v>0</v>
      </c>
      <c r="HA11" s="78">
        <v>0</v>
      </c>
      <c r="HB11" s="81">
        <v>0</v>
      </c>
      <c r="HC11" s="82">
        <v>0</v>
      </c>
      <c r="HD11" s="77">
        <v>0</v>
      </c>
      <c r="HE11" s="78">
        <v>0</v>
      </c>
      <c r="HF11" s="79">
        <v>0</v>
      </c>
      <c r="HG11" s="436"/>
      <c r="HH11" s="78">
        <v>0</v>
      </c>
      <c r="HI11" s="78">
        <v>0</v>
      </c>
      <c r="HJ11" s="78">
        <v>0</v>
      </c>
      <c r="HK11" s="78">
        <v>0</v>
      </c>
      <c r="HL11" s="78">
        <v>0</v>
      </c>
      <c r="HM11" s="81">
        <v>0</v>
      </c>
      <c r="HN11" s="82">
        <v>0</v>
      </c>
      <c r="HO11" s="77">
        <v>0</v>
      </c>
      <c r="HP11" s="78">
        <v>7590</v>
      </c>
      <c r="HQ11" s="79">
        <v>7590</v>
      </c>
      <c r="HR11" s="80">
        <v>0</v>
      </c>
      <c r="HS11" s="78">
        <v>2359788</v>
      </c>
      <c r="HT11" s="78">
        <v>3320370</v>
      </c>
      <c r="HU11" s="78">
        <v>12824386</v>
      </c>
      <c r="HV11" s="78">
        <v>15404271</v>
      </c>
      <c r="HW11" s="78">
        <v>8026339</v>
      </c>
      <c r="HX11" s="81">
        <v>41935154</v>
      </c>
      <c r="HY11" s="82">
        <v>41942744</v>
      </c>
    </row>
    <row r="12" spans="2:233" s="137" customFormat="1" ht="21" customHeight="1" x14ac:dyDescent="0.2">
      <c r="B12" s="173" t="s">
        <v>8</v>
      </c>
      <c r="C12" s="77">
        <v>0</v>
      </c>
      <c r="D12" s="78">
        <v>2900</v>
      </c>
      <c r="E12" s="79">
        <v>2900</v>
      </c>
      <c r="F12" s="80">
        <v>0</v>
      </c>
      <c r="G12" s="78">
        <v>545956</v>
      </c>
      <c r="H12" s="78">
        <v>1077575</v>
      </c>
      <c r="I12" s="78">
        <v>4272112</v>
      </c>
      <c r="J12" s="78">
        <v>4646459</v>
      </c>
      <c r="K12" s="78">
        <v>2493037</v>
      </c>
      <c r="L12" s="81">
        <v>13035139</v>
      </c>
      <c r="M12" s="82">
        <v>13038039</v>
      </c>
      <c r="N12" s="77">
        <v>0</v>
      </c>
      <c r="O12" s="78">
        <v>0</v>
      </c>
      <c r="P12" s="79">
        <v>0</v>
      </c>
      <c r="Q12" s="436">
        <v>0</v>
      </c>
      <c r="R12" s="78">
        <v>213229</v>
      </c>
      <c r="S12" s="78">
        <v>343940</v>
      </c>
      <c r="T12" s="78">
        <v>2921488</v>
      </c>
      <c r="U12" s="78">
        <v>3209028</v>
      </c>
      <c r="V12" s="78">
        <v>1980850</v>
      </c>
      <c r="W12" s="81">
        <v>8668535</v>
      </c>
      <c r="X12" s="82">
        <v>8668535</v>
      </c>
      <c r="Y12" s="77">
        <v>0</v>
      </c>
      <c r="Z12" s="78">
        <v>0</v>
      </c>
      <c r="AA12" s="79">
        <v>0</v>
      </c>
      <c r="AB12" s="436">
        <v>0</v>
      </c>
      <c r="AC12" s="78">
        <v>224025</v>
      </c>
      <c r="AD12" s="78">
        <v>552564</v>
      </c>
      <c r="AE12" s="78">
        <v>851334</v>
      </c>
      <c r="AF12" s="78">
        <v>844241</v>
      </c>
      <c r="AG12" s="78">
        <v>322420</v>
      </c>
      <c r="AH12" s="81">
        <v>2794584</v>
      </c>
      <c r="AI12" s="82">
        <v>2794584</v>
      </c>
      <c r="AJ12" s="77">
        <v>0</v>
      </c>
      <c r="AK12" s="78">
        <v>0</v>
      </c>
      <c r="AL12" s="79">
        <v>0</v>
      </c>
      <c r="AM12" s="436"/>
      <c r="AN12" s="78">
        <v>0</v>
      </c>
      <c r="AO12" s="78">
        <v>0</v>
      </c>
      <c r="AP12" s="78">
        <v>0</v>
      </c>
      <c r="AQ12" s="78">
        <v>0</v>
      </c>
      <c r="AR12" s="78">
        <v>0</v>
      </c>
      <c r="AS12" s="81">
        <v>0</v>
      </c>
      <c r="AT12" s="82">
        <v>0</v>
      </c>
      <c r="AU12" s="77">
        <v>0</v>
      </c>
      <c r="AV12" s="78">
        <v>0</v>
      </c>
      <c r="AW12" s="79">
        <v>0</v>
      </c>
      <c r="AX12" s="436"/>
      <c r="AY12" s="78">
        <v>0</v>
      </c>
      <c r="AZ12" s="78">
        <v>0</v>
      </c>
      <c r="BA12" s="78">
        <v>30595</v>
      </c>
      <c r="BB12" s="78">
        <v>2465</v>
      </c>
      <c r="BC12" s="78">
        <v>35670</v>
      </c>
      <c r="BD12" s="81">
        <v>68730</v>
      </c>
      <c r="BE12" s="82">
        <v>68730</v>
      </c>
      <c r="BF12" s="77">
        <v>0</v>
      </c>
      <c r="BG12" s="78">
        <v>0</v>
      </c>
      <c r="BH12" s="79">
        <v>0</v>
      </c>
      <c r="BI12" s="436">
        <v>0</v>
      </c>
      <c r="BJ12" s="78">
        <v>0</v>
      </c>
      <c r="BK12" s="78">
        <v>2465</v>
      </c>
      <c r="BL12" s="78">
        <v>45555</v>
      </c>
      <c r="BM12" s="78">
        <v>236930</v>
      </c>
      <c r="BN12" s="78">
        <v>43165</v>
      </c>
      <c r="BO12" s="81">
        <v>328115</v>
      </c>
      <c r="BP12" s="82">
        <v>328115</v>
      </c>
      <c r="BQ12" s="77">
        <v>0</v>
      </c>
      <c r="BR12" s="78">
        <v>2900</v>
      </c>
      <c r="BS12" s="79">
        <v>2900</v>
      </c>
      <c r="BT12" s="80">
        <v>0</v>
      </c>
      <c r="BU12" s="78">
        <v>108702</v>
      </c>
      <c r="BV12" s="78">
        <v>169201</v>
      </c>
      <c r="BW12" s="78">
        <v>420535</v>
      </c>
      <c r="BX12" s="78">
        <v>353095</v>
      </c>
      <c r="BY12" s="78">
        <v>109951</v>
      </c>
      <c r="BZ12" s="81">
        <v>1161484</v>
      </c>
      <c r="CA12" s="82">
        <v>1164384</v>
      </c>
      <c r="CB12" s="77">
        <v>0</v>
      </c>
      <c r="CC12" s="78">
        <v>0</v>
      </c>
      <c r="CD12" s="79">
        <v>0</v>
      </c>
      <c r="CE12" s="80">
        <v>0</v>
      </c>
      <c r="CF12" s="78">
        <v>0</v>
      </c>
      <c r="CG12" s="78">
        <v>9405</v>
      </c>
      <c r="CH12" s="78">
        <v>2605</v>
      </c>
      <c r="CI12" s="78">
        <v>700</v>
      </c>
      <c r="CJ12" s="78">
        <v>981</v>
      </c>
      <c r="CK12" s="81">
        <v>13691</v>
      </c>
      <c r="CL12" s="82">
        <v>13691</v>
      </c>
      <c r="CM12" s="77">
        <v>0</v>
      </c>
      <c r="CN12" s="78">
        <v>0</v>
      </c>
      <c r="CO12" s="79">
        <v>0</v>
      </c>
      <c r="CP12" s="80">
        <v>0</v>
      </c>
      <c r="CQ12" s="78">
        <v>0</v>
      </c>
      <c r="CR12" s="78">
        <v>0</v>
      </c>
      <c r="CS12" s="78">
        <v>0</v>
      </c>
      <c r="CT12" s="78">
        <v>0</v>
      </c>
      <c r="CU12" s="78">
        <v>0</v>
      </c>
      <c r="CV12" s="81">
        <v>0</v>
      </c>
      <c r="CW12" s="82">
        <v>0</v>
      </c>
      <c r="CX12" s="77">
        <v>0</v>
      </c>
      <c r="CY12" s="78">
        <v>0</v>
      </c>
      <c r="CZ12" s="79">
        <v>0</v>
      </c>
      <c r="DA12" s="436"/>
      <c r="DB12" s="78">
        <v>0</v>
      </c>
      <c r="DC12" s="78">
        <v>0</v>
      </c>
      <c r="DD12" s="78">
        <v>0</v>
      </c>
      <c r="DE12" s="78">
        <v>0</v>
      </c>
      <c r="DF12" s="78">
        <v>0</v>
      </c>
      <c r="DG12" s="81">
        <v>0</v>
      </c>
      <c r="DH12" s="82">
        <v>0</v>
      </c>
      <c r="DI12" s="77">
        <v>0</v>
      </c>
      <c r="DJ12" s="78">
        <v>7448</v>
      </c>
      <c r="DK12" s="79">
        <v>7448</v>
      </c>
      <c r="DL12" s="80">
        <v>0</v>
      </c>
      <c r="DM12" s="78">
        <v>489811</v>
      </c>
      <c r="DN12" s="78">
        <v>1103123</v>
      </c>
      <c r="DO12" s="78">
        <v>5308442</v>
      </c>
      <c r="DP12" s="78">
        <v>5539990</v>
      </c>
      <c r="DQ12" s="78">
        <v>3015170</v>
      </c>
      <c r="DR12" s="81">
        <v>15456536</v>
      </c>
      <c r="DS12" s="83">
        <v>15463984</v>
      </c>
      <c r="DT12" s="77">
        <v>0</v>
      </c>
      <c r="DU12" s="78">
        <v>0</v>
      </c>
      <c r="DV12" s="79">
        <v>0</v>
      </c>
      <c r="DW12" s="436">
        <v>0</v>
      </c>
      <c r="DX12" s="78">
        <v>286726</v>
      </c>
      <c r="DY12" s="78">
        <v>728248</v>
      </c>
      <c r="DZ12" s="78">
        <v>4391814</v>
      </c>
      <c r="EA12" s="78">
        <v>4441476</v>
      </c>
      <c r="EB12" s="78">
        <v>2687985</v>
      </c>
      <c r="EC12" s="81">
        <v>12536249</v>
      </c>
      <c r="ED12" s="82">
        <v>12536249</v>
      </c>
      <c r="EE12" s="77">
        <v>0</v>
      </c>
      <c r="EF12" s="78">
        <v>0</v>
      </c>
      <c r="EG12" s="79">
        <v>0</v>
      </c>
      <c r="EH12" s="436">
        <v>0</v>
      </c>
      <c r="EI12" s="78">
        <v>43384</v>
      </c>
      <c r="EJ12" s="78">
        <v>55567</v>
      </c>
      <c r="EK12" s="78">
        <v>91842</v>
      </c>
      <c r="EL12" s="78">
        <v>58095</v>
      </c>
      <c r="EM12" s="78">
        <v>36252</v>
      </c>
      <c r="EN12" s="81">
        <v>285140</v>
      </c>
      <c r="EO12" s="82">
        <v>285140</v>
      </c>
      <c r="EP12" s="77">
        <v>0</v>
      </c>
      <c r="EQ12" s="78">
        <v>0</v>
      </c>
      <c r="ER12" s="79">
        <v>0</v>
      </c>
      <c r="ES12" s="436"/>
      <c r="ET12" s="78">
        <v>0</v>
      </c>
      <c r="EU12" s="78">
        <v>0</v>
      </c>
      <c r="EV12" s="78">
        <v>0</v>
      </c>
      <c r="EW12" s="78">
        <v>0</v>
      </c>
      <c r="EX12" s="78">
        <v>0</v>
      </c>
      <c r="EY12" s="81">
        <v>0</v>
      </c>
      <c r="EZ12" s="82">
        <v>0</v>
      </c>
      <c r="FA12" s="77">
        <v>0</v>
      </c>
      <c r="FB12" s="78">
        <v>0</v>
      </c>
      <c r="FC12" s="79">
        <v>0</v>
      </c>
      <c r="FD12" s="436">
        <v>0</v>
      </c>
      <c r="FE12" s="78">
        <v>0</v>
      </c>
      <c r="FF12" s="78">
        <v>0</v>
      </c>
      <c r="FG12" s="78">
        <v>203</v>
      </c>
      <c r="FH12" s="78">
        <v>203</v>
      </c>
      <c r="FI12" s="78">
        <v>11136</v>
      </c>
      <c r="FJ12" s="81">
        <v>11542</v>
      </c>
      <c r="FK12" s="82">
        <v>11542</v>
      </c>
      <c r="FL12" s="77">
        <v>0</v>
      </c>
      <c r="FM12" s="78">
        <v>0</v>
      </c>
      <c r="FN12" s="79">
        <v>0</v>
      </c>
      <c r="FO12" s="436">
        <v>0</v>
      </c>
      <c r="FP12" s="78">
        <v>0</v>
      </c>
      <c r="FQ12" s="78">
        <v>20184</v>
      </c>
      <c r="FR12" s="78">
        <v>156890</v>
      </c>
      <c r="FS12" s="78">
        <v>353626</v>
      </c>
      <c r="FT12" s="78">
        <v>73370</v>
      </c>
      <c r="FU12" s="81">
        <v>604070</v>
      </c>
      <c r="FV12" s="82">
        <v>604070</v>
      </c>
      <c r="FW12" s="77">
        <v>0</v>
      </c>
      <c r="FX12" s="78">
        <v>7448</v>
      </c>
      <c r="FY12" s="79">
        <v>7448</v>
      </c>
      <c r="FZ12" s="80">
        <v>0</v>
      </c>
      <c r="GA12" s="78">
        <v>159701</v>
      </c>
      <c r="GB12" s="78">
        <v>297113</v>
      </c>
      <c r="GC12" s="78">
        <v>666514</v>
      </c>
      <c r="GD12" s="78">
        <v>686583</v>
      </c>
      <c r="GE12" s="78">
        <v>206412</v>
      </c>
      <c r="GF12" s="81">
        <v>2016323</v>
      </c>
      <c r="GG12" s="82">
        <v>2023771</v>
      </c>
      <c r="GH12" s="77">
        <v>0</v>
      </c>
      <c r="GI12" s="78">
        <v>0</v>
      </c>
      <c r="GJ12" s="79">
        <v>0</v>
      </c>
      <c r="GK12" s="80">
        <v>0</v>
      </c>
      <c r="GL12" s="78">
        <v>0</v>
      </c>
      <c r="GM12" s="78">
        <v>2011</v>
      </c>
      <c r="GN12" s="78">
        <v>1179</v>
      </c>
      <c r="GO12" s="78">
        <v>7</v>
      </c>
      <c r="GP12" s="78">
        <v>15</v>
      </c>
      <c r="GQ12" s="81">
        <v>3212</v>
      </c>
      <c r="GR12" s="82">
        <v>3212</v>
      </c>
      <c r="GS12" s="77">
        <v>0</v>
      </c>
      <c r="GT12" s="78">
        <v>0</v>
      </c>
      <c r="GU12" s="79">
        <v>0</v>
      </c>
      <c r="GV12" s="80">
        <v>0</v>
      </c>
      <c r="GW12" s="78">
        <v>0</v>
      </c>
      <c r="GX12" s="78">
        <v>0</v>
      </c>
      <c r="GY12" s="78">
        <v>0</v>
      </c>
      <c r="GZ12" s="78">
        <v>0</v>
      </c>
      <c r="HA12" s="78">
        <v>0</v>
      </c>
      <c r="HB12" s="81">
        <v>0</v>
      </c>
      <c r="HC12" s="82">
        <v>0</v>
      </c>
      <c r="HD12" s="77">
        <v>0</v>
      </c>
      <c r="HE12" s="78">
        <v>0</v>
      </c>
      <c r="HF12" s="79">
        <v>0</v>
      </c>
      <c r="HG12" s="436"/>
      <c r="HH12" s="78">
        <v>0</v>
      </c>
      <c r="HI12" s="78">
        <v>0</v>
      </c>
      <c r="HJ12" s="78">
        <v>0</v>
      </c>
      <c r="HK12" s="78">
        <v>0</v>
      </c>
      <c r="HL12" s="78">
        <v>0</v>
      </c>
      <c r="HM12" s="81">
        <v>0</v>
      </c>
      <c r="HN12" s="82">
        <v>0</v>
      </c>
      <c r="HO12" s="77">
        <v>0</v>
      </c>
      <c r="HP12" s="78">
        <v>10348</v>
      </c>
      <c r="HQ12" s="79">
        <v>10348</v>
      </c>
      <c r="HR12" s="80">
        <v>0</v>
      </c>
      <c r="HS12" s="78">
        <v>1035767</v>
      </c>
      <c r="HT12" s="78">
        <v>2180698</v>
      </c>
      <c r="HU12" s="78">
        <v>9580554</v>
      </c>
      <c r="HV12" s="78">
        <v>10186449</v>
      </c>
      <c r="HW12" s="78">
        <v>5508207</v>
      </c>
      <c r="HX12" s="81">
        <v>28491675</v>
      </c>
      <c r="HY12" s="82">
        <v>28502023</v>
      </c>
    </row>
    <row r="13" spans="2:233" s="137" customFormat="1" ht="21" customHeight="1" x14ac:dyDescent="0.2">
      <c r="B13" s="173" t="s">
        <v>9</v>
      </c>
      <c r="C13" s="77">
        <v>0</v>
      </c>
      <c r="D13" s="78">
        <v>30</v>
      </c>
      <c r="E13" s="79">
        <v>30</v>
      </c>
      <c r="F13" s="80">
        <v>0</v>
      </c>
      <c r="G13" s="78">
        <v>176551</v>
      </c>
      <c r="H13" s="78">
        <v>180272</v>
      </c>
      <c r="I13" s="78">
        <v>1895799</v>
      </c>
      <c r="J13" s="78">
        <v>2163365</v>
      </c>
      <c r="K13" s="78">
        <v>1850087</v>
      </c>
      <c r="L13" s="81">
        <v>6266074</v>
      </c>
      <c r="M13" s="82">
        <v>6266104</v>
      </c>
      <c r="N13" s="77">
        <v>0</v>
      </c>
      <c r="O13" s="78">
        <v>0</v>
      </c>
      <c r="P13" s="79">
        <v>0</v>
      </c>
      <c r="Q13" s="436">
        <v>0</v>
      </c>
      <c r="R13" s="78">
        <v>53535</v>
      </c>
      <c r="S13" s="78">
        <v>35525</v>
      </c>
      <c r="T13" s="78">
        <v>1387138</v>
      </c>
      <c r="U13" s="78">
        <v>1775759</v>
      </c>
      <c r="V13" s="78">
        <v>1376589</v>
      </c>
      <c r="W13" s="81">
        <v>4628546</v>
      </c>
      <c r="X13" s="82">
        <v>4628546</v>
      </c>
      <c r="Y13" s="77">
        <v>0</v>
      </c>
      <c r="Z13" s="78">
        <v>0</v>
      </c>
      <c r="AA13" s="79">
        <v>0</v>
      </c>
      <c r="AB13" s="436">
        <v>0</v>
      </c>
      <c r="AC13" s="78">
        <v>90546</v>
      </c>
      <c r="AD13" s="78">
        <v>78070</v>
      </c>
      <c r="AE13" s="78">
        <v>390405</v>
      </c>
      <c r="AF13" s="78">
        <v>319595</v>
      </c>
      <c r="AG13" s="78">
        <v>367395</v>
      </c>
      <c r="AH13" s="81">
        <v>1246011</v>
      </c>
      <c r="AI13" s="82">
        <v>1246011</v>
      </c>
      <c r="AJ13" s="77">
        <v>0</v>
      </c>
      <c r="AK13" s="78">
        <v>0</v>
      </c>
      <c r="AL13" s="79">
        <v>0</v>
      </c>
      <c r="AM13" s="436"/>
      <c r="AN13" s="78">
        <v>0</v>
      </c>
      <c r="AO13" s="78">
        <v>0</v>
      </c>
      <c r="AP13" s="78">
        <v>0</v>
      </c>
      <c r="AQ13" s="78">
        <v>0</v>
      </c>
      <c r="AR13" s="78">
        <v>0</v>
      </c>
      <c r="AS13" s="81">
        <v>0</v>
      </c>
      <c r="AT13" s="82">
        <v>0</v>
      </c>
      <c r="AU13" s="77">
        <v>0</v>
      </c>
      <c r="AV13" s="78">
        <v>0</v>
      </c>
      <c r="AW13" s="79">
        <v>0</v>
      </c>
      <c r="AX13" s="436"/>
      <c r="AY13" s="78">
        <v>0</v>
      </c>
      <c r="AZ13" s="78">
        <v>0</v>
      </c>
      <c r="BA13" s="78">
        <v>0</v>
      </c>
      <c r="BB13" s="78">
        <v>0</v>
      </c>
      <c r="BC13" s="78">
        <v>7395</v>
      </c>
      <c r="BD13" s="81">
        <v>7395</v>
      </c>
      <c r="BE13" s="82">
        <v>7395</v>
      </c>
      <c r="BF13" s="77">
        <v>0</v>
      </c>
      <c r="BG13" s="78">
        <v>0</v>
      </c>
      <c r="BH13" s="79">
        <v>0</v>
      </c>
      <c r="BI13" s="436">
        <v>0</v>
      </c>
      <c r="BJ13" s="78">
        <v>0</v>
      </c>
      <c r="BK13" s="78">
        <v>0</v>
      </c>
      <c r="BL13" s="78">
        <v>0</v>
      </c>
      <c r="BM13" s="78">
        <v>23055</v>
      </c>
      <c r="BN13" s="78">
        <v>0</v>
      </c>
      <c r="BO13" s="81">
        <v>23055</v>
      </c>
      <c r="BP13" s="82">
        <v>23055</v>
      </c>
      <c r="BQ13" s="77">
        <v>0</v>
      </c>
      <c r="BR13" s="78">
        <v>30</v>
      </c>
      <c r="BS13" s="79">
        <v>30</v>
      </c>
      <c r="BT13" s="80">
        <v>0</v>
      </c>
      <c r="BU13" s="78">
        <v>32445</v>
      </c>
      <c r="BV13" s="78">
        <v>64947</v>
      </c>
      <c r="BW13" s="78">
        <v>112840</v>
      </c>
      <c r="BX13" s="78">
        <v>38511</v>
      </c>
      <c r="BY13" s="78">
        <v>80963</v>
      </c>
      <c r="BZ13" s="81">
        <v>329706</v>
      </c>
      <c r="CA13" s="82">
        <v>329736</v>
      </c>
      <c r="CB13" s="77">
        <v>0</v>
      </c>
      <c r="CC13" s="78">
        <v>0</v>
      </c>
      <c r="CD13" s="79">
        <v>0</v>
      </c>
      <c r="CE13" s="80">
        <v>0</v>
      </c>
      <c r="CF13" s="78">
        <v>25</v>
      </c>
      <c r="CG13" s="78">
        <v>1730</v>
      </c>
      <c r="CH13" s="78">
        <v>5416</v>
      </c>
      <c r="CI13" s="78">
        <v>6445</v>
      </c>
      <c r="CJ13" s="78">
        <v>17745</v>
      </c>
      <c r="CK13" s="81">
        <v>31361</v>
      </c>
      <c r="CL13" s="82">
        <v>31361</v>
      </c>
      <c r="CM13" s="77">
        <v>0</v>
      </c>
      <c r="CN13" s="78">
        <v>0</v>
      </c>
      <c r="CO13" s="79">
        <v>0</v>
      </c>
      <c r="CP13" s="80">
        <v>0</v>
      </c>
      <c r="CQ13" s="78">
        <v>0</v>
      </c>
      <c r="CR13" s="78">
        <v>0</v>
      </c>
      <c r="CS13" s="78">
        <v>0</v>
      </c>
      <c r="CT13" s="78">
        <v>0</v>
      </c>
      <c r="CU13" s="78">
        <v>0</v>
      </c>
      <c r="CV13" s="81">
        <v>0</v>
      </c>
      <c r="CW13" s="82">
        <v>0</v>
      </c>
      <c r="CX13" s="77">
        <v>0</v>
      </c>
      <c r="CY13" s="78">
        <v>0</v>
      </c>
      <c r="CZ13" s="79">
        <v>0</v>
      </c>
      <c r="DA13" s="436"/>
      <c r="DB13" s="78">
        <v>0</v>
      </c>
      <c r="DC13" s="78">
        <v>0</v>
      </c>
      <c r="DD13" s="78">
        <v>0</v>
      </c>
      <c r="DE13" s="78">
        <v>0</v>
      </c>
      <c r="DF13" s="78">
        <v>0</v>
      </c>
      <c r="DG13" s="81">
        <v>0</v>
      </c>
      <c r="DH13" s="82">
        <v>0</v>
      </c>
      <c r="DI13" s="77">
        <v>0</v>
      </c>
      <c r="DJ13" s="78">
        <v>1392</v>
      </c>
      <c r="DK13" s="79">
        <v>1392</v>
      </c>
      <c r="DL13" s="80">
        <v>0</v>
      </c>
      <c r="DM13" s="78">
        <v>127113</v>
      </c>
      <c r="DN13" s="78">
        <v>192260</v>
      </c>
      <c r="DO13" s="78">
        <v>2219282</v>
      </c>
      <c r="DP13" s="78">
        <v>2560099</v>
      </c>
      <c r="DQ13" s="78">
        <v>2047490</v>
      </c>
      <c r="DR13" s="81">
        <v>7146244</v>
      </c>
      <c r="DS13" s="83">
        <v>7147636</v>
      </c>
      <c r="DT13" s="77">
        <v>0</v>
      </c>
      <c r="DU13" s="78">
        <v>0</v>
      </c>
      <c r="DV13" s="79">
        <v>0</v>
      </c>
      <c r="DW13" s="436">
        <v>0</v>
      </c>
      <c r="DX13" s="78">
        <v>54578</v>
      </c>
      <c r="DY13" s="78">
        <v>68643</v>
      </c>
      <c r="DZ13" s="78">
        <v>1936243</v>
      </c>
      <c r="EA13" s="78">
        <v>2372799</v>
      </c>
      <c r="EB13" s="78">
        <v>1825962</v>
      </c>
      <c r="EC13" s="81">
        <v>6258225</v>
      </c>
      <c r="ED13" s="82">
        <v>6258225</v>
      </c>
      <c r="EE13" s="77">
        <v>0</v>
      </c>
      <c r="EF13" s="78">
        <v>0</v>
      </c>
      <c r="EG13" s="79">
        <v>0</v>
      </c>
      <c r="EH13" s="436">
        <v>0</v>
      </c>
      <c r="EI13" s="78">
        <v>12188</v>
      </c>
      <c r="EJ13" s="78">
        <v>23026</v>
      </c>
      <c r="EK13" s="78">
        <v>47615</v>
      </c>
      <c r="EL13" s="78">
        <v>14211</v>
      </c>
      <c r="EM13" s="78">
        <v>99078</v>
      </c>
      <c r="EN13" s="81">
        <v>196118</v>
      </c>
      <c r="EO13" s="82">
        <v>196118</v>
      </c>
      <c r="EP13" s="77">
        <v>0</v>
      </c>
      <c r="EQ13" s="78">
        <v>0</v>
      </c>
      <c r="ER13" s="79">
        <v>0</v>
      </c>
      <c r="ES13" s="436"/>
      <c r="ET13" s="78">
        <v>0</v>
      </c>
      <c r="EU13" s="78">
        <v>0</v>
      </c>
      <c r="EV13" s="78">
        <v>0</v>
      </c>
      <c r="EW13" s="78">
        <v>0</v>
      </c>
      <c r="EX13" s="78">
        <v>0</v>
      </c>
      <c r="EY13" s="81">
        <v>0</v>
      </c>
      <c r="EZ13" s="82">
        <v>0</v>
      </c>
      <c r="FA13" s="77">
        <v>0</v>
      </c>
      <c r="FB13" s="78">
        <v>0</v>
      </c>
      <c r="FC13" s="79">
        <v>0</v>
      </c>
      <c r="FD13" s="436">
        <v>0</v>
      </c>
      <c r="FE13" s="78">
        <v>0</v>
      </c>
      <c r="FF13" s="78">
        <v>0</v>
      </c>
      <c r="FG13" s="78">
        <v>0</v>
      </c>
      <c r="FH13" s="78">
        <v>0</v>
      </c>
      <c r="FI13" s="78">
        <v>609</v>
      </c>
      <c r="FJ13" s="81">
        <v>609</v>
      </c>
      <c r="FK13" s="82">
        <v>609</v>
      </c>
      <c r="FL13" s="77">
        <v>0</v>
      </c>
      <c r="FM13" s="78">
        <v>0</v>
      </c>
      <c r="FN13" s="79">
        <v>0</v>
      </c>
      <c r="FO13" s="436">
        <v>0</v>
      </c>
      <c r="FP13" s="78">
        <v>0</v>
      </c>
      <c r="FQ13" s="78">
        <v>0</v>
      </c>
      <c r="FR13" s="78">
        <v>0</v>
      </c>
      <c r="FS13" s="78">
        <v>20184</v>
      </c>
      <c r="FT13" s="78">
        <v>0</v>
      </c>
      <c r="FU13" s="81">
        <v>20184</v>
      </c>
      <c r="FV13" s="82">
        <v>20184</v>
      </c>
      <c r="FW13" s="77">
        <v>0</v>
      </c>
      <c r="FX13" s="78">
        <v>1392</v>
      </c>
      <c r="FY13" s="79">
        <v>1392</v>
      </c>
      <c r="FZ13" s="80">
        <v>0</v>
      </c>
      <c r="GA13" s="78">
        <v>60333</v>
      </c>
      <c r="GB13" s="78">
        <v>100535</v>
      </c>
      <c r="GC13" s="78">
        <v>225316</v>
      </c>
      <c r="GD13" s="78">
        <v>152772</v>
      </c>
      <c r="GE13" s="78">
        <v>121384</v>
      </c>
      <c r="GF13" s="81">
        <v>660340</v>
      </c>
      <c r="GG13" s="82">
        <v>661732</v>
      </c>
      <c r="GH13" s="77">
        <v>0</v>
      </c>
      <c r="GI13" s="78">
        <v>0</v>
      </c>
      <c r="GJ13" s="79">
        <v>0</v>
      </c>
      <c r="GK13" s="80">
        <v>0</v>
      </c>
      <c r="GL13" s="78">
        <v>14</v>
      </c>
      <c r="GM13" s="78">
        <v>56</v>
      </c>
      <c r="GN13" s="78">
        <v>10108</v>
      </c>
      <c r="GO13" s="78">
        <v>133</v>
      </c>
      <c r="GP13" s="78">
        <v>457</v>
      </c>
      <c r="GQ13" s="81">
        <v>10768</v>
      </c>
      <c r="GR13" s="82">
        <v>10768</v>
      </c>
      <c r="GS13" s="77">
        <v>0</v>
      </c>
      <c r="GT13" s="78">
        <v>0</v>
      </c>
      <c r="GU13" s="79">
        <v>0</v>
      </c>
      <c r="GV13" s="80">
        <v>0</v>
      </c>
      <c r="GW13" s="78">
        <v>0</v>
      </c>
      <c r="GX13" s="78">
        <v>0</v>
      </c>
      <c r="GY13" s="78">
        <v>0</v>
      </c>
      <c r="GZ13" s="78">
        <v>0</v>
      </c>
      <c r="HA13" s="78">
        <v>0</v>
      </c>
      <c r="HB13" s="81">
        <v>0</v>
      </c>
      <c r="HC13" s="82">
        <v>0</v>
      </c>
      <c r="HD13" s="77">
        <v>0</v>
      </c>
      <c r="HE13" s="78">
        <v>0</v>
      </c>
      <c r="HF13" s="79">
        <v>0</v>
      </c>
      <c r="HG13" s="436"/>
      <c r="HH13" s="78">
        <v>0</v>
      </c>
      <c r="HI13" s="78">
        <v>0</v>
      </c>
      <c r="HJ13" s="78">
        <v>0</v>
      </c>
      <c r="HK13" s="78">
        <v>0</v>
      </c>
      <c r="HL13" s="78">
        <v>0</v>
      </c>
      <c r="HM13" s="81">
        <v>0</v>
      </c>
      <c r="HN13" s="82">
        <v>0</v>
      </c>
      <c r="HO13" s="77">
        <v>0</v>
      </c>
      <c r="HP13" s="78">
        <v>1422</v>
      </c>
      <c r="HQ13" s="79">
        <v>1422</v>
      </c>
      <c r="HR13" s="80">
        <v>0</v>
      </c>
      <c r="HS13" s="78">
        <v>303664</v>
      </c>
      <c r="HT13" s="78">
        <v>372532</v>
      </c>
      <c r="HU13" s="78">
        <v>4115081</v>
      </c>
      <c r="HV13" s="78">
        <v>4723464</v>
      </c>
      <c r="HW13" s="78">
        <v>3897577</v>
      </c>
      <c r="HX13" s="81">
        <v>13412318</v>
      </c>
      <c r="HY13" s="82">
        <v>13413740</v>
      </c>
    </row>
    <row r="14" spans="2:233" s="137" customFormat="1" ht="21" customHeight="1" x14ac:dyDescent="0.2">
      <c r="B14" s="173" t="s">
        <v>10</v>
      </c>
      <c r="C14" s="77">
        <v>1200</v>
      </c>
      <c r="D14" s="78">
        <v>26850</v>
      </c>
      <c r="E14" s="79">
        <v>28050</v>
      </c>
      <c r="F14" s="80">
        <v>0</v>
      </c>
      <c r="G14" s="78">
        <v>718487</v>
      </c>
      <c r="H14" s="78">
        <v>1066473</v>
      </c>
      <c r="I14" s="78">
        <v>2398334</v>
      </c>
      <c r="J14" s="78">
        <v>4460284</v>
      </c>
      <c r="K14" s="78">
        <v>3587526</v>
      </c>
      <c r="L14" s="81">
        <v>12231104</v>
      </c>
      <c r="M14" s="82">
        <v>12259154</v>
      </c>
      <c r="N14" s="77">
        <v>0</v>
      </c>
      <c r="O14" s="78">
        <v>0</v>
      </c>
      <c r="P14" s="79">
        <v>0</v>
      </c>
      <c r="Q14" s="436">
        <v>0</v>
      </c>
      <c r="R14" s="78">
        <v>76125</v>
      </c>
      <c r="S14" s="78">
        <v>300295</v>
      </c>
      <c r="T14" s="78">
        <v>1499700</v>
      </c>
      <c r="U14" s="78">
        <v>3203913</v>
      </c>
      <c r="V14" s="78">
        <v>2783605</v>
      </c>
      <c r="W14" s="81">
        <v>7863638</v>
      </c>
      <c r="X14" s="82">
        <v>7863638</v>
      </c>
      <c r="Y14" s="77">
        <v>0</v>
      </c>
      <c r="Z14" s="78">
        <v>0</v>
      </c>
      <c r="AA14" s="79">
        <v>0</v>
      </c>
      <c r="AB14" s="436">
        <v>0</v>
      </c>
      <c r="AC14" s="78">
        <v>512340</v>
      </c>
      <c r="AD14" s="78">
        <v>547617</v>
      </c>
      <c r="AE14" s="78">
        <v>695682</v>
      </c>
      <c r="AF14" s="78">
        <v>795008</v>
      </c>
      <c r="AG14" s="78">
        <v>415776</v>
      </c>
      <c r="AH14" s="81">
        <v>2966423</v>
      </c>
      <c r="AI14" s="82">
        <v>2966423</v>
      </c>
      <c r="AJ14" s="77">
        <v>0</v>
      </c>
      <c r="AK14" s="78">
        <v>0</v>
      </c>
      <c r="AL14" s="79">
        <v>0</v>
      </c>
      <c r="AM14" s="436"/>
      <c r="AN14" s="78">
        <v>0</v>
      </c>
      <c r="AO14" s="78">
        <v>0</v>
      </c>
      <c r="AP14" s="78">
        <v>0</v>
      </c>
      <c r="AQ14" s="78">
        <v>0</v>
      </c>
      <c r="AR14" s="78">
        <v>0</v>
      </c>
      <c r="AS14" s="81">
        <v>0</v>
      </c>
      <c r="AT14" s="82">
        <v>0</v>
      </c>
      <c r="AU14" s="77">
        <v>0</v>
      </c>
      <c r="AV14" s="78">
        <v>0</v>
      </c>
      <c r="AW14" s="79">
        <v>0</v>
      </c>
      <c r="AX14" s="436"/>
      <c r="AY14" s="78">
        <v>0</v>
      </c>
      <c r="AZ14" s="78">
        <v>0</v>
      </c>
      <c r="BA14" s="78">
        <v>0</v>
      </c>
      <c r="BB14" s="78">
        <v>53650</v>
      </c>
      <c r="BC14" s="78">
        <v>189995</v>
      </c>
      <c r="BD14" s="81">
        <v>243645</v>
      </c>
      <c r="BE14" s="82">
        <v>243645</v>
      </c>
      <c r="BF14" s="77">
        <v>0</v>
      </c>
      <c r="BG14" s="78">
        <v>0</v>
      </c>
      <c r="BH14" s="79">
        <v>0</v>
      </c>
      <c r="BI14" s="436">
        <v>0</v>
      </c>
      <c r="BJ14" s="78">
        <v>0</v>
      </c>
      <c r="BK14" s="78">
        <v>0</v>
      </c>
      <c r="BL14" s="78">
        <v>0</v>
      </c>
      <c r="BM14" s="78">
        <v>30595</v>
      </c>
      <c r="BN14" s="78">
        <v>68940</v>
      </c>
      <c r="BO14" s="81">
        <v>99535</v>
      </c>
      <c r="BP14" s="82">
        <v>99535</v>
      </c>
      <c r="BQ14" s="77">
        <v>1200</v>
      </c>
      <c r="BR14" s="78">
        <v>26850</v>
      </c>
      <c r="BS14" s="79">
        <v>28050</v>
      </c>
      <c r="BT14" s="80">
        <v>0</v>
      </c>
      <c r="BU14" s="78">
        <v>130022</v>
      </c>
      <c r="BV14" s="78">
        <v>210441</v>
      </c>
      <c r="BW14" s="78">
        <v>202952</v>
      </c>
      <c r="BX14" s="78">
        <v>373734</v>
      </c>
      <c r="BY14" s="78">
        <v>129210</v>
      </c>
      <c r="BZ14" s="81">
        <v>1046359</v>
      </c>
      <c r="CA14" s="82">
        <v>1074409</v>
      </c>
      <c r="CB14" s="77">
        <v>0</v>
      </c>
      <c r="CC14" s="78">
        <v>0</v>
      </c>
      <c r="CD14" s="79">
        <v>0</v>
      </c>
      <c r="CE14" s="80">
        <v>0</v>
      </c>
      <c r="CF14" s="78">
        <v>0</v>
      </c>
      <c r="CG14" s="78">
        <v>8120</v>
      </c>
      <c r="CH14" s="78">
        <v>0</v>
      </c>
      <c r="CI14" s="78">
        <v>3384</v>
      </c>
      <c r="CJ14" s="78">
        <v>0</v>
      </c>
      <c r="CK14" s="81">
        <v>11504</v>
      </c>
      <c r="CL14" s="82">
        <v>11504</v>
      </c>
      <c r="CM14" s="77">
        <v>0</v>
      </c>
      <c r="CN14" s="78">
        <v>0</v>
      </c>
      <c r="CO14" s="79">
        <v>0</v>
      </c>
      <c r="CP14" s="80">
        <v>0</v>
      </c>
      <c r="CQ14" s="78">
        <v>0</v>
      </c>
      <c r="CR14" s="78">
        <v>0</v>
      </c>
      <c r="CS14" s="78">
        <v>0</v>
      </c>
      <c r="CT14" s="78">
        <v>0</v>
      </c>
      <c r="CU14" s="78">
        <v>0</v>
      </c>
      <c r="CV14" s="81">
        <v>0</v>
      </c>
      <c r="CW14" s="82">
        <v>0</v>
      </c>
      <c r="CX14" s="77">
        <v>0</v>
      </c>
      <c r="CY14" s="78">
        <v>0</v>
      </c>
      <c r="CZ14" s="79">
        <v>0</v>
      </c>
      <c r="DA14" s="436"/>
      <c r="DB14" s="78">
        <v>0</v>
      </c>
      <c r="DC14" s="78">
        <v>0</v>
      </c>
      <c r="DD14" s="78">
        <v>0</v>
      </c>
      <c r="DE14" s="78">
        <v>0</v>
      </c>
      <c r="DF14" s="78">
        <v>0</v>
      </c>
      <c r="DG14" s="81">
        <v>0</v>
      </c>
      <c r="DH14" s="82">
        <v>0</v>
      </c>
      <c r="DI14" s="77">
        <v>2372</v>
      </c>
      <c r="DJ14" s="78">
        <v>28233</v>
      </c>
      <c r="DK14" s="79">
        <v>30605</v>
      </c>
      <c r="DL14" s="80">
        <v>0</v>
      </c>
      <c r="DM14" s="78">
        <v>410861</v>
      </c>
      <c r="DN14" s="78">
        <v>921117</v>
      </c>
      <c r="DO14" s="78">
        <v>2822640</v>
      </c>
      <c r="DP14" s="78">
        <v>5203579</v>
      </c>
      <c r="DQ14" s="78">
        <v>3923493</v>
      </c>
      <c r="DR14" s="81">
        <v>13281690</v>
      </c>
      <c r="DS14" s="83">
        <v>13312295</v>
      </c>
      <c r="DT14" s="77">
        <v>0</v>
      </c>
      <c r="DU14" s="78">
        <v>0</v>
      </c>
      <c r="DV14" s="79">
        <v>0</v>
      </c>
      <c r="DW14" s="436">
        <v>0</v>
      </c>
      <c r="DX14" s="78">
        <v>168664</v>
      </c>
      <c r="DY14" s="78">
        <v>471946</v>
      </c>
      <c r="DZ14" s="78">
        <v>2291070</v>
      </c>
      <c r="EA14" s="78">
        <v>4529060</v>
      </c>
      <c r="EB14" s="78">
        <v>3548805</v>
      </c>
      <c r="EC14" s="81">
        <v>11009545</v>
      </c>
      <c r="ED14" s="82">
        <v>11009545</v>
      </c>
      <c r="EE14" s="77">
        <v>0</v>
      </c>
      <c r="EF14" s="78">
        <v>0</v>
      </c>
      <c r="EG14" s="79">
        <v>0</v>
      </c>
      <c r="EH14" s="436">
        <v>0</v>
      </c>
      <c r="EI14" s="78">
        <v>57370</v>
      </c>
      <c r="EJ14" s="78">
        <v>95405</v>
      </c>
      <c r="EK14" s="78">
        <v>152561</v>
      </c>
      <c r="EL14" s="78">
        <v>123064</v>
      </c>
      <c r="EM14" s="78">
        <v>75822</v>
      </c>
      <c r="EN14" s="81">
        <v>504222</v>
      </c>
      <c r="EO14" s="82">
        <v>504222</v>
      </c>
      <c r="EP14" s="77">
        <v>0</v>
      </c>
      <c r="EQ14" s="78">
        <v>0</v>
      </c>
      <c r="ER14" s="79">
        <v>0</v>
      </c>
      <c r="ES14" s="436"/>
      <c r="ET14" s="78">
        <v>0</v>
      </c>
      <c r="EU14" s="78">
        <v>0</v>
      </c>
      <c r="EV14" s="78">
        <v>0</v>
      </c>
      <c r="EW14" s="78">
        <v>0</v>
      </c>
      <c r="EX14" s="78">
        <v>0</v>
      </c>
      <c r="EY14" s="81">
        <v>0</v>
      </c>
      <c r="EZ14" s="82">
        <v>0</v>
      </c>
      <c r="FA14" s="77">
        <v>0</v>
      </c>
      <c r="FB14" s="78">
        <v>0</v>
      </c>
      <c r="FC14" s="79">
        <v>0</v>
      </c>
      <c r="FD14" s="436">
        <v>0</v>
      </c>
      <c r="FE14" s="78">
        <v>0</v>
      </c>
      <c r="FF14" s="78">
        <v>0</v>
      </c>
      <c r="FG14" s="78">
        <v>0</v>
      </c>
      <c r="FH14" s="78">
        <v>406</v>
      </c>
      <c r="FI14" s="78">
        <v>2457</v>
      </c>
      <c r="FJ14" s="81">
        <v>2863</v>
      </c>
      <c r="FK14" s="82">
        <v>2863</v>
      </c>
      <c r="FL14" s="77">
        <v>0</v>
      </c>
      <c r="FM14" s="78">
        <v>0</v>
      </c>
      <c r="FN14" s="79">
        <v>0</v>
      </c>
      <c r="FO14" s="436">
        <v>0</v>
      </c>
      <c r="FP14" s="78">
        <v>0</v>
      </c>
      <c r="FQ14" s="78">
        <v>0</v>
      </c>
      <c r="FR14" s="78">
        <v>0</v>
      </c>
      <c r="FS14" s="78">
        <v>34394</v>
      </c>
      <c r="FT14" s="78">
        <v>126904</v>
      </c>
      <c r="FU14" s="81">
        <v>161298</v>
      </c>
      <c r="FV14" s="82">
        <v>161298</v>
      </c>
      <c r="FW14" s="77">
        <v>2372</v>
      </c>
      <c r="FX14" s="78">
        <v>28233</v>
      </c>
      <c r="FY14" s="79">
        <v>30605</v>
      </c>
      <c r="FZ14" s="80">
        <v>0</v>
      </c>
      <c r="GA14" s="78">
        <v>184827</v>
      </c>
      <c r="GB14" s="78">
        <v>351836</v>
      </c>
      <c r="GC14" s="78">
        <v>379009</v>
      </c>
      <c r="GD14" s="78">
        <v>515524</v>
      </c>
      <c r="GE14" s="78">
        <v>169505</v>
      </c>
      <c r="GF14" s="81">
        <v>1600701</v>
      </c>
      <c r="GG14" s="82">
        <v>1631306</v>
      </c>
      <c r="GH14" s="77">
        <v>0</v>
      </c>
      <c r="GI14" s="78">
        <v>0</v>
      </c>
      <c r="GJ14" s="79">
        <v>0</v>
      </c>
      <c r="GK14" s="80">
        <v>0</v>
      </c>
      <c r="GL14" s="78">
        <v>0</v>
      </c>
      <c r="GM14" s="78">
        <v>1930</v>
      </c>
      <c r="GN14" s="78">
        <v>0</v>
      </c>
      <c r="GO14" s="78">
        <v>1131</v>
      </c>
      <c r="GP14" s="78">
        <v>0</v>
      </c>
      <c r="GQ14" s="81">
        <v>3061</v>
      </c>
      <c r="GR14" s="82">
        <v>3061</v>
      </c>
      <c r="GS14" s="77">
        <v>0</v>
      </c>
      <c r="GT14" s="78">
        <v>0</v>
      </c>
      <c r="GU14" s="79">
        <v>0</v>
      </c>
      <c r="GV14" s="80">
        <v>0</v>
      </c>
      <c r="GW14" s="78">
        <v>0</v>
      </c>
      <c r="GX14" s="78">
        <v>0</v>
      </c>
      <c r="GY14" s="78">
        <v>0</v>
      </c>
      <c r="GZ14" s="78">
        <v>0</v>
      </c>
      <c r="HA14" s="78">
        <v>0</v>
      </c>
      <c r="HB14" s="81">
        <v>0</v>
      </c>
      <c r="HC14" s="82">
        <v>0</v>
      </c>
      <c r="HD14" s="77">
        <v>0</v>
      </c>
      <c r="HE14" s="78">
        <v>0</v>
      </c>
      <c r="HF14" s="79">
        <v>0</v>
      </c>
      <c r="HG14" s="436"/>
      <c r="HH14" s="78">
        <v>0</v>
      </c>
      <c r="HI14" s="78">
        <v>0</v>
      </c>
      <c r="HJ14" s="78">
        <v>0</v>
      </c>
      <c r="HK14" s="78">
        <v>0</v>
      </c>
      <c r="HL14" s="78">
        <v>0</v>
      </c>
      <c r="HM14" s="81">
        <v>0</v>
      </c>
      <c r="HN14" s="82">
        <v>0</v>
      </c>
      <c r="HO14" s="77">
        <v>3572</v>
      </c>
      <c r="HP14" s="78">
        <v>55083</v>
      </c>
      <c r="HQ14" s="79">
        <v>58655</v>
      </c>
      <c r="HR14" s="80">
        <v>0</v>
      </c>
      <c r="HS14" s="78">
        <v>1129348</v>
      </c>
      <c r="HT14" s="78">
        <v>1987590</v>
      </c>
      <c r="HU14" s="78">
        <v>5220974</v>
      </c>
      <c r="HV14" s="78">
        <v>9663863</v>
      </c>
      <c r="HW14" s="78">
        <v>7511019</v>
      </c>
      <c r="HX14" s="81">
        <v>25512794</v>
      </c>
      <c r="HY14" s="82">
        <v>25571449</v>
      </c>
    </row>
    <row r="15" spans="2:233" s="137" customFormat="1" ht="21" customHeight="1" x14ac:dyDescent="0.2">
      <c r="B15" s="173" t="s">
        <v>11</v>
      </c>
      <c r="C15" s="77">
        <v>0</v>
      </c>
      <c r="D15" s="78">
        <v>11190</v>
      </c>
      <c r="E15" s="79">
        <v>11190</v>
      </c>
      <c r="F15" s="80">
        <v>0</v>
      </c>
      <c r="G15" s="78">
        <v>732750</v>
      </c>
      <c r="H15" s="78">
        <v>930170</v>
      </c>
      <c r="I15" s="78">
        <v>2699192</v>
      </c>
      <c r="J15" s="78">
        <v>3801103</v>
      </c>
      <c r="K15" s="78">
        <v>2460672</v>
      </c>
      <c r="L15" s="81">
        <v>10623887</v>
      </c>
      <c r="M15" s="82">
        <v>10635077</v>
      </c>
      <c r="N15" s="77">
        <v>0</v>
      </c>
      <c r="O15" s="78">
        <v>0</v>
      </c>
      <c r="P15" s="79">
        <v>0</v>
      </c>
      <c r="Q15" s="436">
        <v>0</v>
      </c>
      <c r="R15" s="78">
        <v>0</v>
      </c>
      <c r="S15" s="78">
        <v>99535</v>
      </c>
      <c r="T15" s="78">
        <v>1768065</v>
      </c>
      <c r="U15" s="78">
        <v>2566920</v>
      </c>
      <c r="V15" s="78">
        <v>1620840</v>
      </c>
      <c r="W15" s="81">
        <v>6055360</v>
      </c>
      <c r="X15" s="82">
        <v>6055360</v>
      </c>
      <c r="Y15" s="77">
        <v>0</v>
      </c>
      <c r="Z15" s="78">
        <v>0</v>
      </c>
      <c r="AA15" s="79">
        <v>0</v>
      </c>
      <c r="AB15" s="436">
        <v>0</v>
      </c>
      <c r="AC15" s="78">
        <v>594350</v>
      </c>
      <c r="AD15" s="78">
        <v>557705</v>
      </c>
      <c r="AE15" s="78">
        <v>623951</v>
      </c>
      <c r="AF15" s="78">
        <v>1076938</v>
      </c>
      <c r="AG15" s="78">
        <v>395657</v>
      </c>
      <c r="AH15" s="81">
        <v>3248601</v>
      </c>
      <c r="AI15" s="82">
        <v>3248601</v>
      </c>
      <c r="AJ15" s="77">
        <v>0</v>
      </c>
      <c r="AK15" s="78">
        <v>0</v>
      </c>
      <c r="AL15" s="79">
        <v>0</v>
      </c>
      <c r="AM15" s="436"/>
      <c r="AN15" s="78">
        <v>0</v>
      </c>
      <c r="AO15" s="78">
        <v>0</v>
      </c>
      <c r="AP15" s="78">
        <v>0</v>
      </c>
      <c r="AQ15" s="78">
        <v>0</v>
      </c>
      <c r="AR15" s="78">
        <v>0</v>
      </c>
      <c r="AS15" s="81">
        <v>0</v>
      </c>
      <c r="AT15" s="82">
        <v>0</v>
      </c>
      <c r="AU15" s="77">
        <v>0</v>
      </c>
      <c r="AV15" s="78">
        <v>0</v>
      </c>
      <c r="AW15" s="79">
        <v>0</v>
      </c>
      <c r="AX15" s="436"/>
      <c r="AY15" s="78">
        <v>89295</v>
      </c>
      <c r="AZ15" s="78">
        <v>136090</v>
      </c>
      <c r="BA15" s="78">
        <v>57815</v>
      </c>
      <c r="BB15" s="78">
        <v>61590</v>
      </c>
      <c r="BC15" s="78">
        <v>351755</v>
      </c>
      <c r="BD15" s="81">
        <v>696545</v>
      </c>
      <c r="BE15" s="82">
        <v>696545</v>
      </c>
      <c r="BF15" s="77">
        <v>0</v>
      </c>
      <c r="BG15" s="78">
        <v>0</v>
      </c>
      <c r="BH15" s="79">
        <v>0</v>
      </c>
      <c r="BI15" s="436">
        <v>0</v>
      </c>
      <c r="BJ15" s="78">
        <v>0</v>
      </c>
      <c r="BK15" s="78">
        <v>23055</v>
      </c>
      <c r="BL15" s="78">
        <v>30595</v>
      </c>
      <c r="BM15" s="78">
        <v>0</v>
      </c>
      <c r="BN15" s="78">
        <v>0</v>
      </c>
      <c r="BO15" s="81">
        <v>53650</v>
      </c>
      <c r="BP15" s="82">
        <v>53650</v>
      </c>
      <c r="BQ15" s="77">
        <v>0</v>
      </c>
      <c r="BR15" s="78">
        <v>11190</v>
      </c>
      <c r="BS15" s="79">
        <v>11190</v>
      </c>
      <c r="BT15" s="80">
        <v>0</v>
      </c>
      <c r="BU15" s="78">
        <v>46975</v>
      </c>
      <c r="BV15" s="78">
        <v>110575</v>
      </c>
      <c r="BW15" s="78">
        <v>207886</v>
      </c>
      <c r="BX15" s="78">
        <v>77565</v>
      </c>
      <c r="BY15" s="78">
        <v>88360</v>
      </c>
      <c r="BZ15" s="81">
        <v>531361</v>
      </c>
      <c r="CA15" s="82">
        <v>542551</v>
      </c>
      <c r="CB15" s="77">
        <v>0</v>
      </c>
      <c r="CC15" s="78">
        <v>0</v>
      </c>
      <c r="CD15" s="79">
        <v>0</v>
      </c>
      <c r="CE15" s="80">
        <v>0</v>
      </c>
      <c r="CF15" s="78">
        <v>2130</v>
      </c>
      <c r="CG15" s="78">
        <v>3210</v>
      </c>
      <c r="CH15" s="78">
        <v>10880</v>
      </c>
      <c r="CI15" s="78">
        <v>18090</v>
      </c>
      <c r="CJ15" s="78">
        <v>4060</v>
      </c>
      <c r="CK15" s="81">
        <v>38370</v>
      </c>
      <c r="CL15" s="82">
        <v>38370</v>
      </c>
      <c r="CM15" s="77">
        <v>0</v>
      </c>
      <c r="CN15" s="78">
        <v>0</v>
      </c>
      <c r="CO15" s="79">
        <v>0</v>
      </c>
      <c r="CP15" s="80">
        <v>0</v>
      </c>
      <c r="CQ15" s="78">
        <v>0</v>
      </c>
      <c r="CR15" s="78">
        <v>0</v>
      </c>
      <c r="CS15" s="78">
        <v>0</v>
      </c>
      <c r="CT15" s="78">
        <v>0</v>
      </c>
      <c r="CU15" s="78">
        <v>0</v>
      </c>
      <c r="CV15" s="81">
        <v>0</v>
      </c>
      <c r="CW15" s="82">
        <v>0</v>
      </c>
      <c r="CX15" s="77">
        <v>0</v>
      </c>
      <c r="CY15" s="78">
        <v>0</v>
      </c>
      <c r="CZ15" s="79">
        <v>0</v>
      </c>
      <c r="DA15" s="436"/>
      <c r="DB15" s="78">
        <v>0</v>
      </c>
      <c r="DC15" s="78">
        <v>0</v>
      </c>
      <c r="DD15" s="78">
        <v>0</v>
      </c>
      <c r="DE15" s="78">
        <v>0</v>
      </c>
      <c r="DF15" s="78">
        <v>0</v>
      </c>
      <c r="DG15" s="81">
        <v>0</v>
      </c>
      <c r="DH15" s="82">
        <v>0</v>
      </c>
      <c r="DI15" s="77">
        <v>0</v>
      </c>
      <c r="DJ15" s="78">
        <v>13000</v>
      </c>
      <c r="DK15" s="79">
        <v>13000</v>
      </c>
      <c r="DL15" s="80">
        <v>0</v>
      </c>
      <c r="DM15" s="78">
        <v>217746</v>
      </c>
      <c r="DN15" s="78">
        <v>376171</v>
      </c>
      <c r="DO15" s="78">
        <v>2583027</v>
      </c>
      <c r="DP15" s="78">
        <v>3520201</v>
      </c>
      <c r="DQ15" s="78">
        <v>2011257</v>
      </c>
      <c r="DR15" s="81">
        <v>8708402</v>
      </c>
      <c r="DS15" s="83">
        <v>8721402</v>
      </c>
      <c r="DT15" s="77">
        <v>0</v>
      </c>
      <c r="DU15" s="78">
        <v>0</v>
      </c>
      <c r="DV15" s="79">
        <v>0</v>
      </c>
      <c r="DW15" s="436">
        <v>0</v>
      </c>
      <c r="DX15" s="78">
        <v>0</v>
      </c>
      <c r="DY15" s="78">
        <v>100993</v>
      </c>
      <c r="DZ15" s="78">
        <v>2164543</v>
      </c>
      <c r="EA15" s="78">
        <v>3223544</v>
      </c>
      <c r="EB15" s="78">
        <v>1786964</v>
      </c>
      <c r="EC15" s="81">
        <v>7276044</v>
      </c>
      <c r="ED15" s="82">
        <v>7276044</v>
      </c>
      <c r="EE15" s="77">
        <v>0</v>
      </c>
      <c r="EF15" s="78">
        <v>0</v>
      </c>
      <c r="EG15" s="79">
        <v>0</v>
      </c>
      <c r="EH15" s="436">
        <v>0</v>
      </c>
      <c r="EI15" s="78">
        <v>148195</v>
      </c>
      <c r="EJ15" s="78">
        <v>90915</v>
      </c>
      <c r="EK15" s="78">
        <v>157606</v>
      </c>
      <c r="EL15" s="78">
        <v>218238</v>
      </c>
      <c r="EM15" s="78">
        <v>59733</v>
      </c>
      <c r="EN15" s="81">
        <v>674687</v>
      </c>
      <c r="EO15" s="82">
        <v>674687</v>
      </c>
      <c r="EP15" s="77">
        <v>0</v>
      </c>
      <c r="EQ15" s="78">
        <v>0</v>
      </c>
      <c r="ER15" s="79">
        <v>0</v>
      </c>
      <c r="ES15" s="436"/>
      <c r="ET15" s="78">
        <v>0</v>
      </c>
      <c r="EU15" s="78">
        <v>0</v>
      </c>
      <c r="EV15" s="78">
        <v>0</v>
      </c>
      <c r="EW15" s="78">
        <v>0</v>
      </c>
      <c r="EX15" s="78">
        <v>0</v>
      </c>
      <c r="EY15" s="81">
        <v>0</v>
      </c>
      <c r="EZ15" s="82">
        <v>0</v>
      </c>
      <c r="FA15" s="77">
        <v>0</v>
      </c>
      <c r="FB15" s="78">
        <v>0</v>
      </c>
      <c r="FC15" s="79">
        <v>0</v>
      </c>
      <c r="FD15" s="436">
        <v>0</v>
      </c>
      <c r="FE15" s="78">
        <v>11542</v>
      </c>
      <c r="FF15" s="78">
        <v>37729</v>
      </c>
      <c r="FG15" s="78">
        <v>812</v>
      </c>
      <c r="FH15" s="78">
        <v>4392</v>
      </c>
      <c r="FI15" s="78">
        <v>61406</v>
      </c>
      <c r="FJ15" s="81">
        <v>115881</v>
      </c>
      <c r="FK15" s="82">
        <v>115881</v>
      </c>
      <c r="FL15" s="77">
        <v>0</v>
      </c>
      <c r="FM15" s="78">
        <v>0</v>
      </c>
      <c r="FN15" s="79">
        <v>0</v>
      </c>
      <c r="FO15" s="436">
        <v>0</v>
      </c>
      <c r="FP15" s="78">
        <v>0</v>
      </c>
      <c r="FQ15" s="78">
        <v>20184</v>
      </c>
      <c r="FR15" s="78">
        <v>34394</v>
      </c>
      <c r="FS15" s="78">
        <v>0</v>
      </c>
      <c r="FT15" s="78">
        <v>0</v>
      </c>
      <c r="FU15" s="81">
        <v>54578</v>
      </c>
      <c r="FV15" s="82">
        <v>54578</v>
      </c>
      <c r="FW15" s="77">
        <v>0</v>
      </c>
      <c r="FX15" s="78">
        <v>13000</v>
      </c>
      <c r="FY15" s="79">
        <v>13000</v>
      </c>
      <c r="FZ15" s="80">
        <v>0</v>
      </c>
      <c r="GA15" s="78">
        <v>56359</v>
      </c>
      <c r="GB15" s="78">
        <v>126322</v>
      </c>
      <c r="GC15" s="78">
        <v>225483</v>
      </c>
      <c r="GD15" s="78">
        <v>73705</v>
      </c>
      <c r="GE15" s="78">
        <v>99574</v>
      </c>
      <c r="GF15" s="81">
        <v>581443</v>
      </c>
      <c r="GG15" s="82">
        <v>594443</v>
      </c>
      <c r="GH15" s="77">
        <v>0</v>
      </c>
      <c r="GI15" s="78">
        <v>0</v>
      </c>
      <c r="GJ15" s="79">
        <v>0</v>
      </c>
      <c r="GK15" s="80">
        <v>0</v>
      </c>
      <c r="GL15" s="78">
        <v>1650</v>
      </c>
      <c r="GM15" s="78">
        <v>28</v>
      </c>
      <c r="GN15" s="78">
        <v>189</v>
      </c>
      <c r="GO15" s="78">
        <v>322</v>
      </c>
      <c r="GP15" s="78">
        <v>3580</v>
      </c>
      <c r="GQ15" s="81">
        <v>5769</v>
      </c>
      <c r="GR15" s="82">
        <v>5769</v>
      </c>
      <c r="GS15" s="77">
        <v>0</v>
      </c>
      <c r="GT15" s="78">
        <v>0</v>
      </c>
      <c r="GU15" s="79">
        <v>0</v>
      </c>
      <c r="GV15" s="80">
        <v>0</v>
      </c>
      <c r="GW15" s="78">
        <v>0</v>
      </c>
      <c r="GX15" s="78">
        <v>0</v>
      </c>
      <c r="GY15" s="78">
        <v>0</v>
      </c>
      <c r="GZ15" s="78">
        <v>0</v>
      </c>
      <c r="HA15" s="78">
        <v>0</v>
      </c>
      <c r="HB15" s="81">
        <v>0</v>
      </c>
      <c r="HC15" s="82">
        <v>0</v>
      </c>
      <c r="HD15" s="77">
        <v>0</v>
      </c>
      <c r="HE15" s="78">
        <v>0</v>
      </c>
      <c r="HF15" s="79">
        <v>0</v>
      </c>
      <c r="HG15" s="436"/>
      <c r="HH15" s="78">
        <v>0</v>
      </c>
      <c r="HI15" s="78">
        <v>0</v>
      </c>
      <c r="HJ15" s="78">
        <v>0</v>
      </c>
      <c r="HK15" s="78">
        <v>0</v>
      </c>
      <c r="HL15" s="78">
        <v>0</v>
      </c>
      <c r="HM15" s="81">
        <v>0</v>
      </c>
      <c r="HN15" s="82">
        <v>0</v>
      </c>
      <c r="HO15" s="77">
        <v>0</v>
      </c>
      <c r="HP15" s="78">
        <v>24190</v>
      </c>
      <c r="HQ15" s="79">
        <v>24190</v>
      </c>
      <c r="HR15" s="80">
        <v>0</v>
      </c>
      <c r="HS15" s="78">
        <v>950496</v>
      </c>
      <c r="HT15" s="78">
        <v>1306341</v>
      </c>
      <c r="HU15" s="78">
        <v>5282219</v>
      </c>
      <c r="HV15" s="78">
        <v>7321304</v>
      </c>
      <c r="HW15" s="78">
        <v>4471929</v>
      </c>
      <c r="HX15" s="81">
        <v>19332289</v>
      </c>
      <c r="HY15" s="82">
        <v>19356479</v>
      </c>
    </row>
    <row r="16" spans="2:233" s="137" customFormat="1" ht="21" customHeight="1" x14ac:dyDescent="0.2">
      <c r="B16" s="173" t="s">
        <v>12</v>
      </c>
      <c r="C16" s="77">
        <v>12785</v>
      </c>
      <c r="D16" s="78">
        <v>725</v>
      </c>
      <c r="E16" s="79">
        <v>13510</v>
      </c>
      <c r="F16" s="80">
        <v>0</v>
      </c>
      <c r="G16" s="78">
        <v>94738</v>
      </c>
      <c r="H16" s="78">
        <v>657328</v>
      </c>
      <c r="I16" s="78">
        <v>2203551</v>
      </c>
      <c r="J16" s="78">
        <v>3660510</v>
      </c>
      <c r="K16" s="78">
        <v>1732366</v>
      </c>
      <c r="L16" s="81">
        <v>8348493</v>
      </c>
      <c r="M16" s="82">
        <v>8362003</v>
      </c>
      <c r="N16" s="77">
        <v>0</v>
      </c>
      <c r="O16" s="78">
        <v>0</v>
      </c>
      <c r="P16" s="79">
        <v>0</v>
      </c>
      <c r="Q16" s="436">
        <v>0</v>
      </c>
      <c r="R16" s="78">
        <v>2465</v>
      </c>
      <c r="S16" s="78">
        <v>75095</v>
      </c>
      <c r="T16" s="78">
        <v>1302293</v>
      </c>
      <c r="U16" s="78">
        <v>2440504</v>
      </c>
      <c r="V16" s="78">
        <v>1102398</v>
      </c>
      <c r="W16" s="81">
        <v>4922755</v>
      </c>
      <c r="X16" s="82">
        <v>4922755</v>
      </c>
      <c r="Y16" s="77">
        <v>0</v>
      </c>
      <c r="Z16" s="78">
        <v>0</v>
      </c>
      <c r="AA16" s="79">
        <v>0</v>
      </c>
      <c r="AB16" s="436">
        <v>0</v>
      </c>
      <c r="AC16" s="78">
        <v>51335</v>
      </c>
      <c r="AD16" s="78">
        <v>512675</v>
      </c>
      <c r="AE16" s="78">
        <v>720063</v>
      </c>
      <c r="AF16" s="78">
        <v>823470</v>
      </c>
      <c r="AG16" s="78">
        <v>438203</v>
      </c>
      <c r="AH16" s="81">
        <v>2545746</v>
      </c>
      <c r="AI16" s="82">
        <v>2545746</v>
      </c>
      <c r="AJ16" s="77">
        <v>0</v>
      </c>
      <c r="AK16" s="78">
        <v>0</v>
      </c>
      <c r="AL16" s="79">
        <v>0</v>
      </c>
      <c r="AM16" s="436"/>
      <c r="AN16" s="78">
        <v>0</v>
      </c>
      <c r="AO16" s="78">
        <v>0</v>
      </c>
      <c r="AP16" s="78">
        <v>0</v>
      </c>
      <c r="AQ16" s="78">
        <v>0</v>
      </c>
      <c r="AR16" s="78">
        <v>0</v>
      </c>
      <c r="AS16" s="81">
        <v>0</v>
      </c>
      <c r="AT16" s="82">
        <v>0</v>
      </c>
      <c r="AU16" s="77">
        <v>0</v>
      </c>
      <c r="AV16" s="78">
        <v>0</v>
      </c>
      <c r="AW16" s="79">
        <v>0</v>
      </c>
      <c r="AX16" s="436"/>
      <c r="AY16" s="78">
        <v>0</v>
      </c>
      <c r="AZ16" s="78">
        <v>0</v>
      </c>
      <c r="BA16" s="78">
        <v>0</v>
      </c>
      <c r="BB16" s="78">
        <v>37990</v>
      </c>
      <c r="BC16" s="78">
        <v>98840</v>
      </c>
      <c r="BD16" s="81">
        <v>136830</v>
      </c>
      <c r="BE16" s="82">
        <v>136830</v>
      </c>
      <c r="BF16" s="77">
        <v>0</v>
      </c>
      <c r="BG16" s="78">
        <v>0</v>
      </c>
      <c r="BH16" s="79">
        <v>0</v>
      </c>
      <c r="BI16" s="436">
        <v>0</v>
      </c>
      <c r="BJ16" s="78">
        <v>0</v>
      </c>
      <c r="BK16" s="78">
        <v>0</v>
      </c>
      <c r="BL16" s="78">
        <v>58435</v>
      </c>
      <c r="BM16" s="78">
        <v>124700</v>
      </c>
      <c r="BN16" s="78">
        <v>31785</v>
      </c>
      <c r="BO16" s="81">
        <v>214920</v>
      </c>
      <c r="BP16" s="82">
        <v>214920</v>
      </c>
      <c r="BQ16" s="77">
        <v>12785</v>
      </c>
      <c r="BR16" s="78">
        <v>725</v>
      </c>
      <c r="BS16" s="79">
        <v>13510</v>
      </c>
      <c r="BT16" s="80">
        <v>0</v>
      </c>
      <c r="BU16" s="78">
        <v>39680</v>
      </c>
      <c r="BV16" s="78">
        <v>69319</v>
      </c>
      <c r="BW16" s="78">
        <v>119645</v>
      </c>
      <c r="BX16" s="78">
        <v>233846</v>
      </c>
      <c r="BY16" s="78">
        <v>61140</v>
      </c>
      <c r="BZ16" s="81">
        <v>523630</v>
      </c>
      <c r="CA16" s="82">
        <v>537140</v>
      </c>
      <c r="CB16" s="77">
        <v>0</v>
      </c>
      <c r="CC16" s="78">
        <v>0</v>
      </c>
      <c r="CD16" s="79">
        <v>0</v>
      </c>
      <c r="CE16" s="80">
        <v>0</v>
      </c>
      <c r="CF16" s="78">
        <v>1258</v>
      </c>
      <c r="CG16" s="78">
        <v>239</v>
      </c>
      <c r="CH16" s="78">
        <v>3115</v>
      </c>
      <c r="CI16" s="78">
        <v>0</v>
      </c>
      <c r="CJ16" s="78">
        <v>0</v>
      </c>
      <c r="CK16" s="81">
        <v>4612</v>
      </c>
      <c r="CL16" s="82">
        <v>4612</v>
      </c>
      <c r="CM16" s="77">
        <v>0</v>
      </c>
      <c r="CN16" s="78">
        <v>0</v>
      </c>
      <c r="CO16" s="79">
        <v>0</v>
      </c>
      <c r="CP16" s="80">
        <v>0</v>
      </c>
      <c r="CQ16" s="78">
        <v>0</v>
      </c>
      <c r="CR16" s="78">
        <v>0</v>
      </c>
      <c r="CS16" s="78">
        <v>0</v>
      </c>
      <c r="CT16" s="78">
        <v>0</v>
      </c>
      <c r="CU16" s="78">
        <v>0</v>
      </c>
      <c r="CV16" s="81">
        <v>0</v>
      </c>
      <c r="CW16" s="82">
        <v>0</v>
      </c>
      <c r="CX16" s="77">
        <v>0</v>
      </c>
      <c r="CY16" s="78">
        <v>0</v>
      </c>
      <c r="CZ16" s="79">
        <v>0</v>
      </c>
      <c r="DA16" s="436"/>
      <c r="DB16" s="78">
        <v>0</v>
      </c>
      <c r="DC16" s="78">
        <v>0</v>
      </c>
      <c r="DD16" s="78">
        <v>0</v>
      </c>
      <c r="DE16" s="78">
        <v>0</v>
      </c>
      <c r="DF16" s="78">
        <v>0</v>
      </c>
      <c r="DG16" s="81">
        <v>0</v>
      </c>
      <c r="DH16" s="82">
        <v>0</v>
      </c>
      <c r="DI16" s="77">
        <v>9591</v>
      </c>
      <c r="DJ16" s="78">
        <v>4872</v>
      </c>
      <c r="DK16" s="79">
        <v>14463</v>
      </c>
      <c r="DL16" s="80">
        <v>0</v>
      </c>
      <c r="DM16" s="78">
        <v>137453</v>
      </c>
      <c r="DN16" s="78">
        <v>460002</v>
      </c>
      <c r="DO16" s="78">
        <v>2382375</v>
      </c>
      <c r="DP16" s="78">
        <v>3661996</v>
      </c>
      <c r="DQ16" s="78">
        <v>1699528</v>
      </c>
      <c r="DR16" s="81">
        <v>8341354</v>
      </c>
      <c r="DS16" s="83">
        <v>8355817</v>
      </c>
      <c r="DT16" s="77">
        <v>0</v>
      </c>
      <c r="DU16" s="78">
        <v>0</v>
      </c>
      <c r="DV16" s="79">
        <v>0</v>
      </c>
      <c r="DW16" s="436">
        <v>0</v>
      </c>
      <c r="DX16" s="78">
        <v>20184</v>
      </c>
      <c r="DY16" s="78">
        <v>286491</v>
      </c>
      <c r="DZ16" s="78">
        <v>1923484</v>
      </c>
      <c r="EA16" s="78">
        <v>3035131</v>
      </c>
      <c r="EB16" s="78">
        <v>1479877</v>
      </c>
      <c r="EC16" s="81">
        <v>6745167</v>
      </c>
      <c r="ED16" s="82">
        <v>6745167</v>
      </c>
      <c r="EE16" s="77">
        <v>0</v>
      </c>
      <c r="EF16" s="78">
        <v>0</v>
      </c>
      <c r="EG16" s="79">
        <v>0</v>
      </c>
      <c r="EH16" s="436">
        <v>0</v>
      </c>
      <c r="EI16" s="78">
        <v>34869</v>
      </c>
      <c r="EJ16" s="78">
        <v>47731</v>
      </c>
      <c r="EK16" s="78">
        <v>112758</v>
      </c>
      <c r="EL16" s="78">
        <v>149764</v>
      </c>
      <c r="EM16" s="78">
        <v>35111</v>
      </c>
      <c r="EN16" s="81">
        <v>380233</v>
      </c>
      <c r="EO16" s="82">
        <v>380233</v>
      </c>
      <c r="EP16" s="77">
        <v>0</v>
      </c>
      <c r="EQ16" s="78">
        <v>0</v>
      </c>
      <c r="ER16" s="79">
        <v>0</v>
      </c>
      <c r="ES16" s="436"/>
      <c r="ET16" s="78">
        <v>0</v>
      </c>
      <c r="EU16" s="78">
        <v>0</v>
      </c>
      <c r="EV16" s="78">
        <v>0</v>
      </c>
      <c r="EW16" s="78">
        <v>0</v>
      </c>
      <c r="EX16" s="78">
        <v>0</v>
      </c>
      <c r="EY16" s="81">
        <v>0</v>
      </c>
      <c r="EZ16" s="82">
        <v>0</v>
      </c>
      <c r="FA16" s="77">
        <v>0</v>
      </c>
      <c r="FB16" s="78">
        <v>0</v>
      </c>
      <c r="FC16" s="79">
        <v>0</v>
      </c>
      <c r="FD16" s="436">
        <v>0</v>
      </c>
      <c r="FE16" s="78">
        <v>0</v>
      </c>
      <c r="FF16" s="78">
        <v>0</v>
      </c>
      <c r="FG16" s="78">
        <v>0</v>
      </c>
      <c r="FH16" s="78">
        <v>812</v>
      </c>
      <c r="FI16" s="78">
        <v>12333</v>
      </c>
      <c r="FJ16" s="81">
        <v>13145</v>
      </c>
      <c r="FK16" s="82">
        <v>13145</v>
      </c>
      <c r="FL16" s="77">
        <v>0</v>
      </c>
      <c r="FM16" s="78">
        <v>0</v>
      </c>
      <c r="FN16" s="79">
        <v>0</v>
      </c>
      <c r="FO16" s="436">
        <v>0</v>
      </c>
      <c r="FP16" s="78">
        <v>0</v>
      </c>
      <c r="FQ16" s="78">
        <v>0</v>
      </c>
      <c r="FR16" s="78">
        <v>141288</v>
      </c>
      <c r="FS16" s="78">
        <v>204102</v>
      </c>
      <c r="FT16" s="78">
        <v>44138</v>
      </c>
      <c r="FU16" s="81">
        <v>389528</v>
      </c>
      <c r="FV16" s="82">
        <v>389528</v>
      </c>
      <c r="FW16" s="77">
        <v>9591</v>
      </c>
      <c r="FX16" s="78">
        <v>4872</v>
      </c>
      <c r="FY16" s="79">
        <v>14463</v>
      </c>
      <c r="FZ16" s="80">
        <v>0</v>
      </c>
      <c r="GA16" s="78">
        <v>82330</v>
      </c>
      <c r="GB16" s="78">
        <v>125759</v>
      </c>
      <c r="GC16" s="78">
        <v>204845</v>
      </c>
      <c r="GD16" s="78">
        <v>272187</v>
      </c>
      <c r="GE16" s="78">
        <v>124535</v>
      </c>
      <c r="GF16" s="81">
        <v>809656</v>
      </c>
      <c r="GG16" s="82">
        <v>824119</v>
      </c>
      <c r="GH16" s="77">
        <v>0</v>
      </c>
      <c r="GI16" s="78">
        <v>0</v>
      </c>
      <c r="GJ16" s="79">
        <v>0</v>
      </c>
      <c r="GK16" s="80">
        <v>0</v>
      </c>
      <c r="GL16" s="78">
        <v>70</v>
      </c>
      <c r="GM16" s="78">
        <v>21</v>
      </c>
      <c r="GN16" s="78">
        <v>0</v>
      </c>
      <c r="GO16" s="78">
        <v>0</v>
      </c>
      <c r="GP16" s="78">
        <v>3534</v>
      </c>
      <c r="GQ16" s="81">
        <v>3625</v>
      </c>
      <c r="GR16" s="82">
        <v>3625</v>
      </c>
      <c r="GS16" s="77">
        <v>0</v>
      </c>
      <c r="GT16" s="78">
        <v>0</v>
      </c>
      <c r="GU16" s="79">
        <v>0</v>
      </c>
      <c r="GV16" s="80">
        <v>0</v>
      </c>
      <c r="GW16" s="78">
        <v>0</v>
      </c>
      <c r="GX16" s="78">
        <v>0</v>
      </c>
      <c r="GY16" s="78">
        <v>0</v>
      </c>
      <c r="GZ16" s="78">
        <v>0</v>
      </c>
      <c r="HA16" s="78">
        <v>0</v>
      </c>
      <c r="HB16" s="81">
        <v>0</v>
      </c>
      <c r="HC16" s="82">
        <v>0</v>
      </c>
      <c r="HD16" s="77">
        <v>0</v>
      </c>
      <c r="HE16" s="78">
        <v>0</v>
      </c>
      <c r="HF16" s="79">
        <v>0</v>
      </c>
      <c r="HG16" s="436"/>
      <c r="HH16" s="78">
        <v>0</v>
      </c>
      <c r="HI16" s="78">
        <v>0</v>
      </c>
      <c r="HJ16" s="78">
        <v>0</v>
      </c>
      <c r="HK16" s="78">
        <v>0</v>
      </c>
      <c r="HL16" s="78">
        <v>0</v>
      </c>
      <c r="HM16" s="81">
        <v>0</v>
      </c>
      <c r="HN16" s="82">
        <v>0</v>
      </c>
      <c r="HO16" s="77">
        <v>22376</v>
      </c>
      <c r="HP16" s="78">
        <v>5597</v>
      </c>
      <c r="HQ16" s="79">
        <v>27973</v>
      </c>
      <c r="HR16" s="80">
        <v>0</v>
      </c>
      <c r="HS16" s="78">
        <v>232191</v>
      </c>
      <c r="HT16" s="78">
        <v>1117330</v>
      </c>
      <c r="HU16" s="78">
        <v>4585926</v>
      </c>
      <c r="HV16" s="78">
        <v>7322506</v>
      </c>
      <c r="HW16" s="78">
        <v>3431894</v>
      </c>
      <c r="HX16" s="81">
        <v>16689847</v>
      </c>
      <c r="HY16" s="82">
        <v>16717820</v>
      </c>
    </row>
    <row r="17" spans="2:233" s="137" customFormat="1" ht="21" customHeight="1" x14ac:dyDescent="0.2">
      <c r="B17" s="173" t="s">
        <v>13</v>
      </c>
      <c r="C17" s="77">
        <v>0</v>
      </c>
      <c r="D17" s="78">
        <v>0</v>
      </c>
      <c r="E17" s="79">
        <v>0</v>
      </c>
      <c r="F17" s="80">
        <v>0</v>
      </c>
      <c r="G17" s="78">
        <v>60590</v>
      </c>
      <c r="H17" s="78">
        <v>166970</v>
      </c>
      <c r="I17" s="78">
        <v>328758</v>
      </c>
      <c r="J17" s="78">
        <v>629653</v>
      </c>
      <c r="K17" s="78">
        <v>760353</v>
      </c>
      <c r="L17" s="81">
        <v>1946324</v>
      </c>
      <c r="M17" s="82">
        <v>1946324</v>
      </c>
      <c r="N17" s="77">
        <v>0</v>
      </c>
      <c r="O17" s="78">
        <v>0</v>
      </c>
      <c r="P17" s="79">
        <v>0</v>
      </c>
      <c r="Q17" s="436">
        <v>0</v>
      </c>
      <c r="R17" s="78">
        <v>2465</v>
      </c>
      <c r="S17" s="78">
        <v>33060</v>
      </c>
      <c r="T17" s="78">
        <v>273245</v>
      </c>
      <c r="U17" s="78">
        <v>555555</v>
      </c>
      <c r="V17" s="78">
        <v>628013</v>
      </c>
      <c r="W17" s="81">
        <v>1492338</v>
      </c>
      <c r="X17" s="82">
        <v>1492338</v>
      </c>
      <c r="Y17" s="77">
        <v>0</v>
      </c>
      <c r="Z17" s="78">
        <v>0</v>
      </c>
      <c r="AA17" s="79">
        <v>0</v>
      </c>
      <c r="AB17" s="436">
        <v>0</v>
      </c>
      <c r="AC17" s="78">
        <v>56115</v>
      </c>
      <c r="AD17" s="78">
        <v>114695</v>
      </c>
      <c r="AE17" s="78">
        <v>41273</v>
      </c>
      <c r="AF17" s="78">
        <v>68613</v>
      </c>
      <c r="AG17" s="78">
        <v>73335</v>
      </c>
      <c r="AH17" s="81">
        <v>354031</v>
      </c>
      <c r="AI17" s="82">
        <v>354031</v>
      </c>
      <c r="AJ17" s="77">
        <v>0</v>
      </c>
      <c r="AK17" s="78">
        <v>0</v>
      </c>
      <c r="AL17" s="79">
        <v>0</v>
      </c>
      <c r="AM17" s="436"/>
      <c r="AN17" s="78">
        <v>0</v>
      </c>
      <c r="AO17" s="78">
        <v>0</v>
      </c>
      <c r="AP17" s="78">
        <v>0</v>
      </c>
      <c r="AQ17" s="78">
        <v>0</v>
      </c>
      <c r="AR17" s="78">
        <v>0</v>
      </c>
      <c r="AS17" s="81">
        <v>0</v>
      </c>
      <c r="AT17" s="82">
        <v>0</v>
      </c>
      <c r="AU17" s="77">
        <v>0</v>
      </c>
      <c r="AV17" s="78">
        <v>0</v>
      </c>
      <c r="AW17" s="79">
        <v>0</v>
      </c>
      <c r="AX17" s="436"/>
      <c r="AY17" s="78">
        <v>0</v>
      </c>
      <c r="AZ17" s="78">
        <v>0</v>
      </c>
      <c r="BA17" s="78">
        <v>0</v>
      </c>
      <c r="BB17" s="78">
        <v>0</v>
      </c>
      <c r="BC17" s="78">
        <v>0</v>
      </c>
      <c r="BD17" s="81">
        <v>0</v>
      </c>
      <c r="BE17" s="82">
        <v>0</v>
      </c>
      <c r="BF17" s="77">
        <v>0</v>
      </c>
      <c r="BG17" s="78">
        <v>0</v>
      </c>
      <c r="BH17" s="79">
        <v>0</v>
      </c>
      <c r="BI17" s="436">
        <v>0</v>
      </c>
      <c r="BJ17" s="78">
        <v>0</v>
      </c>
      <c r="BK17" s="78">
        <v>0</v>
      </c>
      <c r="BL17" s="78">
        <v>0</v>
      </c>
      <c r="BM17" s="78">
        <v>0</v>
      </c>
      <c r="BN17" s="78">
        <v>0</v>
      </c>
      <c r="BO17" s="81">
        <v>0</v>
      </c>
      <c r="BP17" s="82">
        <v>0</v>
      </c>
      <c r="BQ17" s="77">
        <v>0</v>
      </c>
      <c r="BR17" s="78">
        <v>0</v>
      </c>
      <c r="BS17" s="79">
        <v>0</v>
      </c>
      <c r="BT17" s="80">
        <v>0</v>
      </c>
      <c r="BU17" s="78">
        <v>2010</v>
      </c>
      <c r="BV17" s="78">
        <v>19215</v>
      </c>
      <c r="BW17" s="78">
        <v>14240</v>
      </c>
      <c r="BX17" s="78">
        <v>5075</v>
      </c>
      <c r="BY17" s="78">
        <v>59005</v>
      </c>
      <c r="BZ17" s="81">
        <v>99545</v>
      </c>
      <c r="CA17" s="82">
        <v>99545</v>
      </c>
      <c r="CB17" s="77">
        <v>0</v>
      </c>
      <c r="CC17" s="78">
        <v>0</v>
      </c>
      <c r="CD17" s="79">
        <v>0</v>
      </c>
      <c r="CE17" s="80">
        <v>0</v>
      </c>
      <c r="CF17" s="78">
        <v>0</v>
      </c>
      <c r="CG17" s="78">
        <v>0</v>
      </c>
      <c r="CH17" s="78">
        <v>0</v>
      </c>
      <c r="CI17" s="78">
        <v>410</v>
      </c>
      <c r="CJ17" s="78">
        <v>0</v>
      </c>
      <c r="CK17" s="81">
        <v>410</v>
      </c>
      <c r="CL17" s="82">
        <v>410</v>
      </c>
      <c r="CM17" s="77">
        <v>0</v>
      </c>
      <c r="CN17" s="78">
        <v>0</v>
      </c>
      <c r="CO17" s="79">
        <v>0</v>
      </c>
      <c r="CP17" s="80">
        <v>0</v>
      </c>
      <c r="CQ17" s="78">
        <v>0</v>
      </c>
      <c r="CR17" s="78">
        <v>0</v>
      </c>
      <c r="CS17" s="78">
        <v>0</v>
      </c>
      <c r="CT17" s="78">
        <v>0</v>
      </c>
      <c r="CU17" s="78">
        <v>0</v>
      </c>
      <c r="CV17" s="81">
        <v>0</v>
      </c>
      <c r="CW17" s="82">
        <v>0</v>
      </c>
      <c r="CX17" s="77">
        <v>0</v>
      </c>
      <c r="CY17" s="78">
        <v>0</v>
      </c>
      <c r="CZ17" s="79">
        <v>0</v>
      </c>
      <c r="DA17" s="436"/>
      <c r="DB17" s="78">
        <v>0</v>
      </c>
      <c r="DC17" s="78">
        <v>0</v>
      </c>
      <c r="DD17" s="78">
        <v>0</v>
      </c>
      <c r="DE17" s="78">
        <v>0</v>
      </c>
      <c r="DF17" s="78">
        <v>0</v>
      </c>
      <c r="DG17" s="81">
        <v>0</v>
      </c>
      <c r="DH17" s="82">
        <v>0</v>
      </c>
      <c r="DI17" s="77">
        <v>0</v>
      </c>
      <c r="DJ17" s="78">
        <v>0</v>
      </c>
      <c r="DK17" s="79">
        <v>0</v>
      </c>
      <c r="DL17" s="80">
        <v>0</v>
      </c>
      <c r="DM17" s="78">
        <v>18665</v>
      </c>
      <c r="DN17" s="78">
        <v>63309</v>
      </c>
      <c r="DO17" s="78">
        <v>471625</v>
      </c>
      <c r="DP17" s="78">
        <v>694776</v>
      </c>
      <c r="DQ17" s="78">
        <v>803236</v>
      </c>
      <c r="DR17" s="81">
        <v>2051611</v>
      </c>
      <c r="DS17" s="83">
        <v>2051611</v>
      </c>
      <c r="DT17" s="77">
        <v>0</v>
      </c>
      <c r="DU17" s="78">
        <v>0</v>
      </c>
      <c r="DV17" s="79">
        <v>0</v>
      </c>
      <c r="DW17" s="436">
        <v>0</v>
      </c>
      <c r="DX17" s="78">
        <v>20184</v>
      </c>
      <c r="DY17" s="78">
        <v>35844</v>
      </c>
      <c r="DZ17" s="78">
        <v>401735</v>
      </c>
      <c r="EA17" s="78">
        <v>647930</v>
      </c>
      <c r="EB17" s="78">
        <v>736191</v>
      </c>
      <c r="EC17" s="81">
        <v>1841884</v>
      </c>
      <c r="ED17" s="82">
        <v>1841884</v>
      </c>
      <c r="EE17" s="77">
        <v>0</v>
      </c>
      <c r="EF17" s="78">
        <v>0</v>
      </c>
      <c r="EG17" s="79">
        <v>0</v>
      </c>
      <c r="EH17" s="436">
        <v>0</v>
      </c>
      <c r="EI17" s="78">
        <v>10788</v>
      </c>
      <c r="EJ17" s="78">
        <v>1218</v>
      </c>
      <c r="EK17" s="78">
        <v>11122</v>
      </c>
      <c r="EL17" s="78">
        <v>30047</v>
      </c>
      <c r="EM17" s="78">
        <v>2061</v>
      </c>
      <c r="EN17" s="81">
        <v>55236</v>
      </c>
      <c r="EO17" s="82">
        <v>55236</v>
      </c>
      <c r="EP17" s="77">
        <v>0</v>
      </c>
      <c r="EQ17" s="78">
        <v>0</v>
      </c>
      <c r="ER17" s="79">
        <v>0</v>
      </c>
      <c r="ES17" s="436"/>
      <c r="ET17" s="78">
        <v>0</v>
      </c>
      <c r="EU17" s="78">
        <v>0</v>
      </c>
      <c r="EV17" s="78">
        <v>0</v>
      </c>
      <c r="EW17" s="78">
        <v>0</v>
      </c>
      <c r="EX17" s="78">
        <v>0</v>
      </c>
      <c r="EY17" s="81">
        <v>0</v>
      </c>
      <c r="EZ17" s="82">
        <v>0</v>
      </c>
      <c r="FA17" s="77">
        <v>0</v>
      </c>
      <c r="FB17" s="78">
        <v>0</v>
      </c>
      <c r="FC17" s="79">
        <v>0</v>
      </c>
      <c r="FD17" s="436">
        <v>0</v>
      </c>
      <c r="FE17" s="78">
        <v>0</v>
      </c>
      <c r="FF17" s="78">
        <v>0</v>
      </c>
      <c r="FG17" s="78">
        <v>0</v>
      </c>
      <c r="FH17" s="78">
        <v>0</v>
      </c>
      <c r="FI17" s="78">
        <v>0</v>
      </c>
      <c r="FJ17" s="81">
        <v>0</v>
      </c>
      <c r="FK17" s="82">
        <v>0</v>
      </c>
      <c r="FL17" s="77">
        <v>0</v>
      </c>
      <c r="FM17" s="78">
        <v>0</v>
      </c>
      <c r="FN17" s="79">
        <v>0</v>
      </c>
      <c r="FO17" s="436">
        <v>0</v>
      </c>
      <c r="FP17" s="78">
        <v>0</v>
      </c>
      <c r="FQ17" s="78">
        <v>0</v>
      </c>
      <c r="FR17" s="78">
        <v>0</v>
      </c>
      <c r="FS17" s="78">
        <v>0</v>
      </c>
      <c r="FT17" s="78">
        <v>0</v>
      </c>
      <c r="FU17" s="81">
        <v>0</v>
      </c>
      <c r="FV17" s="82">
        <v>0</v>
      </c>
      <c r="FW17" s="77">
        <v>0</v>
      </c>
      <c r="FX17" s="78">
        <v>0</v>
      </c>
      <c r="FY17" s="79">
        <v>0</v>
      </c>
      <c r="FZ17" s="80">
        <v>0</v>
      </c>
      <c r="GA17" s="78">
        <v>-12307</v>
      </c>
      <c r="GB17" s="78">
        <v>26247</v>
      </c>
      <c r="GC17" s="78">
        <v>58768</v>
      </c>
      <c r="GD17" s="78">
        <v>16771</v>
      </c>
      <c r="GE17" s="78">
        <v>64984</v>
      </c>
      <c r="GF17" s="81">
        <v>154463</v>
      </c>
      <c r="GG17" s="82">
        <v>154463</v>
      </c>
      <c r="GH17" s="77">
        <v>0</v>
      </c>
      <c r="GI17" s="78">
        <v>0</v>
      </c>
      <c r="GJ17" s="79">
        <v>0</v>
      </c>
      <c r="GK17" s="80">
        <v>0</v>
      </c>
      <c r="GL17" s="78">
        <v>0</v>
      </c>
      <c r="GM17" s="78">
        <v>0</v>
      </c>
      <c r="GN17" s="78">
        <v>0</v>
      </c>
      <c r="GO17" s="78">
        <v>28</v>
      </c>
      <c r="GP17" s="78">
        <v>0</v>
      </c>
      <c r="GQ17" s="81">
        <v>28</v>
      </c>
      <c r="GR17" s="82">
        <v>28</v>
      </c>
      <c r="GS17" s="77">
        <v>0</v>
      </c>
      <c r="GT17" s="78">
        <v>0</v>
      </c>
      <c r="GU17" s="79">
        <v>0</v>
      </c>
      <c r="GV17" s="80">
        <v>0</v>
      </c>
      <c r="GW17" s="78">
        <v>0</v>
      </c>
      <c r="GX17" s="78">
        <v>0</v>
      </c>
      <c r="GY17" s="78">
        <v>0</v>
      </c>
      <c r="GZ17" s="78">
        <v>0</v>
      </c>
      <c r="HA17" s="78">
        <v>0</v>
      </c>
      <c r="HB17" s="81">
        <v>0</v>
      </c>
      <c r="HC17" s="82">
        <v>0</v>
      </c>
      <c r="HD17" s="77">
        <v>0</v>
      </c>
      <c r="HE17" s="78">
        <v>0</v>
      </c>
      <c r="HF17" s="79">
        <v>0</v>
      </c>
      <c r="HG17" s="436"/>
      <c r="HH17" s="78">
        <v>0</v>
      </c>
      <c r="HI17" s="78">
        <v>0</v>
      </c>
      <c r="HJ17" s="78">
        <v>0</v>
      </c>
      <c r="HK17" s="78">
        <v>0</v>
      </c>
      <c r="HL17" s="78">
        <v>0</v>
      </c>
      <c r="HM17" s="81">
        <v>0</v>
      </c>
      <c r="HN17" s="82">
        <v>0</v>
      </c>
      <c r="HO17" s="77">
        <v>0</v>
      </c>
      <c r="HP17" s="78">
        <v>0</v>
      </c>
      <c r="HQ17" s="79">
        <v>0</v>
      </c>
      <c r="HR17" s="80">
        <v>0</v>
      </c>
      <c r="HS17" s="78">
        <v>79255</v>
      </c>
      <c r="HT17" s="78">
        <v>230279</v>
      </c>
      <c r="HU17" s="78">
        <v>800383</v>
      </c>
      <c r="HV17" s="78">
        <v>1324429</v>
      </c>
      <c r="HW17" s="78">
        <v>1563589</v>
      </c>
      <c r="HX17" s="81">
        <v>3997935</v>
      </c>
      <c r="HY17" s="82">
        <v>3997935</v>
      </c>
    </row>
    <row r="18" spans="2:233" s="137" customFormat="1" ht="21" customHeight="1" x14ac:dyDescent="0.2">
      <c r="B18" s="173" t="s">
        <v>15</v>
      </c>
      <c r="C18" s="77">
        <v>0</v>
      </c>
      <c r="D18" s="78">
        <v>0</v>
      </c>
      <c r="E18" s="79">
        <v>0</v>
      </c>
      <c r="F18" s="80">
        <v>0</v>
      </c>
      <c r="G18" s="78">
        <v>214183</v>
      </c>
      <c r="H18" s="78">
        <v>252225</v>
      </c>
      <c r="I18" s="78">
        <v>1561264</v>
      </c>
      <c r="J18" s="78">
        <v>2192240</v>
      </c>
      <c r="K18" s="78">
        <v>1139936</v>
      </c>
      <c r="L18" s="81">
        <v>5359848</v>
      </c>
      <c r="M18" s="82">
        <v>5359848</v>
      </c>
      <c r="N18" s="77">
        <v>0</v>
      </c>
      <c r="O18" s="78">
        <v>0</v>
      </c>
      <c r="P18" s="79">
        <v>0</v>
      </c>
      <c r="Q18" s="436">
        <v>0</v>
      </c>
      <c r="R18" s="78">
        <v>2465</v>
      </c>
      <c r="S18" s="78">
        <v>0</v>
      </c>
      <c r="T18" s="78">
        <v>1014005</v>
      </c>
      <c r="U18" s="78">
        <v>1320875</v>
      </c>
      <c r="V18" s="78">
        <v>806510</v>
      </c>
      <c r="W18" s="81">
        <v>3143855</v>
      </c>
      <c r="X18" s="82">
        <v>3143855</v>
      </c>
      <c r="Y18" s="77">
        <v>0</v>
      </c>
      <c r="Z18" s="78">
        <v>0</v>
      </c>
      <c r="AA18" s="79">
        <v>0</v>
      </c>
      <c r="AB18" s="436">
        <v>0</v>
      </c>
      <c r="AC18" s="78">
        <v>154338</v>
      </c>
      <c r="AD18" s="78">
        <v>239250</v>
      </c>
      <c r="AE18" s="78">
        <v>255163</v>
      </c>
      <c r="AF18" s="78">
        <v>579897</v>
      </c>
      <c r="AG18" s="78">
        <v>216460</v>
      </c>
      <c r="AH18" s="81">
        <v>1445108</v>
      </c>
      <c r="AI18" s="82">
        <v>1445108</v>
      </c>
      <c r="AJ18" s="77">
        <v>0</v>
      </c>
      <c r="AK18" s="78">
        <v>0</v>
      </c>
      <c r="AL18" s="79">
        <v>0</v>
      </c>
      <c r="AM18" s="436"/>
      <c r="AN18" s="78">
        <v>0</v>
      </c>
      <c r="AO18" s="78">
        <v>0</v>
      </c>
      <c r="AP18" s="78">
        <v>0</v>
      </c>
      <c r="AQ18" s="78">
        <v>0</v>
      </c>
      <c r="AR18" s="78">
        <v>0</v>
      </c>
      <c r="AS18" s="81">
        <v>0</v>
      </c>
      <c r="AT18" s="82">
        <v>0</v>
      </c>
      <c r="AU18" s="77">
        <v>0</v>
      </c>
      <c r="AV18" s="78">
        <v>0</v>
      </c>
      <c r="AW18" s="79">
        <v>0</v>
      </c>
      <c r="AX18" s="436"/>
      <c r="AY18" s="78">
        <v>0</v>
      </c>
      <c r="AZ18" s="78">
        <v>0</v>
      </c>
      <c r="BA18" s="78">
        <v>0</v>
      </c>
      <c r="BB18" s="78">
        <v>0</v>
      </c>
      <c r="BC18" s="78">
        <v>0</v>
      </c>
      <c r="BD18" s="81">
        <v>0</v>
      </c>
      <c r="BE18" s="82">
        <v>0</v>
      </c>
      <c r="BF18" s="77">
        <v>0</v>
      </c>
      <c r="BG18" s="78">
        <v>0</v>
      </c>
      <c r="BH18" s="79">
        <v>0</v>
      </c>
      <c r="BI18" s="436">
        <v>0</v>
      </c>
      <c r="BJ18" s="78">
        <v>0</v>
      </c>
      <c r="BK18" s="78">
        <v>0</v>
      </c>
      <c r="BL18" s="78">
        <v>80815</v>
      </c>
      <c r="BM18" s="78">
        <v>153530</v>
      </c>
      <c r="BN18" s="78">
        <v>96715</v>
      </c>
      <c r="BO18" s="81">
        <v>331060</v>
      </c>
      <c r="BP18" s="82">
        <v>331060</v>
      </c>
      <c r="BQ18" s="77">
        <v>0</v>
      </c>
      <c r="BR18" s="78">
        <v>0</v>
      </c>
      <c r="BS18" s="79">
        <v>0</v>
      </c>
      <c r="BT18" s="80">
        <v>0</v>
      </c>
      <c r="BU18" s="78">
        <v>57077</v>
      </c>
      <c r="BV18" s="78">
        <v>11947</v>
      </c>
      <c r="BW18" s="78">
        <v>210688</v>
      </c>
      <c r="BX18" s="78">
        <v>137938</v>
      </c>
      <c r="BY18" s="78">
        <v>20251</v>
      </c>
      <c r="BZ18" s="81">
        <v>437901</v>
      </c>
      <c r="CA18" s="82">
        <v>437901</v>
      </c>
      <c r="CB18" s="77">
        <v>0</v>
      </c>
      <c r="CC18" s="78">
        <v>0</v>
      </c>
      <c r="CD18" s="79">
        <v>0</v>
      </c>
      <c r="CE18" s="80">
        <v>0</v>
      </c>
      <c r="CF18" s="78">
        <v>303</v>
      </c>
      <c r="CG18" s="78">
        <v>1028</v>
      </c>
      <c r="CH18" s="78">
        <v>593</v>
      </c>
      <c r="CI18" s="78">
        <v>0</v>
      </c>
      <c r="CJ18" s="78">
        <v>0</v>
      </c>
      <c r="CK18" s="81">
        <v>1924</v>
      </c>
      <c r="CL18" s="82">
        <v>1924</v>
      </c>
      <c r="CM18" s="77">
        <v>0</v>
      </c>
      <c r="CN18" s="78">
        <v>0</v>
      </c>
      <c r="CO18" s="79">
        <v>0</v>
      </c>
      <c r="CP18" s="80">
        <v>0</v>
      </c>
      <c r="CQ18" s="78">
        <v>0</v>
      </c>
      <c r="CR18" s="78">
        <v>0</v>
      </c>
      <c r="CS18" s="78">
        <v>0</v>
      </c>
      <c r="CT18" s="78">
        <v>0</v>
      </c>
      <c r="CU18" s="78">
        <v>0</v>
      </c>
      <c r="CV18" s="81">
        <v>0</v>
      </c>
      <c r="CW18" s="82">
        <v>0</v>
      </c>
      <c r="CX18" s="77">
        <v>0</v>
      </c>
      <c r="CY18" s="78">
        <v>0</v>
      </c>
      <c r="CZ18" s="79">
        <v>0</v>
      </c>
      <c r="DA18" s="436"/>
      <c r="DB18" s="78">
        <v>0</v>
      </c>
      <c r="DC18" s="78">
        <v>0</v>
      </c>
      <c r="DD18" s="78">
        <v>0</v>
      </c>
      <c r="DE18" s="78">
        <v>0</v>
      </c>
      <c r="DF18" s="78">
        <v>0</v>
      </c>
      <c r="DG18" s="81">
        <v>0</v>
      </c>
      <c r="DH18" s="82">
        <v>0</v>
      </c>
      <c r="DI18" s="77">
        <v>0</v>
      </c>
      <c r="DJ18" s="78">
        <v>0</v>
      </c>
      <c r="DK18" s="79">
        <v>0</v>
      </c>
      <c r="DL18" s="80">
        <v>0</v>
      </c>
      <c r="DM18" s="78">
        <v>90640</v>
      </c>
      <c r="DN18" s="78">
        <v>83205</v>
      </c>
      <c r="DO18" s="78">
        <v>1513198</v>
      </c>
      <c r="DP18" s="78">
        <v>1986384</v>
      </c>
      <c r="DQ18" s="78">
        <v>1145138</v>
      </c>
      <c r="DR18" s="81">
        <v>4818565</v>
      </c>
      <c r="DS18" s="83">
        <v>4818565</v>
      </c>
      <c r="DT18" s="77">
        <v>0</v>
      </c>
      <c r="DU18" s="78">
        <v>0</v>
      </c>
      <c r="DV18" s="79">
        <v>0</v>
      </c>
      <c r="DW18" s="436">
        <v>0</v>
      </c>
      <c r="DX18" s="78">
        <v>10179</v>
      </c>
      <c r="DY18" s="78">
        <v>0</v>
      </c>
      <c r="DZ18" s="78">
        <v>1000563</v>
      </c>
      <c r="EA18" s="78">
        <v>1574225</v>
      </c>
      <c r="EB18" s="78">
        <v>949936</v>
      </c>
      <c r="EC18" s="81">
        <v>3534903</v>
      </c>
      <c r="ED18" s="82">
        <v>3534903</v>
      </c>
      <c r="EE18" s="77">
        <v>0</v>
      </c>
      <c r="EF18" s="78">
        <v>0</v>
      </c>
      <c r="EG18" s="79">
        <v>0</v>
      </c>
      <c r="EH18" s="436">
        <v>0</v>
      </c>
      <c r="EI18" s="78">
        <v>39294</v>
      </c>
      <c r="EJ18" s="78">
        <v>35032</v>
      </c>
      <c r="EK18" s="78">
        <v>12896</v>
      </c>
      <c r="EL18" s="78">
        <v>3855</v>
      </c>
      <c r="EM18" s="78">
        <v>22939</v>
      </c>
      <c r="EN18" s="81">
        <v>114016</v>
      </c>
      <c r="EO18" s="82">
        <v>114016</v>
      </c>
      <c r="EP18" s="77">
        <v>0</v>
      </c>
      <c r="EQ18" s="78">
        <v>0</v>
      </c>
      <c r="ER18" s="79">
        <v>0</v>
      </c>
      <c r="ES18" s="436"/>
      <c r="ET18" s="78">
        <v>0</v>
      </c>
      <c r="EU18" s="78">
        <v>0</v>
      </c>
      <c r="EV18" s="78">
        <v>0</v>
      </c>
      <c r="EW18" s="78">
        <v>0</v>
      </c>
      <c r="EX18" s="78">
        <v>0</v>
      </c>
      <c r="EY18" s="81">
        <v>0</v>
      </c>
      <c r="EZ18" s="82">
        <v>0</v>
      </c>
      <c r="FA18" s="77">
        <v>0</v>
      </c>
      <c r="FB18" s="78">
        <v>0</v>
      </c>
      <c r="FC18" s="79">
        <v>0</v>
      </c>
      <c r="FD18" s="436">
        <v>0</v>
      </c>
      <c r="FE18" s="78">
        <v>0</v>
      </c>
      <c r="FF18" s="78">
        <v>0</v>
      </c>
      <c r="FG18" s="78">
        <v>0</v>
      </c>
      <c r="FH18" s="78">
        <v>0</v>
      </c>
      <c r="FI18" s="78">
        <v>0</v>
      </c>
      <c r="FJ18" s="81">
        <v>0</v>
      </c>
      <c r="FK18" s="82">
        <v>0</v>
      </c>
      <c r="FL18" s="77">
        <v>0</v>
      </c>
      <c r="FM18" s="78">
        <v>0</v>
      </c>
      <c r="FN18" s="79">
        <v>0</v>
      </c>
      <c r="FO18" s="436">
        <v>0</v>
      </c>
      <c r="FP18" s="78">
        <v>0</v>
      </c>
      <c r="FQ18" s="78">
        <v>0</v>
      </c>
      <c r="FR18" s="78">
        <v>162358</v>
      </c>
      <c r="FS18" s="78">
        <v>201686</v>
      </c>
      <c r="FT18" s="78">
        <v>143550</v>
      </c>
      <c r="FU18" s="81">
        <v>507594</v>
      </c>
      <c r="FV18" s="82">
        <v>507594</v>
      </c>
      <c r="FW18" s="77">
        <v>0</v>
      </c>
      <c r="FX18" s="78">
        <v>0</v>
      </c>
      <c r="FY18" s="79">
        <v>0</v>
      </c>
      <c r="FZ18" s="80">
        <v>0</v>
      </c>
      <c r="GA18" s="78">
        <v>40093</v>
      </c>
      <c r="GB18" s="78">
        <v>45309</v>
      </c>
      <c r="GC18" s="78">
        <v>335591</v>
      </c>
      <c r="GD18" s="78">
        <v>206618</v>
      </c>
      <c r="GE18" s="78">
        <v>28713</v>
      </c>
      <c r="GF18" s="81">
        <v>656324</v>
      </c>
      <c r="GG18" s="82">
        <v>656324</v>
      </c>
      <c r="GH18" s="77">
        <v>0</v>
      </c>
      <c r="GI18" s="78">
        <v>0</v>
      </c>
      <c r="GJ18" s="79">
        <v>0</v>
      </c>
      <c r="GK18" s="80">
        <v>0</v>
      </c>
      <c r="GL18" s="78">
        <v>1074</v>
      </c>
      <c r="GM18" s="78">
        <v>2864</v>
      </c>
      <c r="GN18" s="78">
        <v>1790</v>
      </c>
      <c r="GO18" s="78">
        <v>0</v>
      </c>
      <c r="GP18" s="78">
        <v>0</v>
      </c>
      <c r="GQ18" s="81">
        <v>5728</v>
      </c>
      <c r="GR18" s="82">
        <v>5728</v>
      </c>
      <c r="GS18" s="77">
        <v>0</v>
      </c>
      <c r="GT18" s="78">
        <v>0</v>
      </c>
      <c r="GU18" s="79">
        <v>0</v>
      </c>
      <c r="GV18" s="80">
        <v>0</v>
      </c>
      <c r="GW18" s="78">
        <v>0</v>
      </c>
      <c r="GX18" s="78">
        <v>0</v>
      </c>
      <c r="GY18" s="78">
        <v>0</v>
      </c>
      <c r="GZ18" s="78">
        <v>0</v>
      </c>
      <c r="HA18" s="78">
        <v>0</v>
      </c>
      <c r="HB18" s="81">
        <v>0</v>
      </c>
      <c r="HC18" s="82">
        <v>0</v>
      </c>
      <c r="HD18" s="77">
        <v>0</v>
      </c>
      <c r="HE18" s="78">
        <v>0</v>
      </c>
      <c r="HF18" s="79">
        <v>0</v>
      </c>
      <c r="HG18" s="436"/>
      <c r="HH18" s="78">
        <v>0</v>
      </c>
      <c r="HI18" s="78">
        <v>0</v>
      </c>
      <c r="HJ18" s="78">
        <v>0</v>
      </c>
      <c r="HK18" s="78">
        <v>0</v>
      </c>
      <c r="HL18" s="78">
        <v>0</v>
      </c>
      <c r="HM18" s="81">
        <v>0</v>
      </c>
      <c r="HN18" s="82">
        <v>0</v>
      </c>
      <c r="HO18" s="77">
        <v>0</v>
      </c>
      <c r="HP18" s="78">
        <v>0</v>
      </c>
      <c r="HQ18" s="79">
        <v>0</v>
      </c>
      <c r="HR18" s="80">
        <v>0</v>
      </c>
      <c r="HS18" s="78">
        <v>304823</v>
      </c>
      <c r="HT18" s="78">
        <v>335430</v>
      </c>
      <c r="HU18" s="78">
        <v>3074462</v>
      </c>
      <c r="HV18" s="78">
        <v>4178624</v>
      </c>
      <c r="HW18" s="78">
        <v>2285074</v>
      </c>
      <c r="HX18" s="81">
        <v>10178413</v>
      </c>
      <c r="HY18" s="82">
        <v>10178413</v>
      </c>
    </row>
    <row r="19" spans="2:233" s="137" customFormat="1" ht="21" customHeight="1" x14ac:dyDescent="0.2">
      <c r="B19" s="173" t="s">
        <v>16</v>
      </c>
      <c r="C19" s="77">
        <v>0</v>
      </c>
      <c r="D19" s="78">
        <v>0</v>
      </c>
      <c r="E19" s="79">
        <v>0</v>
      </c>
      <c r="F19" s="80">
        <v>0</v>
      </c>
      <c r="G19" s="78">
        <v>396398</v>
      </c>
      <c r="H19" s="78">
        <v>703994</v>
      </c>
      <c r="I19" s="78">
        <v>2701794</v>
      </c>
      <c r="J19" s="78">
        <v>3186555</v>
      </c>
      <c r="K19" s="78">
        <v>1879315</v>
      </c>
      <c r="L19" s="81">
        <v>8868056</v>
      </c>
      <c r="M19" s="82">
        <v>8868056</v>
      </c>
      <c r="N19" s="77">
        <v>0</v>
      </c>
      <c r="O19" s="78">
        <v>0</v>
      </c>
      <c r="P19" s="79">
        <v>0</v>
      </c>
      <c r="Q19" s="436">
        <v>0</v>
      </c>
      <c r="R19" s="78">
        <v>61045</v>
      </c>
      <c r="S19" s="78">
        <v>25230</v>
      </c>
      <c r="T19" s="78">
        <v>1695265</v>
      </c>
      <c r="U19" s="78">
        <v>2267322</v>
      </c>
      <c r="V19" s="78">
        <v>1509950</v>
      </c>
      <c r="W19" s="81">
        <v>5558812</v>
      </c>
      <c r="X19" s="82">
        <v>5558812</v>
      </c>
      <c r="Y19" s="77">
        <v>0</v>
      </c>
      <c r="Z19" s="78">
        <v>0</v>
      </c>
      <c r="AA19" s="79">
        <v>0</v>
      </c>
      <c r="AB19" s="436">
        <v>0</v>
      </c>
      <c r="AC19" s="78">
        <v>281080</v>
      </c>
      <c r="AD19" s="78">
        <v>609068</v>
      </c>
      <c r="AE19" s="78">
        <v>901340</v>
      </c>
      <c r="AF19" s="78">
        <v>729030</v>
      </c>
      <c r="AG19" s="78">
        <v>214955</v>
      </c>
      <c r="AH19" s="81">
        <v>2735473</v>
      </c>
      <c r="AI19" s="82">
        <v>2735473</v>
      </c>
      <c r="AJ19" s="77">
        <v>0</v>
      </c>
      <c r="AK19" s="78">
        <v>0</v>
      </c>
      <c r="AL19" s="79">
        <v>0</v>
      </c>
      <c r="AM19" s="436"/>
      <c r="AN19" s="78">
        <v>0</v>
      </c>
      <c r="AO19" s="78">
        <v>0</v>
      </c>
      <c r="AP19" s="78">
        <v>0</v>
      </c>
      <c r="AQ19" s="78">
        <v>0</v>
      </c>
      <c r="AR19" s="78">
        <v>0</v>
      </c>
      <c r="AS19" s="81">
        <v>0</v>
      </c>
      <c r="AT19" s="82">
        <v>0</v>
      </c>
      <c r="AU19" s="77">
        <v>0</v>
      </c>
      <c r="AV19" s="78">
        <v>0</v>
      </c>
      <c r="AW19" s="79">
        <v>0</v>
      </c>
      <c r="AX19" s="436"/>
      <c r="AY19" s="78">
        <v>0</v>
      </c>
      <c r="AZ19" s="78">
        <v>0</v>
      </c>
      <c r="BA19" s="78">
        <v>2465</v>
      </c>
      <c r="BB19" s="78">
        <v>66760</v>
      </c>
      <c r="BC19" s="78">
        <v>50110</v>
      </c>
      <c r="BD19" s="81">
        <v>119335</v>
      </c>
      <c r="BE19" s="82">
        <v>119335</v>
      </c>
      <c r="BF19" s="77">
        <v>0</v>
      </c>
      <c r="BG19" s="78">
        <v>0</v>
      </c>
      <c r="BH19" s="79">
        <v>0</v>
      </c>
      <c r="BI19" s="436">
        <v>0</v>
      </c>
      <c r="BJ19" s="78">
        <v>0</v>
      </c>
      <c r="BK19" s="78">
        <v>25520</v>
      </c>
      <c r="BL19" s="78">
        <v>51040</v>
      </c>
      <c r="BM19" s="78">
        <v>37990</v>
      </c>
      <c r="BN19" s="78">
        <v>91895</v>
      </c>
      <c r="BO19" s="81">
        <v>206445</v>
      </c>
      <c r="BP19" s="82">
        <v>206445</v>
      </c>
      <c r="BQ19" s="77">
        <v>0</v>
      </c>
      <c r="BR19" s="78">
        <v>0</v>
      </c>
      <c r="BS19" s="79">
        <v>0</v>
      </c>
      <c r="BT19" s="80">
        <v>0</v>
      </c>
      <c r="BU19" s="78">
        <v>54273</v>
      </c>
      <c r="BV19" s="78">
        <v>44176</v>
      </c>
      <c r="BW19" s="78">
        <v>51356</v>
      </c>
      <c r="BX19" s="78">
        <v>85163</v>
      </c>
      <c r="BY19" s="78">
        <v>12405</v>
      </c>
      <c r="BZ19" s="81">
        <v>247373</v>
      </c>
      <c r="CA19" s="82">
        <v>247373</v>
      </c>
      <c r="CB19" s="77">
        <v>0</v>
      </c>
      <c r="CC19" s="78">
        <v>0</v>
      </c>
      <c r="CD19" s="79">
        <v>0</v>
      </c>
      <c r="CE19" s="80">
        <v>0</v>
      </c>
      <c r="CF19" s="78">
        <v>0</v>
      </c>
      <c r="CG19" s="78">
        <v>0</v>
      </c>
      <c r="CH19" s="78">
        <v>328</v>
      </c>
      <c r="CI19" s="78">
        <v>290</v>
      </c>
      <c r="CJ19" s="78">
        <v>0</v>
      </c>
      <c r="CK19" s="81">
        <v>618</v>
      </c>
      <c r="CL19" s="82">
        <v>618</v>
      </c>
      <c r="CM19" s="77">
        <v>0</v>
      </c>
      <c r="CN19" s="78">
        <v>0</v>
      </c>
      <c r="CO19" s="79">
        <v>0</v>
      </c>
      <c r="CP19" s="80">
        <v>0</v>
      </c>
      <c r="CQ19" s="78">
        <v>0</v>
      </c>
      <c r="CR19" s="78">
        <v>0</v>
      </c>
      <c r="CS19" s="78">
        <v>0</v>
      </c>
      <c r="CT19" s="78">
        <v>0</v>
      </c>
      <c r="CU19" s="78">
        <v>0</v>
      </c>
      <c r="CV19" s="81">
        <v>0</v>
      </c>
      <c r="CW19" s="82">
        <v>0</v>
      </c>
      <c r="CX19" s="77">
        <v>0</v>
      </c>
      <c r="CY19" s="78">
        <v>0</v>
      </c>
      <c r="CZ19" s="79">
        <v>0</v>
      </c>
      <c r="DA19" s="436"/>
      <c r="DB19" s="78">
        <v>0</v>
      </c>
      <c r="DC19" s="78">
        <v>0</v>
      </c>
      <c r="DD19" s="78">
        <v>0</v>
      </c>
      <c r="DE19" s="78">
        <v>0</v>
      </c>
      <c r="DF19" s="78">
        <v>0</v>
      </c>
      <c r="DG19" s="81">
        <v>0</v>
      </c>
      <c r="DH19" s="82">
        <v>0</v>
      </c>
      <c r="DI19" s="77">
        <v>1392</v>
      </c>
      <c r="DJ19" s="78">
        <v>0</v>
      </c>
      <c r="DK19" s="79">
        <v>1392</v>
      </c>
      <c r="DL19" s="80">
        <v>0</v>
      </c>
      <c r="DM19" s="78">
        <v>276590</v>
      </c>
      <c r="DN19" s="78">
        <v>442786</v>
      </c>
      <c r="DO19" s="78">
        <v>2977433</v>
      </c>
      <c r="DP19" s="78">
        <v>3541488</v>
      </c>
      <c r="DQ19" s="78">
        <v>2068927</v>
      </c>
      <c r="DR19" s="81">
        <v>9307224</v>
      </c>
      <c r="DS19" s="83">
        <v>9308616</v>
      </c>
      <c r="DT19" s="77">
        <v>0</v>
      </c>
      <c r="DU19" s="78">
        <v>0</v>
      </c>
      <c r="DV19" s="79">
        <v>0</v>
      </c>
      <c r="DW19" s="436">
        <v>0</v>
      </c>
      <c r="DX19" s="78">
        <v>71543</v>
      </c>
      <c r="DY19" s="78">
        <v>176523</v>
      </c>
      <c r="DZ19" s="78">
        <v>2459539</v>
      </c>
      <c r="EA19" s="78">
        <v>3031056</v>
      </c>
      <c r="EB19" s="78">
        <v>1823495</v>
      </c>
      <c r="EC19" s="81">
        <v>7562156</v>
      </c>
      <c r="ED19" s="82">
        <v>7562156</v>
      </c>
      <c r="EE19" s="77">
        <v>0</v>
      </c>
      <c r="EF19" s="78">
        <v>0</v>
      </c>
      <c r="EG19" s="79">
        <v>0</v>
      </c>
      <c r="EH19" s="436">
        <v>0</v>
      </c>
      <c r="EI19" s="78">
        <v>138482</v>
      </c>
      <c r="EJ19" s="78">
        <v>133249</v>
      </c>
      <c r="EK19" s="78">
        <v>325914</v>
      </c>
      <c r="EL19" s="78">
        <v>267221</v>
      </c>
      <c r="EM19" s="78">
        <v>54071</v>
      </c>
      <c r="EN19" s="81">
        <v>918937</v>
      </c>
      <c r="EO19" s="82">
        <v>918937</v>
      </c>
      <c r="EP19" s="77">
        <v>0</v>
      </c>
      <c r="EQ19" s="78">
        <v>0</v>
      </c>
      <c r="ER19" s="79">
        <v>0</v>
      </c>
      <c r="ES19" s="436"/>
      <c r="ET19" s="78">
        <v>0</v>
      </c>
      <c r="EU19" s="78">
        <v>0</v>
      </c>
      <c r="EV19" s="78">
        <v>0</v>
      </c>
      <c r="EW19" s="78">
        <v>0</v>
      </c>
      <c r="EX19" s="78">
        <v>0</v>
      </c>
      <c r="EY19" s="81">
        <v>0</v>
      </c>
      <c r="EZ19" s="82">
        <v>0</v>
      </c>
      <c r="FA19" s="77">
        <v>0</v>
      </c>
      <c r="FB19" s="78">
        <v>0</v>
      </c>
      <c r="FC19" s="79">
        <v>0</v>
      </c>
      <c r="FD19" s="436">
        <v>0</v>
      </c>
      <c r="FE19" s="78">
        <v>0</v>
      </c>
      <c r="FF19" s="78">
        <v>0</v>
      </c>
      <c r="FG19" s="78">
        <v>203</v>
      </c>
      <c r="FH19" s="78">
        <v>22272</v>
      </c>
      <c r="FI19" s="78">
        <v>763</v>
      </c>
      <c r="FJ19" s="81">
        <v>23238</v>
      </c>
      <c r="FK19" s="82">
        <v>23238</v>
      </c>
      <c r="FL19" s="77">
        <v>0</v>
      </c>
      <c r="FM19" s="78">
        <v>0</v>
      </c>
      <c r="FN19" s="79">
        <v>0</v>
      </c>
      <c r="FO19" s="436">
        <v>0</v>
      </c>
      <c r="FP19" s="78">
        <v>0</v>
      </c>
      <c r="FQ19" s="78">
        <v>40368</v>
      </c>
      <c r="FR19" s="78">
        <v>80736</v>
      </c>
      <c r="FS19" s="78">
        <v>94946</v>
      </c>
      <c r="FT19" s="78">
        <v>157876</v>
      </c>
      <c r="FU19" s="81">
        <v>373926</v>
      </c>
      <c r="FV19" s="82">
        <v>373926</v>
      </c>
      <c r="FW19" s="77">
        <v>1392</v>
      </c>
      <c r="FX19" s="78">
        <v>0</v>
      </c>
      <c r="FY19" s="79">
        <v>1392</v>
      </c>
      <c r="FZ19" s="80">
        <v>0</v>
      </c>
      <c r="GA19" s="78">
        <v>66565</v>
      </c>
      <c r="GB19" s="78">
        <v>92646</v>
      </c>
      <c r="GC19" s="78">
        <v>111006</v>
      </c>
      <c r="GD19" s="78">
        <v>125972</v>
      </c>
      <c r="GE19" s="78">
        <v>32722</v>
      </c>
      <c r="GF19" s="81">
        <v>428911</v>
      </c>
      <c r="GG19" s="82">
        <v>430303</v>
      </c>
      <c r="GH19" s="77">
        <v>0</v>
      </c>
      <c r="GI19" s="78">
        <v>0</v>
      </c>
      <c r="GJ19" s="79">
        <v>0</v>
      </c>
      <c r="GK19" s="80">
        <v>0</v>
      </c>
      <c r="GL19" s="78">
        <v>0</v>
      </c>
      <c r="GM19" s="78">
        <v>0</v>
      </c>
      <c r="GN19" s="78">
        <v>35</v>
      </c>
      <c r="GO19" s="78">
        <v>21</v>
      </c>
      <c r="GP19" s="78">
        <v>0</v>
      </c>
      <c r="GQ19" s="81">
        <v>56</v>
      </c>
      <c r="GR19" s="82">
        <v>56</v>
      </c>
      <c r="GS19" s="77">
        <v>0</v>
      </c>
      <c r="GT19" s="78">
        <v>0</v>
      </c>
      <c r="GU19" s="79">
        <v>0</v>
      </c>
      <c r="GV19" s="80">
        <v>0</v>
      </c>
      <c r="GW19" s="78">
        <v>0</v>
      </c>
      <c r="GX19" s="78">
        <v>0</v>
      </c>
      <c r="GY19" s="78">
        <v>0</v>
      </c>
      <c r="GZ19" s="78">
        <v>0</v>
      </c>
      <c r="HA19" s="78">
        <v>0</v>
      </c>
      <c r="HB19" s="81">
        <v>0</v>
      </c>
      <c r="HC19" s="82">
        <v>0</v>
      </c>
      <c r="HD19" s="77">
        <v>0</v>
      </c>
      <c r="HE19" s="78">
        <v>0</v>
      </c>
      <c r="HF19" s="79">
        <v>0</v>
      </c>
      <c r="HG19" s="436"/>
      <c r="HH19" s="78">
        <v>0</v>
      </c>
      <c r="HI19" s="78">
        <v>0</v>
      </c>
      <c r="HJ19" s="78">
        <v>0</v>
      </c>
      <c r="HK19" s="78">
        <v>0</v>
      </c>
      <c r="HL19" s="78">
        <v>0</v>
      </c>
      <c r="HM19" s="81">
        <v>0</v>
      </c>
      <c r="HN19" s="82">
        <v>0</v>
      </c>
      <c r="HO19" s="77">
        <v>1392</v>
      </c>
      <c r="HP19" s="78">
        <v>0</v>
      </c>
      <c r="HQ19" s="79">
        <v>1392</v>
      </c>
      <c r="HR19" s="80">
        <v>0</v>
      </c>
      <c r="HS19" s="78">
        <v>672988</v>
      </c>
      <c r="HT19" s="78">
        <v>1146780</v>
      </c>
      <c r="HU19" s="78">
        <v>5679227</v>
      </c>
      <c r="HV19" s="78">
        <v>6728043</v>
      </c>
      <c r="HW19" s="78">
        <v>3948242</v>
      </c>
      <c r="HX19" s="81">
        <v>18175280</v>
      </c>
      <c r="HY19" s="82">
        <v>18176672</v>
      </c>
    </row>
    <row r="20" spans="2:233" s="137" customFormat="1" ht="21" customHeight="1" x14ac:dyDescent="0.2">
      <c r="B20" s="173" t="s">
        <v>17</v>
      </c>
      <c r="C20" s="77">
        <v>0</v>
      </c>
      <c r="D20" s="78">
        <v>0</v>
      </c>
      <c r="E20" s="79">
        <v>0</v>
      </c>
      <c r="F20" s="80">
        <v>0</v>
      </c>
      <c r="G20" s="78">
        <v>174870</v>
      </c>
      <c r="H20" s="78">
        <v>919410</v>
      </c>
      <c r="I20" s="78">
        <v>2365205</v>
      </c>
      <c r="J20" s="78">
        <v>3319052</v>
      </c>
      <c r="K20" s="78">
        <v>2356860</v>
      </c>
      <c r="L20" s="81">
        <v>9135397</v>
      </c>
      <c r="M20" s="82">
        <v>9135397</v>
      </c>
      <c r="N20" s="77">
        <v>0</v>
      </c>
      <c r="O20" s="78">
        <v>0</v>
      </c>
      <c r="P20" s="79">
        <v>0</v>
      </c>
      <c r="Q20" s="436">
        <v>0</v>
      </c>
      <c r="R20" s="78">
        <v>56115</v>
      </c>
      <c r="S20" s="78">
        <v>182710</v>
      </c>
      <c r="T20" s="78">
        <v>1432495</v>
      </c>
      <c r="U20" s="78">
        <v>2172347</v>
      </c>
      <c r="V20" s="78">
        <v>1827720</v>
      </c>
      <c r="W20" s="81">
        <v>5671387</v>
      </c>
      <c r="X20" s="82">
        <v>5671387</v>
      </c>
      <c r="Y20" s="77">
        <v>0</v>
      </c>
      <c r="Z20" s="78">
        <v>0</v>
      </c>
      <c r="AA20" s="79">
        <v>0</v>
      </c>
      <c r="AB20" s="436">
        <v>0</v>
      </c>
      <c r="AC20" s="78">
        <v>103575</v>
      </c>
      <c r="AD20" s="78">
        <v>576075</v>
      </c>
      <c r="AE20" s="78">
        <v>624460</v>
      </c>
      <c r="AF20" s="78">
        <v>673265</v>
      </c>
      <c r="AG20" s="78">
        <v>172100</v>
      </c>
      <c r="AH20" s="81">
        <v>2149475</v>
      </c>
      <c r="AI20" s="82">
        <v>2149475</v>
      </c>
      <c r="AJ20" s="77">
        <v>0</v>
      </c>
      <c r="AK20" s="78">
        <v>0</v>
      </c>
      <c r="AL20" s="79">
        <v>0</v>
      </c>
      <c r="AM20" s="436"/>
      <c r="AN20" s="78">
        <v>0</v>
      </c>
      <c r="AO20" s="78">
        <v>0</v>
      </c>
      <c r="AP20" s="78">
        <v>0</v>
      </c>
      <c r="AQ20" s="78">
        <v>0</v>
      </c>
      <c r="AR20" s="78">
        <v>2465</v>
      </c>
      <c r="AS20" s="81">
        <v>2465</v>
      </c>
      <c r="AT20" s="82">
        <v>2465</v>
      </c>
      <c r="AU20" s="77">
        <v>0</v>
      </c>
      <c r="AV20" s="78">
        <v>0</v>
      </c>
      <c r="AW20" s="79">
        <v>0</v>
      </c>
      <c r="AX20" s="436"/>
      <c r="AY20" s="78">
        <v>0</v>
      </c>
      <c r="AZ20" s="78">
        <v>0</v>
      </c>
      <c r="BA20" s="78">
        <v>0</v>
      </c>
      <c r="BB20" s="78">
        <v>2465</v>
      </c>
      <c r="BC20" s="78">
        <v>81860</v>
      </c>
      <c r="BD20" s="81">
        <v>84325</v>
      </c>
      <c r="BE20" s="82">
        <v>84325</v>
      </c>
      <c r="BF20" s="77">
        <v>0</v>
      </c>
      <c r="BG20" s="78">
        <v>0</v>
      </c>
      <c r="BH20" s="79">
        <v>0</v>
      </c>
      <c r="BI20" s="436">
        <v>0</v>
      </c>
      <c r="BJ20" s="78">
        <v>0</v>
      </c>
      <c r="BK20" s="78">
        <v>0</v>
      </c>
      <c r="BL20" s="78">
        <v>168335</v>
      </c>
      <c r="BM20" s="78">
        <v>227415</v>
      </c>
      <c r="BN20" s="78">
        <v>184410</v>
      </c>
      <c r="BO20" s="81">
        <v>580160</v>
      </c>
      <c r="BP20" s="82">
        <v>580160</v>
      </c>
      <c r="BQ20" s="77">
        <v>0</v>
      </c>
      <c r="BR20" s="78">
        <v>0</v>
      </c>
      <c r="BS20" s="79">
        <v>0</v>
      </c>
      <c r="BT20" s="80">
        <v>0</v>
      </c>
      <c r="BU20" s="78">
        <v>10780</v>
      </c>
      <c r="BV20" s="78">
        <v>157230</v>
      </c>
      <c r="BW20" s="78">
        <v>138900</v>
      </c>
      <c r="BX20" s="78">
        <v>216510</v>
      </c>
      <c r="BY20" s="78">
        <v>69350</v>
      </c>
      <c r="BZ20" s="81">
        <v>592770</v>
      </c>
      <c r="CA20" s="82">
        <v>592770</v>
      </c>
      <c r="CB20" s="77">
        <v>0</v>
      </c>
      <c r="CC20" s="78">
        <v>0</v>
      </c>
      <c r="CD20" s="79">
        <v>0</v>
      </c>
      <c r="CE20" s="80">
        <v>0</v>
      </c>
      <c r="CF20" s="78">
        <v>4400</v>
      </c>
      <c r="CG20" s="78">
        <v>3395</v>
      </c>
      <c r="CH20" s="78">
        <v>1015</v>
      </c>
      <c r="CI20" s="78">
        <v>27050</v>
      </c>
      <c r="CJ20" s="78">
        <v>18955</v>
      </c>
      <c r="CK20" s="81">
        <v>54815</v>
      </c>
      <c r="CL20" s="82">
        <v>54815</v>
      </c>
      <c r="CM20" s="77">
        <v>0</v>
      </c>
      <c r="CN20" s="78">
        <v>0</v>
      </c>
      <c r="CO20" s="79">
        <v>0</v>
      </c>
      <c r="CP20" s="80">
        <v>0</v>
      </c>
      <c r="CQ20" s="78">
        <v>0</v>
      </c>
      <c r="CR20" s="78">
        <v>0</v>
      </c>
      <c r="CS20" s="78">
        <v>0</v>
      </c>
      <c r="CT20" s="78">
        <v>0</v>
      </c>
      <c r="CU20" s="78">
        <v>0</v>
      </c>
      <c r="CV20" s="81">
        <v>0</v>
      </c>
      <c r="CW20" s="82">
        <v>0</v>
      </c>
      <c r="CX20" s="77">
        <v>0</v>
      </c>
      <c r="CY20" s="78">
        <v>0</v>
      </c>
      <c r="CZ20" s="79">
        <v>0</v>
      </c>
      <c r="DA20" s="436"/>
      <c r="DB20" s="78">
        <v>0</v>
      </c>
      <c r="DC20" s="78">
        <v>0</v>
      </c>
      <c r="DD20" s="78">
        <v>0</v>
      </c>
      <c r="DE20" s="78">
        <v>0</v>
      </c>
      <c r="DF20" s="78">
        <v>0</v>
      </c>
      <c r="DG20" s="81">
        <v>0</v>
      </c>
      <c r="DH20" s="82">
        <v>0</v>
      </c>
      <c r="DI20" s="77">
        <v>0</v>
      </c>
      <c r="DJ20" s="78">
        <v>0</v>
      </c>
      <c r="DK20" s="79">
        <v>0</v>
      </c>
      <c r="DL20" s="80">
        <v>0</v>
      </c>
      <c r="DM20" s="78">
        <v>72032</v>
      </c>
      <c r="DN20" s="78">
        <v>487788</v>
      </c>
      <c r="DO20" s="78">
        <v>2504470</v>
      </c>
      <c r="DP20" s="78">
        <v>3760658</v>
      </c>
      <c r="DQ20" s="78">
        <v>2476783</v>
      </c>
      <c r="DR20" s="81">
        <v>9301731</v>
      </c>
      <c r="DS20" s="83">
        <v>9301731</v>
      </c>
      <c r="DT20" s="77">
        <v>0</v>
      </c>
      <c r="DU20" s="78">
        <v>0</v>
      </c>
      <c r="DV20" s="79">
        <v>0</v>
      </c>
      <c r="DW20" s="436">
        <v>0</v>
      </c>
      <c r="DX20" s="78">
        <v>41760</v>
      </c>
      <c r="DY20" s="78">
        <v>233769</v>
      </c>
      <c r="DZ20" s="78">
        <v>1979210</v>
      </c>
      <c r="EA20" s="78">
        <v>3081835</v>
      </c>
      <c r="EB20" s="78">
        <v>2058143</v>
      </c>
      <c r="EC20" s="81">
        <v>7394717</v>
      </c>
      <c r="ED20" s="82">
        <v>7394717</v>
      </c>
      <c r="EE20" s="77">
        <v>0</v>
      </c>
      <c r="EF20" s="78">
        <v>0</v>
      </c>
      <c r="EG20" s="79">
        <v>0</v>
      </c>
      <c r="EH20" s="436">
        <v>0</v>
      </c>
      <c r="EI20" s="78">
        <v>1960</v>
      </c>
      <c r="EJ20" s="78">
        <v>37565</v>
      </c>
      <c r="EK20" s="78">
        <v>44846</v>
      </c>
      <c r="EL20" s="78">
        <v>49812</v>
      </c>
      <c r="EM20" s="78">
        <v>3675</v>
      </c>
      <c r="EN20" s="81">
        <v>137858</v>
      </c>
      <c r="EO20" s="82">
        <v>137858</v>
      </c>
      <c r="EP20" s="77">
        <v>0</v>
      </c>
      <c r="EQ20" s="78">
        <v>0</v>
      </c>
      <c r="ER20" s="79">
        <v>0</v>
      </c>
      <c r="ES20" s="436"/>
      <c r="ET20" s="78">
        <v>0</v>
      </c>
      <c r="EU20" s="78">
        <v>0</v>
      </c>
      <c r="EV20" s="78">
        <v>0</v>
      </c>
      <c r="EW20" s="78">
        <v>0</v>
      </c>
      <c r="EX20" s="78">
        <v>203</v>
      </c>
      <c r="EY20" s="81">
        <v>203</v>
      </c>
      <c r="EZ20" s="82">
        <v>203</v>
      </c>
      <c r="FA20" s="77">
        <v>0</v>
      </c>
      <c r="FB20" s="78">
        <v>0</v>
      </c>
      <c r="FC20" s="79">
        <v>0</v>
      </c>
      <c r="FD20" s="436">
        <v>0</v>
      </c>
      <c r="FE20" s="78">
        <v>0</v>
      </c>
      <c r="FF20" s="78">
        <v>0</v>
      </c>
      <c r="FG20" s="78">
        <v>0</v>
      </c>
      <c r="FH20" s="78">
        <v>203</v>
      </c>
      <c r="FI20" s="78">
        <v>609</v>
      </c>
      <c r="FJ20" s="81">
        <v>812</v>
      </c>
      <c r="FK20" s="82">
        <v>812</v>
      </c>
      <c r="FL20" s="77">
        <v>0</v>
      </c>
      <c r="FM20" s="78">
        <v>0</v>
      </c>
      <c r="FN20" s="79">
        <v>0</v>
      </c>
      <c r="FO20" s="436">
        <v>0</v>
      </c>
      <c r="FP20" s="78">
        <v>0</v>
      </c>
      <c r="FQ20" s="78">
        <v>0</v>
      </c>
      <c r="FR20" s="78">
        <v>306501</v>
      </c>
      <c r="FS20" s="78">
        <v>373862</v>
      </c>
      <c r="FT20" s="78">
        <v>316506</v>
      </c>
      <c r="FU20" s="81">
        <v>996869</v>
      </c>
      <c r="FV20" s="82">
        <v>996869</v>
      </c>
      <c r="FW20" s="77">
        <v>0</v>
      </c>
      <c r="FX20" s="78">
        <v>0</v>
      </c>
      <c r="FY20" s="79">
        <v>0</v>
      </c>
      <c r="FZ20" s="80">
        <v>0</v>
      </c>
      <c r="GA20" s="78">
        <v>28165</v>
      </c>
      <c r="GB20" s="78">
        <v>216363</v>
      </c>
      <c r="GC20" s="78">
        <v>172797</v>
      </c>
      <c r="GD20" s="78">
        <v>250047</v>
      </c>
      <c r="GE20" s="78">
        <v>89090</v>
      </c>
      <c r="GF20" s="81">
        <v>756462</v>
      </c>
      <c r="GG20" s="82">
        <v>756462</v>
      </c>
      <c r="GH20" s="77">
        <v>0</v>
      </c>
      <c r="GI20" s="78">
        <v>0</v>
      </c>
      <c r="GJ20" s="79">
        <v>0</v>
      </c>
      <c r="GK20" s="80">
        <v>0</v>
      </c>
      <c r="GL20" s="78">
        <v>147</v>
      </c>
      <c r="GM20" s="78">
        <v>91</v>
      </c>
      <c r="GN20" s="78">
        <v>1116</v>
      </c>
      <c r="GO20" s="78">
        <v>4899</v>
      </c>
      <c r="GP20" s="78">
        <v>8557</v>
      </c>
      <c r="GQ20" s="81">
        <v>14810</v>
      </c>
      <c r="GR20" s="82">
        <v>14810</v>
      </c>
      <c r="GS20" s="77">
        <v>0</v>
      </c>
      <c r="GT20" s="78">
        <v>0</v>
      </c>
      <c r="GU20" s="79">
        <v>0</v>
      </c>
      <c r="GV20" s="80">
        <v>0</v>
      </c>
      <c r="GW20" s="78">
        <v>0</v>
      </c>
      <c r="GX20" s="78">
        <v>0</v>
      </c>
      <c r="GY20" s="78">
        <v>0</v>
      </c>
      <c r="GZ20" s="78">
        <v>0</v>
      </c>
      <c r="HA20" s="78">
        <v>0</v>
      </c>
      <c r="HB20" s="81">
        <v>0</v>
      </c>
      <c r="HC20" s="82">
        <v>0</v>
      </c>
      <c r="HD20" s="77">
        <v>0</v>
      </c>
      <c r="HE20" s="78">
        <v>0</v>
      </c>
      <c r="HF20" s="79">
        <v>0</v>
      </c>
      <c r="HG20" s="436"/>
      <c r="HH20" s="78">
        <v>0</v>
      </c>
      <c r="HI20" s="78">
        <v>0</v>
      </c>
      <c r="HJ20" s="78">
        <v>0</v>
      </c>
      <c r="HK20" s="78">
        <v>0</v>
      </c>
      <c r="HL20" s="78">
        <v>0</v>
      </c>
      <c r="HM20" s="81">
        <v>0</v>
      </c>
      <c r="HN20" s="82">
        <v>0</v>
      </c>
      <c r="HO20" s="77">
        <v>0</v>
      </c>
      <c r="HP20" s="78">
        <v>0</v>
      </c>
      <c r="HQ20" s="79">
        <v>0</v>
      </c>
      <c r="HR20" s="80">
        <v>0</v>
      </c>
      <c r="HS20" s="78">
        <v>246902</v>
      </c>
      <c r="HT20" s="78">
        <v>1407198</v>
      </c>
      <c r="HU20" s="78">
        <v>4869675</v>
      </c>
      <c r="HV20" s="78">
        <v>7079710</v>
      </c>
      <c r="HW20" s="78">
        <v>4833643</v>
      </c>
      <c r="HX20" s="81">
        <v>18437128</v>
      </c>
      <c r="HY20" s="82">
        <v>18437128</v>
      </c>
    </row>
    <row r="21" spans="2:233" s="137" customFormat="1" ht="21" customHeight="1" x14ac:dyDescent="0.2">
      <c r="B21" s="173" t="s">
        <v>18</v>
      </c>
      <c r="C21" s="77">
        <v>0</v>
      </c>
      <c r="D21" s="78">
        <v>145</v>
      </c>
      <c r="E21" s="79">
        <v>145</v>
      </c>
      <c r="F21" s="80">
        <v>0</v>
      </c>
      <c r="G21" s="78">
        <v>226115</v>
      </c>
      <c r="H21" s="78">
        <v>557180</v>
      </c>
      <c r="I21" s="78">
        <v>1906705</v>
      </c>
      <c r="J21" s="78">
        <v>3519453</v>
      </c>
      <c r="K21" s="78">
        <v>2197595</v>
      </c>
      <c r="L21" s="81">
        <v>8407048</v>
      </c>
      <c r="M21" s="82">
        <v>8407193</v>
      </c>
      <c r="N21" s="77">
        <v>0</v>
      </c>
      <c r="O21" s="78">
        <v>0</v>
      </c>
      <c r="P21" s="79">
        <v>0</v>
      </c>
      <c r="Q21" s="436">
        <v>0</v>
      </c>
      <c r="R21" s="78">
        <v>23635</v>
      </c>
      <c r="S21" s="78">
        <v>85405</v>
      </c>
      <c r="T21" s="78">
        <v>1117360</v>
      </c>
      <c r="U21" s="78">
        <v>2685148</v>
      </c>
      <c r="V21" s="78">
        <v>1829825</v>
      </c>
      <c r="W21" s="81">
        <v>5741373</v>
      </c>
      <c r="X21" s="82">
        <v>5741373</v>
      </c>
      <c r="Y21" s="77">
        <v>0</v>
      </c>
      <c r="Z21" s="78">
        <v>0</v>
      </c>
      <c r="AA21" s="79">
        <v>0</v>
      </c>
      <c r="AB21" s="436">
        <v>0</v>
      </c>
      <c r="AC21" s="78">
        <v>155240</v>
      </c>
      <c r="AD21" s="78">
        <v>393145</v>
      </c>
      <c r="AE21" s="78">
        <v>502725</v>
      </c>
      <c r="AF21" s="78">
        <v>391855</v>
      </c>
      <c r="AG21" s="78">
        <v>195910</v>
      </c>
      <c r="AH21" s="81">
        <v>1638875</v>
      </c>
      <c r="AI21" s="82">
        <v>1638875</v>
      </c>
      <c r="AJ21" s="77">
        <v>0</v>
      </c>
      <c r="AK21" s="78">
        <v>0</v>
      </c>
      <c r="AL21" s="79">
        <v>0</v>
      </c>
      <c r="AM21" s="436"/>
      <c r="AN21" s="78">
        <v>0</v>
      </c>
      <c r="AO21" s="78">
        <v>0</v>
      </c>
      <c r="AP21" s="78">
        <v>0</v>
      </c>
      <c r="AQ21" s="78">
        <v>0</v>
      </c>
      <c r="AR21" s="78">
        <v>0</v>
      </c>
      <c r="AS21" s="81">
        <v>0</v>
      </c>
      <c r="AT21" s="82">
        <v>0</v>
      </c>
      <c r="AU21" s="77">
        <v>0</v>
      </c>
      <c r="AV21" s="78">
        <v>0</v>
      </c>
      <c r="AW21" s="79">
        <v>0</v>
      </c>
      <c r="AX21" s="436"/>
      <c r="AY21" s="78">
        <v>0</v>
      </c>
      <c r="AZ21" s="78">
        <v>0</v>
      </c>
      <c r="BA21" s="78">
        <v>4270</v>
      </c>
      <c r="BB21" s="78">
        <v>29855</v>
      </c>
      <c r="BC21" s="78">
        <v>56115</v>
      </c>
      <c r="BD21" s="81">
        <v>90240</v>
      </c>
      <c r="BE21" s="82">
        <v>90240</v>
      </c>
      <c r="BF21" s="77">
        <v>0</v>
      </c>
      <c r="BG21" s="78">
        <v>0</v>
      </c>
      <c r="BH21" s="79">
        <v>0</v>
      </c>
      <c r="BI21" s="436">
        <v>0</v>
      </c>
      <c r="BJ21" s="78">
        <v>0</v>
      </c>
      <c r="BK21" s="78">
        <v>2465</v>
      </c>
      <c r="BL21" s="78">
        <v>33060</v>
      </c>
      <c r="BM21" s="78">
        <v>94190</v>
      </c>
      <c r="BN21" s="78">
        <v>35525</v>
      </c>
      <c r="BO21" s="81">
        <v>165240</v>
      </c>
      <c r="BP21" s="82">
        <v>165240</v>
      </c>
      <c r="BQ21" s="77">
        <v>0</v>
      </c>
      <c r="BR21" s="78">
        <v>145</v>
      </c>
      <c r="BS21" s="79">
        <v>145</v>
      </c>
      <c r="BT21" s="80">
        <v>0</v>
      </c>
      <c r="BU21" s="78">
        <v>45550</v>
      </c>
      <c r="BV21" s="78">
        <v>75440</v>
      </c>
      <c r="BW21" s="78">
        <v>249290</v>
      </c>
      <c r="BX21" s="78">
        <v>307850</v>
      </c>
      <c r="BY21" s="78">
        <v>80220</v>
      </c>
      <c r="BZ21" s="81">
        <v>758350</v>
      </c>
      <c r="CA21" s="82">
        <v>758495</v>
      </c>
      <c r="CB21" s="77">
        <v>0</v>
      </c>
      <c r="CC21" s="78">
        <v>0</v>
      </c>
      <c r="CD21" s="79">
        <v>0</v>
      </c>
      <c r="CE21" s="80">
        <v>0</v>
      </c>
      <c r="CF21" s="78">
        <v>1690</v>
      </c>
      <c r="CG21" s="78">
        <v>725</v>
      </c>
      <c r="CH21" s="78">
        <v>0</v>
      </c>
      <c r="CI21" s="78">
        <v>10555</v>
      </c>
      <c r="CJ21" s="78">
        <v>0</v>
      </c>
      <c r="CK21" s="81">
        <v>12970</v>
      </c>
      <c r="CL21" s="82">
        <v>12970</v>
      </c>
      <c r="CM21" s="77">
        <v>0</v>
      </c>
      <c r="CN21" s="78">
        <v>0</v>
      </c>
      <c r="CO21" s="79">
        <v>0</v>
      </c>
      <c r="CP21" s="80">
        <v>0</v>
      </c>
      <c r="CQ21" s="78">
        <v>0</v>
      </c>
      <c r="CR21" s="78">
        <v>0</v>
      </c>
      <c r="CS21" s="78">
        <v>0</v>
      </c>
      <c r="CT21" s="78">
        <v>0</v>
      </c>
      <c r="CU21" s="78">
        <v>0</v>
      </c>
      <c r="CV21" s="81">
        <v>0</v>
      </c>
      <c r="CW21" s="82">
        <v>0</v>
      </c>
      <c r="CX21" s="77">
        <v>0</v>
      </c>
      <c r="CY21" s="78">
        <v>0</v>
      </c>
      <c r="CZ21" s="79">
        <v>0</v>
      </c>
      <c r="DA21" s="436"/>
      <c r="DB21" s="78">
        <v>0</v>
      </c>
      <c r="DC21" s="78">
        <v>0</v>
      </c>
      <c r="DD21" s="78">
        <v>0</v>
      </c>
      <c r="DE21" s="78">
        <v>0</v>
      </c>
      <c r="DF21" s="78">
        <v>0</v>
      </c>
      <c r="DG21" s="81">
        <v>0</v>
      </c>
      <c r="DH21" s="82">
        <v>0</v>
      </c>
      <c r="DI21" s="77">
        <v>0</v>
      </c>
      <c r="DJ21" s="78">
        <v>2784</v>
      </c>
      <c r="DK21" s="79">
        <v>2784</v>
      </c>
      <c r="DL21" s="80">
        <v>0</v>
      </c>
      <c r="DM21" s="78">
        <v>175257</v>
      </c>
      <c r="DN21" s="78">
        <v>393771</v>
      </c>
      <c r="DO21" s="78">
        <v>2383912</v>
      </c>
      <c r="DP21" s="78">
        <v>4182154</v>
      </c>
      <c r="DQ21" s="78">
        <v>2589100</v>
      </c>
      <c r="DR21" s="81">
        <v>9724194</v>
      </c>
      <c r="DS21" s="83">
        <v>9726978</v>
      </c>
      <c r="DT21" s="77">
        <v>0</v>
      </c>
      <c r="DU21" s="78">
        <v>0</v>
      </c>
      <c r="DV21" s="79">
        <v>0</v>
      </c>
      <c r="DW21" s="436">
        <v>0</v>
      </c>
      <c r="DX21" s="78">
        <v>39324</v>
      </c>
      <c r="DY21" s="78">
        <v>153410</v>
      </c>
      <c r="DZ21" s="78">
        <v>1792115</v>
      </c>
      <c r="EA21" s="78">
        <v>3464258</v>
      </c>
      <c r="EB21" s="78">
        <v>2377709</v>
      </c>
      <c r="EC21" s="81">
        <v>7826816</v>
      </c>
      <c r="ED21" s="82">
        <v>7826816</v>
      </c>
      <c r="EE21" s="77">
        <v>0</v>
      </c>
      <c r="EF21" s="78">
        <v>0</v>
      </c>
      <c r="EG21" s="79">
        <v>0</v>
      </c>
      <c r="EH21" s="436">
        <v>0</v>
      </c>
      <c r="EI21" s="78">
        <v>35737</v>
      </c>
      <c r="EJ21" s="78">
        <v>59689</v>
      </c>
      <c r="EK21" s="78">
        <v>154075</v>
      </c>
      <c r="EL21" s="78">
        <v>27622</v>
      </c>
      <c r="EM21" s="78">
        <v>13523</v>
      </c>
      <c r="EN21" s="81">
        <v>290646</v>
      </c>
      <c r="EO21" s="82">
        <v>290646</v>
      </c>
      <c r="EP21" s="77">
        <v>0</v>
      </c>
      <c r="EQ21" s="78">
        <v>0</v>
      </c>
      <c r="ER21" s="79">
        <v>0</v>
      </c>
      <c r="ES21" s="436"/>
      <c r="ET21" s="78">
        <v>0</v>
      </c>
      <c r="EU21" s="78">
        <v>0</v>
      </c>
      <c r="EV21" s="78">
        <v>0</v>
      </c>
      <c r="EW21" s="78">
        <v>0</v>
      </c>
      <c r="EX21" s="78">
        <v>0</v>
      </c>
      <c r="EY21" s="81">
        <v>0</v>
      </c>
      <c r="EZ21" s="82">
        <v>0</v>
      </c>
      <c r="FA21" s="77">
        <v>0</v>
      </c>
      <c r="FB21" s="78">
        <v>0</v>
      </c>
      <c r="FC21" s="79">
        <v>0</v>
      </c>
      <c r="FD21" s="436">
        <v>0</v>
      </c>
      <c r="FE21" s="78">
        <v>0</v>
      </c>
      <c r="FF21" s="78">
        <v>0</v>
      </c>
      <c r="FG21" s="78">
        <v>203</v>
      </c>
      <c r="FH21" s="78">
        <v>812</v>
      </c>
      <c r="FI21" s="78">
        <v>812</v>
      </c>
      <c r="FJ21" s="81">
        <v>1827</v>
      </c>
      <c r="FK21" s="82">
        <v>1827</v>
      </c>
      <c r="FL21" s="77">
        <v>0</v>
      </c>
      <c r="FM21" s="78">
        <v>0</v>
      </c>
      <c r="FN21" s="79">
        <v>0</v>
      </c>
      <c r="FO21" s="436">
        <v>0</v>
      </c>
      <c r="FP21" s="78">
        <v>0</v>
      </c>
      <c r="FQ21" s="78">
        <v>20184</v>
      </c>
      <c r="FR21" s="78">
        <v>54578</v>
      </c>
      <c r="FS21" s="78">
        <v>175276</v>
      </c>
      <c r="FT21" s="78">
        <v>74762</v>
      </c>
      <c r="FU21" s="81">
        <v>324800</v>
      </c>
      <c r="FV21" s="82">
        <v>324800</v>
      </c>
      <c r="FW21" s="77">
        <v>0</v>
      </c>
      <c r="FX21" s="78">
        <v>2784</v>
      </c>
      <c r="FY21" s="79">
        <v>2784</v>
      </c>
      <c r="FZ21" s="80">
        <v>0</v>
      </c>
      <c r="GA21" s="78">
        <v>97840</v>
      </c>
      <c r="GB21" s="78">
        <v>160446</v>
      </c>
      <c r="GC21" s="78">
        <v>382941</v>
      </c>
      <c r="GD21" s="78">
        <v>510416</v>
      </c>
      <c r="GE21" s="78">
        <v>122294</v>
      </c>
      <c r="GF21" s="81">
        <v>1273937</v>
      </c>
      <c r="GG21" s="82">
        <v>1276721</v>
      </c>
      <c r="GH21" s="77">
        <v>0</v>
      </c>
      <c r="GI21" s="78">
        <v>0</v>
      </c>
      <c r="GJ21" s="79">
        <v>0</v>
      </c>
      <c r="GK21" s="80">
        <v>0</v>
      </c>
      <c r="GL21" s="78">
        <v>2356</v>
      </c>
      <c r="GM21" s="78">
        <v>42</v>
      </c>
      <c r="GN21" s="78">
        <v>0</v>
      </c>
      <c r="GO21" s="78">
        <v>3770</v>
      </c>
      <c r="GP21" s="78">
        <v>0</v>
      </c>
      <c r="GQ21" s="81">
        <v>6168</v>
      </c>
      <c r="GR21" s="82">
        <v>6168</v>
      </c>
      <c r="GS21" s="77">
        <v>0</v>
      </c>
      <c r="GT21" s="78">
        <v>0</v>
      </c>
      <c r="GU21" s="79">
        <v>0</v>
      </c>
      <c r="GV21" s="80">
        <v>0</v>
      </c>
      <c r="GW21" s="78">
        <v>0</v>
      </c>
      <c r="GX21" s="78">
        <v>0</v>
      </c>
      <c r="GY21" s="78">
        <v>0</v>
      </c>
      <c r="GZ21" s="78">
        <v>0</v>
      </c>
      <c r="HA21" s="78">
        <v>0</v>
      </c>
      <c r="HB21" s="81">
        <v>0</v>
      </c>
      <c r="HC21" s="82">
        <v>0</v>
      </c>
      <c r="HD21" s="77">
        <v>0</v>
      </c>
      <c r="HE21" s="78">
        <v>0</v>
      </c>
      <c r="HF21" s="79">
        <v>0</v>
      </c>
      <c r="HG21" s="436"/>
      <c r="HH21" s="78">
        <v>0</v>
      </c>
      <c r="HI21" s="78">
        <v>0</v>
      </c>
      <c r="HJ21" s="78">
        <v>0</v>
      </c>
      <c r="HK21" s="78">
        <v>0</v>
      </c>
      <c r="HL21" s="78">
        <v>0</v>
      </c>
      <c r="HM21" s="81">
        <v>0</v>
      </c>
      <c r="HN21" s="82">
        <v>0</v>
      </c>
      <c r="HO21" s="77">
        <v>0</v>
      </c>
      <c r="HP21" s="78">
        <v>2929</v>
      </c>
      <c r="HQ21" s="79">
        <v>2929</v>
      </c>
      <c r="HR21" s="80">
        <v>0</v>
      </c>
      <c r="HS21" s="78">
        <v>401372</v>
      </c>
      <c r="HT21" s="78">
        <v>950951</v>
      </c>
      <c r="HU21" s="78">
        <v>4290617</v>
      </c>
      <c r="HV21" s="78">
        <v>7701607</v>
      </c>
      <c r="HW21" s="78">
        <v>4786695</v>
      </c>
      <c r="HX21" s="81">
        <v>18131242</v>
      </c>
      <c r="HY21" s="82">
        <v>18134171</v>
      </c>
    </row>
    <row r="22" spans="2:233" s="137" customFormat="1" ht="21" customHeight="1" x14ac:dyDescent="0.2">
      <c r="B22" s="173" t="s">
        <v>19</v>
      </c>
      <c r="C22" s="77">
        <v>0</v>
      </c>
      <c r="D22" s="78">
        <v>0</v>
      </c>
      <c r="E22" s="79">
        <v>0</v>
      </c>
      <c r="F22" s="80">
        <v>0</v>
      </c>
      <c r="G22" s="78">
        <v>180965</v>
      </c>
      <c r="H22" s="78">
        <v>363763</v>
      </c>
      <c r="I22" s="78">
        <v>1211950</v>
      </c>
      <c r="J22" s="78">
        <v>1065531</v>
      </c>
      <c r="K22" s="78">
        <v>958750</v>
      </c>
      <c r="L22" s="81">
        <v>3780959</v>
      </c>
      <c r="M22" s="82">
        <v>3780959</v>
      </c>
      <c r="N22" s="77">
        <v>0</v>
      </c>
      <c r="O22" s="78">
        <v>0</v>
      </c>
      <c r="P22" s="79">
        <v>0</v>
      </c>
      <c r="Q22" s="436">
        <v>0</v>
      </c>
      <c r="R22" s="78">
        <v>23055</v>
      </c>
      <c r="S22" s="78">
        <v>66120</v>
      </c>
      <c r="T22" s="78">
        <v>812150</v>
      </c>
      <c r="U22" s="78">
        <v>813385</v>
      </c>
      <c r="V22" s="78">
        <v>816270</v>
      </c>
      <c r="W22" s="81">
        <v>2530980</v>
      </c>
      <c r="X22" s="82">
        <v>2530980</v>
      </c>
      <c r="Y22" s="77">
        <v>0</v>
      </c>
      <c r="Z22" s="78">
        <v>0</v>
      </c>
      <c r="AA22" s="79">
        <v>0</v>
      </c>
      <c r="AB22" s="436">
        <v>0</v>
      </c>
      <c r="AC22" s="78">
        <v>145290</v>
      </c>
      <c r="AD22" s="78">
        <v>240055</v>
      </c>
      <c r="AE22" s="78">
        <v>362770</v>
      </c>
      <c r="AF22" s="78">
        <v>179845</v>
      </c>
      <c r="AG22" s="78">
        <v>96570</v>
      </c>
      <c r="AH22" s="81">
        <v>1024530</v>
      </c>
      <c r="AI22" s="82">
        <v>1024530</v>
      </c>
      <c r="AJ22" s="77">
        <v>0</v>
      </c>
      <c r="AK22" s="78">
        <v>0</v>
      </c>
      <c r="AL22" s="79">
        <v>0</v>
      </c>
      <c r="AM22" s="436"/>
      <c r="AN22" s="78">
        <v>0</v>
      </c>
      <c r="AO22" s="78">
        <v>0</v>
      </c>
      <c r="AP22" s="78">
        <v>0</v>
      </c>
      <c r="AQ22" s="78">
        <v>0</v>
      </c>
      <c r="AR22" s="78">
        <v>0</v>
      </c>
      <c r="AS22" s="81">
        <v>0</v>
      </c>
      <c r="AT22" s="82">
        <v>0</v>
      </c>
      <c r="AU22" s="77">
        <v>0</v>
      </c>
      <c r="AV22" s="78">
        <v>0</v>
      </c>
      <c r="AW22" s="79">
        <v>0</v>
      </c>
      <c r="AX22" s="436"/>
      <c r="AY22" s="78">
        <v>0</v>
      </c>
      <c r="AZ22" s="78">
        <v>0</v>
      </c>
      <c r="BA22" s="78">
        <v>0</v>
      </c>
      <c r="BB22" s="78">
        <v>0</v>
      </c>
      <c r="BC22" s="78">
        <v>0</v>
      </c>
      <c r="BD22" s="81">
        <v>0</v>
      </c>
      <c r="BE22" s="82">
        <v>0</v>
      </c>
      <c r="BF22" s="77">
        <v>0</v>
      </c>
      <c r="BG22" s="78">
        <v>0</v>
      </c>
      <c r="BH22" s="79">
        <v>0</v>
      </c>
      <c r="BI22" s="436">
        <v>0</v>
      </c>
      <c r="BJ22" s="78">
        <v>0</v>
      </c>
      <c r="BK22" s="78">
        <v>0</v>
      </c>
      <c r="BL22" s="78">
        <v>0</v>
      </c>
      <c r="BM22" s="78">
        <v>0</v>
      </c>
      <c r="BN22" s="78">
        <v>0</v>
      </c>
      <c r="BO22" s="81">
        <v>0</v>
      </c>
      <c r="BP22" s="82">
        <v>0</v>
      </c>
      <c r="BQ22" s="77">
        <v>0</v>
      </c>
      <c r="BR22" s="78">
        <v>0</v>
      </c>
      <c r="BS22" s="79">
        <v>0</v>
      </c>
      <c r="BT22" s="80">
        <v>0</v>
      </c>
      <c r="BU22" s="78">
        <v>12620</v>
      </c>
      <c r="BV22" s="78">
        <v>56848</v>
      </c>
      <c r="BW22" s="78">
        <v>34815</v>
      </c>
      <c r="BX22" s="78">
        <v>65975</v>
      </c>
      <c r="BY22" s="78">
        <v>45910</v>
      </c>
      <c r="BZ22" s="81">
        <v>216168</v>
      </c>
      <c r="CA22" s="82">
        <v>216168</v>
      </c>
      <c r="CB22" s="77">
        <v>0</v>
      </c>
      <c r="CC22" s="78">
        <v>0</v>
      </c>
      <c r="CD22" s="79">
        <v>0</v>
      </c>
      <c r="CE22" s="80">
        <v>0</v>
      </c>
      <c r="CF22" s="78">
        <v>0</v>
      </c>
      <c r="CG22" s="78">
        <v>740</v>
      </c>
      <c r="CH22" s="78">
        <v>2215</v>
      </c>
      <c r="CI22" s="78">
        <v>6326</v>
      </c>
      <c r="CJ22" s="78">
        <v>0</v>
      </c>
      <c r="CK22" s="81">
        <v>9281</v>
      </c>
      <c r="CL22" s="82">
        <v>9281</v>
      </c>
      <c r="CM22" s="77">
        <v>0</v>
      </c>
      <c r="CN22" s="78">
        <v>0</v>
      </c>
      <c r="CO22" s="79">
        <v>0</v>
      </c>
      <c r="CP22" s="80">
        <v>0</v>
      </c>
      <c r="CQ22" s="78">
        <v>0</v>
      </c>
      <c r="CR22" s="78">
        <v>0</v>
      </c>
      <c r="CS22" s="78">
        <v>0</v>
      </c>
      <c r="CT22" s="78">
        <v>0</v>
      </c>
      <c r="CU22" s="78">
        <v>0</v>
      </c>
      <c r="CV22" s="81">
        <v>0</v>
      </c>
      <c r="CW22" s="82">
        <v>0</v>
      </c>
      <c r="CX22" s="77">
        <v>0</v>
      </c>
      <c r="CY22" s="78">
        <v>0</v>
      </c>
      <c r="CZ22" s="79">
        <v>0</v>
      </c>
      <c r="DA22" s="436"/>
      <c r="DB22" s="78">
        <v>0</v>
      </c>
      <c r="DC22" s="78">
        <v>0</v>
      </c>
      <c r="DD22" s="78">
        <v>0</v>
      </c>
      <c r="DE22" s="78">
        <v>0</v>
      </c>
      <c r="DF22" s="78">
        <v>0</v>
      </c>
      <c r="DG22" s="81">
        <v>0</v>
      </c>
      <c r="DH22" s="82">
        <v>0</v>
      </c>
      <c r="DI22" s="77">
        <v>0</v>
      </c>
      <c r="DJ22" s="78">
        <v>0</v>
      </c>
      <c r="DK22" s="79">
        <v>0</v>
      </c>
      <c r="DL22" s="80">
        <v>0</v>
      </c>
      <c r="DM22" s="78">
        <v>77985</v>
      </c>
      <c r="DN22" s="78">
        <v>210259</v>
      </c>
      <c r="DO22" s="78">
        <v>1302238</v>
      </c>
      <c r="DP22" s="78">
        <v>1331843</v>
      </c>
      <c r="DQ22" s="78">
        <v>979406</v>
      </c>
      <c r="DR22" s="81">
        <v>3901731</v>
      </c>
      <c r="DS22" s="83">
        <v>3901731</v>
      </c>
      <c r="DT22" s="77">
        <v>0</v>
      </c>
      <c r="DU22" s="78">
        <v>0</v>
      </c>
      <c r="DV22" s="79">
        <v>0</v>
      </c>
      <c r="DW22" s="436">
        <v>0</v>
      </c>
      <c r="DX22" s="78">
        <v>14065</v>
      </c>
      <c r="DY22" s="78">
        <v>113042</v>
      </c>
      <c r="DZ22" s="78">
        <v>1227246</v>
      </c>
      <c r="EA22" s="78">
        <v>1202328</v>
      </c>
      <c r="EB22" s="78">
        <v>935573</v>
      </c>
      <c r="EC22" s="81">
        <v>3492254</v>
      </c>
      <c r="ED22" s="82">
        <v>3492254</v>
      </c>
      <c r="EE22" s="77">
        <v>0</v>
      </c>
      <c r="EF22" s="78">
        <v>0</v>
      </c>
      <c r="EG22" s="79">
        <v>0</v>
      </c>
      <c r="EH22" s="436">
        <v>0</v>
      </c>
      <c r="EI22" s="78">
        <v>42800</v>
      </c>
      <c r="EJ22" s="78">
        <v>38799</v>
      </c>
      <c r="EK22" s="78">
        <v>4569</v>
      </c>
      <c r="EL22" s="78">
        <v>23383</v>
      </c>
      <c r="EM22" s="78">
        <v>10933</v>
      </c>
      <c r="EN22" s="81">
        <v>120484</v>
      </c>
      <c r="EO22" s="82">
        <v>120484</v>
      </c>
      <c r="EP22" s="77">
        <v>0</v>
      </c>
      <c r="EQ22" s="78">
        <v>0</v>
      </c>
      <c r="ER22" s="79">
        <v>0</v>
      </c>
      <c r="ES22" s="436"/>
      <c r="ET22" s="78">
        <v>0</v>
      </c>
      <c r="EU22" s="78">
        <v>0</v>
      </c>
      <c r="EV22" s="78">
        <v>0</v>
      </c>
      <c r="EW22" s="78">
        <v>0</v>
      </c>
      <c r="EX22" s="78">
        <v>0</v>
      </c>
      <c r="EY22" s="81">
        <v>0</v>
      </c>
      <c r="EZ22" s="82">
        <v>0</v>
      </c>
      <c r="FA22" s="77">
        <v>0</v>
      </c>
      <c r="FB22" s="78">
        <v>0</v>
      </c>
      <c r="FC22" s="79">
        <v>0</v>
      </c>
      <c r="FD22" s="436">
        <v>0</v>
      </c>
      <c r="FE22" s="78">
        <v>0</v>
      </c>
      <c r="FF22" s="78">
        <v>0</v>
      </c>
      <c r="FG22" s="78">
        <v>0</v>
      </c>
      <c r="FH22" s="78">
        <v>0</v>
      </c>
      <c r="FI22" s="78">
        <v>0</v>
      </c>
      <c r="FJ22" s="81">
        <v>0</v>
      </c>
      <c r="FK22" s="82">
        <v>0</v>
      </c>
      <c r="FL22" s="77">
        <v>0</v>
      </c>
      <c r="FM22" s="78">
        <v>0</v>
      </c>
      <c r="FN22" s="79">
        <v>0</v>
      </c>
      <c r="FO22" s="436">
        <v>0</v>
      </c>
      <c r="FP22" s="78">
        <v>0</v>
      </c>
      <c r="FQ22" s="78">
        <v>0</v>
      </c>
      <c r="FR22" s="78">
        <v>0</v>
      </c>
      <c r="FS22" s="78">
        <v>0</v>
      </c>
      <c r="FT22" s="78">
        <v>0</v>
      </c>
      <c r="FU22" s="81">
        <v>0</v>
      </c>
      <c r="FV22" s="82">
        <v>0</v>
      </c>
      <c r="FW22" s="77">
        <v>0</v>
      </c>
      <c r="FX22" s="78">
        <v>0</v>
      </c>
      <c r="FY22" s="79">
        <v>0</v>
      </c>
      <c r="FZ22" s="80">
        <v>0</v>
      </c>
      <c r="GA22" s="78">
        <v>21120</v>
      </c>
      <c r="GB22" s="78">
        <v>56944</v>
      </c>
      <c r="GC22" s="78">
        <v>70402</v>
      </c>
      <c r="GD22" s="78">
        <v>92830</v>
      </c>
      <c r="GE22" s="78">
        <v>32900</v>
      </c>
      <c r="GF22" s="81">
        <v>274196</v>
      </c>
      <c r="GG22" s="82">
        <v>274196</v>
      </c>
      <c r="GH22" s="77">
        <v>0</v>
      </c>
      <c r="GI22" s="78">
        <v>0</v>
      </c>
      <c r="GJ22" s="79">
        <v>0</v>
      </c>
      <c r="GK22" s="80">
        <v>0</v>
      </c>
      <c r="GL22" s="78">
        <v>0</v>
      </c>
      <c r="GM22" s="78">
        <v>1474</v>
      </c>
      <c r="GN22" s="78">
        <v>21</v>
      </c>
      <c r="GO22" s="78">
        <v>13302</v>
      </c>
      <c r="GP22" s="78">
        <v>0</v>
      </c>
      <c r="GQ22" s="81">
        <v>14797</v>
      </c>
      <c r="GR22" s="82">
        <v>14797</v>
      </c>
      <c r="GS22" s="77">
        <v>0</v>
      </c>
      <c r="GT22" s="78">
        <v>0</v>
      </c>
      <c r="GU22" s="79">
        <v>0</v>
      </c>
      <c r="GV22" s="80">
        <v>0</v>
      </c>
      <c r="GW22" s="78">
        <v>0</v>
      </c>
      <c r="GX22" s="78">
        <v>0</v>
      </c>
      <c r="GY22" s="78">
        <v>0</v>
      </c>
      <c r="GZ22" s="78">
        <v>0</v>
      </c>
      <c r="HA22" s="78">
        <v>0</v>
      </c>
      <c r="HB22" s="81">
        <v>0</v>
      </c>
      <c r="HC22" s="82">
        <v>0</v>
      </c>
      <c r="HD22" s="77">
        <v>0</v>
      </c>
      <c r="HE22" s="78">
        <v>0</v>
      </c>
      <c r="HF22" s="79">
        <v>0</v>
      </c>
      <c r="HG22" s="436"/>
      <c r="HH22" s="78">
        <v>0</v>
      </c>
      <c r="HI22" s="78">
        <v>0</v>
      </c>
      <c r="HJ22" s="78">
        <v>0</v>
      </c>
      <c r="HK22" s="78">
        <v>0</v>
      </c>
      <c r="HL22" s="78">
        <v>0</v>
      </c>
      <c r="HM22" s="81">
        <v>0</v>
      </c>
      <c r="HN22" s="82">
        <v>0</v>
      </c>
      <c r="HO22" s="77">
        <v>0</v>
      </c>
      <c r="HP22" s="78">
        <v>0</v>
      </c>
      <c r="HQ22" s="79">
        <v>0</v>
      </c>
      <c r="HR22" s="80">
        <v>0</v>
      </c>
      <c r="HS22" s="78">
        <v>258950</v>
      </c>
      <c r="HT22" s="78">
        <v>574022</v>
      </c>
      <c r="HU22" s="78">
        <v>2514188</v>
      </c>
      <c r="HV22" s="78">
        <v>2397374</v>
      </c>
      <c r="HW22" s="78">
        <v>1938156</v>
      </c>
      <c r="HX22" s="81">
        <v>7682690</v>
      </c>
      <c r="HY22" s="82">
        <v>7682690</v>
      </c>
    </row>
    <row r="23" spans="2:233" s="137" customFormat="1" ht="21" customHeight="1" x14ac:dyDescent="0.2">
      <c r="B23" s="173" t="s">
        <v>20</v>
      </c>
      <c r="C23" s="77">
        <v>0</v>
      </c>
      <c r="D23" s="78">
        <v>1015</v>
      </c>
      <c r="E23" s="79">
        <v>1015</v>
      </c>
      <c r="F23" s="80">
        <v>0</v>
      </c>
      <c r="G23" s="78">
        <v>177735</v>
      </c>
      <c r="H23" s="78">
        <v>415398</v>
      </c>
      <c r="I23" s="78">
        <v>1582605</v>
      </c>
      <c r="J23" s="78">
        <v>1383845</v>
      </c>
      <c r="K23" s="78">
        <v>801670</v>
      </c>
      <c r="L23" s="81">
        <v>4361253</v>
      </c>
      <c r="M23" s="82">
        <v>4362268</v>
      </c>
      <c r="N23" s="77">
        <v>0</v>
      </c>
      <c r="O23" s="78">
        <v>0</v>
      </c>
      <c r="P23" s="79">
        <v>0</v>
      </c>
      <c r="Q23" s="436">
        <v>0</v>
      </c>
      <c r="R23" s="78">
        <v>38050</v>
      </c>
      <c r="S23" s="78">
        <v>210918</v>
      </c>
      <c r="T23" s="78">
        <v>1239190</v>
      </c>
      <c r="U23" s="78">
        <v>1184665</v>
      </c>
      <c r="V23" s="78">
        <v>685545</v>
      </c>
      <c r="W23" s="81">
        <v>3358368</v>
      </c>
      <c r="X23" s="82">
        <v>3358368</v>
      </c>
      <c r="Y23" s="77">
        <v>0</v>
      </c>
      <c r="Z23" s="78">
        <v>0</v>
      </c>
      <c r="AA23" s="79">
        <v>0</v>
      </c>
      <c r="AB23" s="436">
        <v>0</v>
      </c>
      <c r="AC23" s="78">
        <v>113065</v>
      </c>
      <c r="AD23" s="78">
        <v>144830</v>
      </c>
      <c r="AE23" s="78">
        <v>216710</v>
      </c>
      <c r="AF23" s="78">
        <v>105175</v>
      </c>
      <c r="AG23" s="78">
        <v>86565</v>
      </c>
      <c r="AH23" s="81">
        <v>666345</v>
      </c>
      <c r="AI23" s="82">
        <v>666345</v>
      </c>
      <c r="AJ23" s="77">
        <v>0</v>
      </c>
      <c r="AK23" s="78">
        <v>0</v>
      </c>
      <c r="AL23" s="79">
        <v>0</v>
      </c>
      <c r="AM23" s="436"/>
      <c r="AN23" s="78">
        <v>0</v>
      </c>
      <c r="AO23" s="78">
        <v>0</v>
      </c>
      <c r="AP23" s="78">
        <v>0</v>
      </c>
      <c r="AQ23" s="78">
        <v>0</v>
      </c>
      <c r="AR23" s="78">
        <v>0</v>
      </c>
      <c r="AS23" s="81">
        <v>0</v>
      </c>
      <c r="AT23" s="82">
        <v>0</v>
      </c>
      <c r="AU23" s="77">
        <v>0</v>
      </c>
      <c r="AV23" s="78">
        <v>0</v>
      </c>
      <c r="AW23" s="79">
        <v>0</v>
      </c>
      <c r="AX23" s="436"/>
      <c r="AY23" s="78">
        <v>0</v>
      </c>
      <c r="AZ23" s="78">
        <v>0</v>
      </c>
      <c r="BA23" s="78">
        <v>0</v>
      </c>
      <c r="BB23" s="78">
        <v>2465</v>
      </c>
      <c r="BC23" s="78">
        <v>0</v>
      </c>
      <c r="BD23" s="81">
        <v>2465</v>
      </c>
      <c r="BE23" s="82">
        <v>2465</v>
      </c>
      <c r="BF23" s="77">
        <v>0</v>
      </c>
      <c r="BG23" s="78">
        <v>0</v>
      </c>
      <c r="BH23" s="79">
        <v>0</v>
      </c>
      <c r="BI23" s="436">
        <v>0</v>
      </c>
      <c r="BJ23" s="78">
        <v>0</v>
      </c>
      <c r="BK23" s="78">
        <v>0</v>
      </c>
      <c r="BL23" s="78">
        <v>0</v>
      </c>
      <c r="BM23" s="78">
        <v>0</v>
      </c>
      <c r="BN23" s="78">
        <v>0</v>
      </c>
      <c r="BO23" s="81">
        <v>0</v>
      </c>
      <c r="BP23" s="82">
        <v>0</v>
      </c>
      <c r="BQ23" s="77">
        <v>0</v>
      </c>
      <c r="BR23" s="78">
        <v>1015</v>
      </c>
      <c r="BS23" s="79">
        <v>1015</v>
      </c>
      <c r="BT23" s="80">
        <v>0</v>
      </c>
      <c r="BU23" s="78">
        <v>23545</v>
      </c>
      <c r="BV23" s="78">
        <v>58635</v>
      </c>
      <c r="BW23" s="78">
        <v>126125</v>
      </c>
      <c r="BX23" s="78">
        <v>88495</v>
      </c>
      <c r="BY23" s="78">
        <v>29560</v>
      </c>
      <c r="BZ23" s="81">
        <v>326360</v>
      </c>
      <c r="CA23" s="82">
        <v>327375</v>
      </c>
      <c r="CB23" s="77">
        <v>0</v>
      </c>
      <c r="CC23" s="78">
        <v>0</v>
      </c>
      <c r="CD23" s="79">
        <v>0</v>
      </c>
      <c r="CE23" s="80">
        <v>0</v>
      </c>
      <c r="CF23" s="78">
        <v>3075</v>
      </c>
      <c r="CG23" s="78">
        <v>1015</v>
      </c>
      <c r="CH23" s="78">
        <v>580</v>
      </c>
      <c r="CI23" s="78">
        <v>3045</v>
      </c>
      <c r="CJ23" s="78">
        <v>0</v>
      </c>
      <c r="CK23" s="81">
        <v>7715</v>
      </c>
      <c r="CL23" s="82">
        <v>7715</v>
      </c>
      <c r="CM23" s="77">
        <v>0</v>
      </c>
      <c r="CN23" s="78">
        <v>0</v>
      </c>
      <c r="CO23" s="79">
        <v>0</v>
      </c>
      <c r="CP23" s="80">
        <v>0</v>
      </c>
      <c r="CQ23" s="78">
        <v>0</v>
      </c>
      <c r="CR23" s="78">
        <v>0</v>
      </c>
      <c r="CS23" s="78">
        <v>0</v>
      </c>
      <c r="CT23" s="78">
        <v>0</v>
      </c>
      <c r="CU23" s="78">
        <v>0</v>
      </c>
      <c r="CV23" s="81">
        <v>0</v>
      </c>
      <c r="CW23" s="82">
        <v>0</v>
      </c>
      <c r="CX23" s="77">
        <v>0</v>
      </c>
      <c r="CY23" s="78">
        <v>0</v>
      </c>
      <c r="CZ23" s="79">
        <v>0</v>
      </c>
      <c r="DA23" s="436"/>
      <c r="DB23" s="78">
        <v>0</v>
      </c>
      <c r="DC23" s="78">
        <v>0</v>
      </c>
      <c r="DD23" s="78">
        <v>0</v>
      </c>
      <c r="DE23" s="78">
        <v>0</v>
      </c>
      <c r="DF23" s="78">
        <v>0</v>
      </c>
      <c r="DG23" s="81">
        <v>0</v>
      </c>
      <c r="DH23" s="82">
        <v>0</v>
      </c>
      <c r="DI23" s="77">
        <v>0</v>
      </c>
      <c r="DJ23" s="78">
        <v>6960</v>
      </c>
      <c r="DK23" s="79">
        <v>6960</v>
      </c>
      <c r="DL23" s="80">
        <v>0</v>
      </c>
      <c r="DM23" s="78">
        <v>157201</v>
      </c>
      <c r="DN23" s="78">
        <v>450730</v>
      </c>
      <c r="DO23" s="78">
        <v>1995294</v>
      </c>
      <c r="DP23" s="78">
        <v>2449840</v>
      </c>
      <c r="DQ23" s="78">
        <v>1019656</v>
      </c>
      <c r="DR23" s="81">
        <v>6072721</v>
      </c>
      <c r="DS23" s="83">
        <v>6079681</v>
      </c>
      <c r="DT23" s="77">
        <v>0</v>
      </c>
      <c r="DU23" s="78">
        <v>0</v>
      </c>
      <c r="DV23" s="79">
        <v>0</v>
      </c>
      <c r="DW23" s="436">
        <v>0</v>
      </c>
      <c r="DX23" s="78">
        <v>58638</v>
      </c>
      <c r="DY23" s="78">
        <v>321117</v>
      </c>
      <c r="DZ23" s="78">
        <v>1768629</v>
      </c>
      <c r="EA23" s="78">
        <v>2179105</v>
      </c>
      <c r="EB23" s="78">
        <v>947895</v>
      </c>
      <c r="EC23" s="81">
        <v>5275384</v>
      </c>
      <c r="ED23" s="82">
        <v>5275384</v>
      </c>
      <c r="EE23" s="77">
        <v>0</v>
      </c>
      <c r="EF23" s="78">
        <v>0</v>
      </c>
      <c r="EG23" s="79">
        <v>0</v>
      </c>
      <c r="EH23" s="436">
        <v>0</v>
      </c>
      <c r="EI23" s="78">
        <v>32752</v>
      </c>
      <c r="EJ23" s="78">
        <v>13007</v>
      </c>
      <c r="EK23" s="78">
        <v>26476</v>
      </c>
      <c r="EL23" s="78">
        <v>3045</v>
      </c>
      <c r="EM23" s="78">
        <v>1421</v>
      </c>
      <c r="EN23" s="81">
        <v>76701</v>
      </c>
      <c r="EO23" s="82">
        <v>76701</v>
      </c>
      <c r="EP23" s="77">
        <v>0</v>
      </c>
      <c r="EQ23" s="78">
        <v>0</v>
      </c>
      <c r="ER23" s="79">
        <v>0</v>
      </c>
      <c r="ES23" s="436"/>
      <c r="ET23" s="78">
        <v>0</v>
      </c>
      <c r="EU23" s="78">
        <v>0</v>
      </c>
      <c r="EV23" s="78">
        <v>0</v>
      </c>
      <c r="EW23" s="78">
        <v>0</v>
      </c>
      <c r="EX23" s="78">
        <v>0</v>
      </c>
      <c r="EY23" s="81">
        <v>0</v>
      </c>
      <c r="EZ23" s="82">
        <v>0</v>
      </c>
      <c r="FA23" s="77">
        <v>0</v>
      </c>
      <c r="FB23" s="78">
        <v>0</v>
      </c>
      <c r="FC23" s="79">
        <v>0</v>
      </c>
      <c r="FD23" s="436">
        <v>0</v>
      </c>
      <c r="FE23" s="78">
        <v>0</v>
      </c>
      <c r="FF23" s="78">
        <v>0</v>
      </c>
      <c r="FG23" s="78">
        <v>0</v>
      </c>
      <c r="FH23" s="78">
        <v>203</v>
      </c>
      <c r="FI23" s="78">
        <v>0</v>
      </c>
      <c r="FJ23" s="81">
        <v>203</v>
      </c>
      <c r="FK23" s="82">
        <v>203</v>
      </c>
      <c r="FL23" s="77">
        <v>0</v>
      </c>
      <c r="FM23" s="78">
        <v>0</v>
      </c>
      <c r="FN23" s="79">
        <v>0</v>
      </c>
      <c r="FO23" s="436">
        <v>0</v>
      </c>
      <c r="FP23" s="78">
        <v>0</v>
      </c>
      <c r="FQ23" s="78">
        <v>0</v>
      </c>
      <c r="FR23" s="78">
        <v>0</v>
      </c>
      <c r="FS23" s="78">
        <v>0</v>
      </c>
      <c r="FT23" s="78">
        <v>0</v>
      </c>
      <c r="FU23" s="81">
        <v>0</v>
      </c>
      <c r="FV23" s="82">
        <v>0</v>
      </c>
      <c r="FW23" s="77">
        <v>0</v>
      </c>
      <c r="FX23" s="78">
        <v>6960</v>
      </c>
      <c r="FY23" s="79">
        <v>6960</v>
      </c>
      <c r="FZ23" s="80">
        <v>0</v>
      </c>
      <c r="GA23" s="78">
        <v>63623</v>
      </c>
      <c r="GB23" s="78">
        <v>113384</v>
      </c>
      <c r="GC23" s="78">
        <v>198399</v>
      </c>
      <c r="GD23" s="78">
        <v>264174</v>
      </c>
      <c r="GE23" s="78">
        <v>70340</v>
      </c>
      <c r="GF23" s="81">
        <v>709920</v>
      </c>
      <c r="GG23" s="82">
        <v>716880</v>
      </c>
      <c r="GH23" s="77">
        <v>0</v>
      </c>
      <c r="GI23" s="78">
        <v>0</v>
      </c>
      <c r="GJ23" s="79">
        <v>0</v>
      </c>
      <c r="GK23" s="80">
        <v>0</v>
      </c>
      <c r="GL23" s="78">
        <v>2188</v>
      </c>
      <c r="GM23" s="78">
        <v>3222</v>
      </c>
      <c r="GN23" s="78">
        <v>1790</v>
      </c>
      <c r="GO23" s="78">
        <v>3313</v>
      </c>
      <c r="GP23" s="78">
        <v>0</v>
      </c>
      <c r="GQ23" s="81">
        <v>10513</v>
      </c>
      <c r="GR23" s="82">
        <v>10513</v>
      </c>
      <c r="GS23" s="77">
        <v>0</v>
      </c>
      <c r="GT23" s="78">
        <v>0</v>
      </c>
      <c r="GU23" s="79">
        <v>0</v>
      </c>
      <c r="GV23" s="80">
        <v>0</v>
      </c>
      <c r="GW23" s="78">
        <v>0</v>
      </c>
      <c r="GX23" s="78">
        <v>0</v>
      </c>
      <c r="GY23" s="78">
        <v>0</v>
      </c>
      <c r="GZ23" s="78">
        <v>0</v>
      </c>
      <c r="HA23" s="78">
        <v>0</v>
      </c>
      <c r="HB23" s="81">
        <v>0</v>
      </c>
      <c r="HC23" s="82">
        <v>0</v>
      </c>
      <c r="HD23" s="77">
        <v>0</v>
      </c>
      <c r="HE23" s="78">
        <v>0</v>
      </c>
      <c r="HF23" s="79">
        <v>0</v>
      </c>
      <c r="HG23" s="436"/>
      <c r="HH23" s="78">
        <v>0</v>
      </c>
      <c r="HI23" s="78">
        <v>0</v>
      </c>
      <c r="HJ23" s="78">
        <v>0</v>
      </c>
      <c r="HK23" s="78">
        <v>0</v>
      </c>
      <c r="HL23" s="78">
        <v>0</v>
      </c>
      <c r="HM23" s="81">
        <v>0</v>
      </c>
      <c r="HN23" s="82">
        <v>0</v>
      </c>
      <c r="HO23" s="77">
        <v>0</v>
      </c>
      <c r="HP23" s="78">
        <v>7975</v>
      </c>
      <c r="HQ23" s="79">
        <v>7975</v>
      </c>
      <c r="HR23" s="80">
        <v>0</v>
      </c>
      <c r="HS23" s="78">
        <v>334936</v>
      </c>
      <c r="HT23" s="78">
        <v>866128</v>
      </c>
      <c r="HU23" s="78">
        <v>3577899</v>
      </c>
      <c r="HV23" s="78">
        <v>3833685</v>
      </c>
      <c r="HW23" s="78">
        <v>1821326</v>
      </c>
      <c r="HX23" s="81">
        <v>10433974</v>
      </c>
      <c r="HY23" s="82">
        <v>10441949</v>
      </c>
    </row>
    <row r="24" spans="2:233" s="137" customFormat="1" ht="21" customHeight="1" x14ac:dyDescent="0.2">
      <c r="B24" s="173" t="s">
        <v>21</v>
      </c>
      <c r="C24" s="77">
        <v>0</v>
      </c>
      <c r="D24" s="78">
        <v>0</v>
      </c>
      <c r="E24" s="79">
        <v>0</v>
      </c>
      <c r="F24" s="80">
        <v>0</v>
      </c>
      <c r="G24" s="78">
        <v>185465</v>
      </c>
      <c r="H24" s="78">
        <v>295463</v>
      </c>
      <c r="I24" s="78">
        <v>1789245</v>
      </c>
      <c r="J24" s="78">
        <v>1903723</v>
      </c>
      <c r="K24" s="78">
        <v>1190998</v>
      </c>
      <c r="L24" s="81">
        <v>5364894</v>
      </c>
      <c r="M24" s="82">
        <v>5364894</v>
      </c>
      <c r="N24" s="77">
        <v>0</v>
      </c>
      <c r="O24" s="78">
        <v>0</v>
      </c>
      <c r="P24" s="79">
        <v>0</v>
      </c>
      <c r="Q24" s="436">
        <v>0</v>
      </c>
      <c r="R24" s="78">
        <v>33205</v>
      </c>
      <c r="S24" s="78">
        <v>183078</v>
      </c>
      <c r="T24" s="78">
        <v>1497730</v>
      </c>
      <c r="U24" s="78">
        <v>1393486</v>
      </c>
      <c r="V24" s="78">
        <v>930933</v>
      </c>
      <c r="W24" s="81">
        <v>4038432</v>
      </c>
      <c r="X24" s="82">
        <v>4038432</v>
      </c>
      <c r="Y24" s="77">
        <v>0</v>
      </c>
      <c r="Z24" s="78">
        <v>0</v>
      </c>
      <c r="AA24" s="79">
        <v>0</v>
      </c>
      <c r="AB24" s="436">
        <v>0</v>
      </c>
      <c r="AC24" s="78">
        <v>115455</v>
      </c>
      <c r="AD24" s="78">
        <v>63765</v>
      </c>
      <c r="AE24" s="78">
        <v>200825</v>
      </c>
      <c r="AF24" s="78">
        <v>329832</v>
      </c>
      <c r="AG24" s="78">
        <v>123485</v>
      </c>
      <c r="AH24" s="81">
        <v>833362</v>
      </c>
      <c r="AI24" s="82">
        <v>833362</v>
      </c>
      <c r="AJ24" s="77">
        <v>0</v>
      </c>
      <c r="AK24" s="78">
        <v>0</v>
      </c>
      <c r="AL24" s="79">
        <v>0</v>
      </c>
      <c r="AM24" s="436"/>
      <c r="AN24" s="78">
        <v>0</v>
      </c>
      <c r="AO24" s="78">
        <v>0</v>
      </c>
      <c r="AP24" s="78">
        <v>0</v>
      </c>
      <c r="AQ24" s="78">
        <v>0</v>
      </c>
      <c r="AR24" s="78">
        <v>4930</v>
      </c>
      <c r="AS24" s="81">
        <v>4930</v>
      </c>
      <c r="AT24" s="82">
        <v>4930</v>
      </c>
      <c r="AU24" s="77">
        <v>0</v>
      </c>
      <c r="AV24" s="78">
        <v>0</v>
      </c>
      <c r="AW24" s="79">
        <v>0</v>
      </c>
      <c r="AX24" s="436"/>
      <c r="AY24" s="78">
        <v>0</v>
      </c>
      <c r="AZ24" s="78">
        <v>0</v>
      </c>
      <c r="BA24" s="78">
        <v>33205</v>
      </c>
      <c r="BB24" s="78">
        <v>44460</v>
      </c>
      <c r="BC24" s="78">
        <v>84245</v>
      </c>
      <c r="BD24" s="81">
        <v>161910</v>
      </c>
      <c r="BE24" s="82">
        <v>161910</v>
      </c>
      <c r="BF24" s="77">
        <v>0</v>
      </c>
      <c r="BG24" s="78">
        <v>0</v>
      </c>
      <c r="BH24" s="79">
        <v>0</v>
      </c>
      <c r="BI24" s="436">
        <v>0</v>
      </c>
      <c r="BJ24" s="78">
        <v>0</v>
      </c>
      <c r="BK24" s="78">
        <v>0</v>
      </c>
      <c r="BL24" s="78">
        <v>0</v>
      </c>
      <c r="BM24" s="78">
        <v>0</v>
      </c>
      <c r="BN24" s="78">
        <v>0</v>
      </c>
      <c r="BO24" s="81">
        <v>0</v>
      </c>
      <c r="BP24" s="82">
        <v>0</v>
      </c>
      <c r="BQ24" s="77">
        <v>0</v>
      </c>
      <c r="BR24" s="78">
        <v>0</v>
      </c>
      <c r="BS24" s="79">
        <v>0</v>
      </c>
      <c r="BT24" s="80">
        <v>0</v>
      </c>
      <c r="BU24" s="78">
        <v>35115</v>
      </c>
      <c r="BV24" s="78">
        <v>44785</v>
      </c>
      <c r="BW24" s="78">
        <v>57485</v>
      </c>
      <c r="BX24" s="78">
        <v>132903</v>
      </c>
      <c r="BY24" s="78">
        <v>47405</v>
      </c>
      <c r="BZ24" s="81">
        <v>317693</v>
      </c>
      <c r="CA24" s="82">
        <v>317693</v>
      </c>
      <c r="CB24" s="77">
        <v>0</v>
      </c>
      <c r="CC24" s="78">
        <v>0</v>
      </c>
      <c r="CD24" s="79">
        <v>0</v>
      </c>
      <c r="CE24" s="80">
        <v>0</v>
      </c>
      <c r="CF24" s="78">
        <v>1690</v>
      </c>
      <c r="CG24" s="78">
        <v>3835</v>
      </c>
      <c r="CH24" s="78">
        <v>0</v>
      </c>
      <c r="CI24" s="78">
        <v>3042</v>
      </c>
      <c r="CJ24" s="78">
        <v>0</v>
      </c>
      <c r="CK24" s="81">
        <v>8567</v>
      </c>
      <c r="CL24" s="82">
        <v>8567</v>
      </c>
      <c r="CM24" s="77">
        <v>0</v>
      </c>
      <c r="CN24" s="78">
        <v>0</v>
      </c>
      <c r="CO24" s="79">
        <v>0</v>
      </c>
      <c r="CP24" s="80">
        <v>0</v>
      </c>
      <c r="CQ24" s="78">
        <v>0</v>
      </c>
      <c r="CR24" s="78">
        <v>0</v>
      </c>
      <c r="CS24" s="78">
        <v>0</v>
      </c>
      <c r="CT24" s="78">
        <v>0</v>
      </c>
      <c r="CU24" s="78">
        <v>0</v>
      </c>
      <c r="CV24" s="81">
        <v>0</v>
      </c>
      <c r="CW24" s="82">
        <v>0</v>
      </c>
      <c r="CX24" s="77">
        <v>0</v>
      </c>
      <c r="CY24" s="78">
        <v>0</v>
      </c>
      <c r="CZ24" s="79">
        <v>0</v>
      </c>
      <c r="DA24" s="436"/>
      <c r="DB24" s="78">
        <v>0</v>
      </c>
      <c r="DC24" s="78">
        <v>0</v>
      </c>
      <c r="DD24" s="78">
        <v>0</v>
      </c>
      <c r="DE24" s="78">
        <v>0</v>
      </c>
      <c r="DF24" s="78">
        <v>0</v>
      </c>
      <c r="DG24" s="81">
        <v>0</v>
      </c>
      <c r="DH24" s="82">
        <v>0</v>
      </c>
      <c r="DI24" s="77">
        <v>0</v>
      </c>
      <c r="DJ24" s="78">
        <v>0</v>
      </c>
      <c r="DK24" s="79">
        <v>0</v>
      </c>
      <c r="DL24" s="80">
        <v>0</v>
      </c>
      <c r="DM24" s="78">
        <v>116903</v>
      </c>
      <c r="DN24" s="78">
        <v>315064</v>
      </c>
      <c r="DO24" s="78">
        <v>2046941</v>
      </c>
      <c r="DP24" s="78">
        <v>2184235</v>
      </c>
      <c r="DQ24" s="78">
        <v>1453709</v>
      </c>
      <c r="DR24" s="81">
        <v>6116852</v>
      </c>
      <c r="DS24" s="83">
        <v>6116852</v>
      </c>
      <c r="DT24" s="77">
        <v>0</v>
      </c>
      <c r="DU24" s="78">
        <v>0</v>
      </c>
      <c r="DV24" s="79">
        <v>0</v>
      </c>
      <c r="DW24" s="436">
        <v>0</v>
      </c>
      <c r="DX24" s="78">
        <v>24795</v>
      </c>
      <c r="DY24" s="78">
        <v>204189</v>
      </c>
      <c r="DZ24" s="78">
        <v>1847120</v>
      </c>
      <c r="EA24" s="78">
        <v>1917232</v>
      </c>
      <c r="EB24" s="78">
        <v>1313907</v>
      </c>
      <c r="EC24" s="81">
        <v>5307243</v>
      </c>
      <c r="ED24" s="82">
        <v>5307243</v>
      </c>
      <c r="EE24" s="77">
        <v>0</v>
      </c>
      <c r="EF24" s="78">
        <v>0</v>
      </c>
      <c r="EG24" s="79">
        <v>0</v>
      </c>
      <c r="EH24" s="436">
        <v>0</v>
      </c>
      <c r="EI24" s="78">
        <v>30417</v>
      </c>
      <c r="EJ24" s="78">
        <v>1540</v>
      </c>
      <c r="EK24" s="78">
        <v>13775</v>
      </c>
      <c r="EL24" s="78">
        <v>12107</v>
      </c>
      <c r="EM24" s="78">
        <v>33176</v>
      </c>
      <c r="EN24" s="81">
        <v>91015</v>
      </c>
      <c r="EO24" s="82">
        <v>91015</v>
      </c>
      <c r="EP24" s="77">
        <v>0</v>
      </c>
      <c r="EQ24" s="78">
        <v>0</v>
      </c>
      <c r="ER24" s="79">
        <v>0</v>
      </c>
      <c r="ES24" s="436"/>
      <c r="ET24" s="78">
        <v>0</v>
      </c>
      <c r="EU24" s="78">
        <v>0</v>
      </c>
      <c r="EV24" s="78">
        <v>0</v>
      </c>
      <c r="EW24" s="78">
        <v>0</v>
      </c>
      <c r="EX24" s="78">
        <v>0</v>
      </c>
      <c r="EY24" s="81">
        <v>0</v>
      </c>
      <c r="EZ24" s="82">
        <v>0</v>
      </c>
      <c r="FA24" s="77">
        <v>0</v>
      </c>
      <c r="FB24" s="78">
        <v>0</v>
      </c>
      <c r="FC24" s="79">
        <v>0</v>
      </c>
      <c r="FD24" s="436">
        <v>0</v>
      </c>
      <c r="FE24" s="78">
        <v>0</v>
      </c>
      <c r="FF24" s="78">
        <v>0</v>
      </c>
      <c r="FG24" s="78">
        <v>10933</v>
      </c>
      <c r="FH24" s="78">
        <v>812</v>
      </c>
      <c r="FI24" s="78">
        <v>11745</v>
      </c>
      <c r="FJ24" s="81">
        <v>23490</v>
      </c>
      <c r="FK24" s="82">
        <v>23490</v>
      </c>
      <c r="FL24" s="77">
        <v>0</v>
      </c>
      <c r="FM24" s="78">
        <v>0</v>
      </c>
      <c r="FN24" s="79">
        <v>0</v>
      </c>
      <c r="FO24" s="436">
        <v>0</v>
      </c>
      <c r="FP24" s="78">
        <v>0</v>
      </c>
      <c r="FQ24" s="78">
        <v>0</v>
      </c>
      <c r="FR24" s="78">
        <v>0</v>
      </c>
      <c r="FS24" s="78">
        <v>0</v>
      </c>
      <c r="FT24" s="78">
        <v>0</v>
      </c>
      <c r="FU24" s="81">
        <v>0</v>
      </c>
      <c r="FV24" s="82">
        <v>0</v>
      </c>
      <c r="FW24" s="77">
        <v>0</v>
      </c>
      <c r="FX24" s="78">
        <v>0</v>
      </c>
      <c r="FY24" s="79">
        <v>0</v>
      </c>
      <c r="FZ24" s="80">
        <v>0</v>
      </c>
      <c r="GA24" s="78">
        <v>61677</v>
      </c>
      <c r="GB24" s="78">
        <v>103071</v>
      </c>
      <c r="GC24" s="78">
        <v>175113</v>
      </c>
      <c r="GD24" s="78">
        <v>254056</v>
      </c>
      <c r="GE24" s="78">
        <v>94881</v>
      </c>
      <c r="GF24" s="81">
        <v>688798</v>
      </c>
      <c r="GG24" s="82">
        <v>688798</v>
      </c>
      <c r="GH24" s="77">
        <v>0</v>
      </c>
      <c r="GI24" s="78">
        <v>0</v>
      </c>
      <c r="GJ24" s="79">
        <v>0</v>
      </c>
      <c r="GK24" s="80">
        <v>0</v>
      </c>
      <c r="GL24" s="78">
        <v>14</v>
      </c>
      <c r="GM24" s="78">
        <v>6264</v>
      </c>
      <c r="GN24" s="78">
        <v>0</v>
      </c>
      <c r="GO24" s="78">
        <v>28</v>
      </c>
      <c r="GP24" s="78">
        <v>0</v>
      </c>
      <c r="GQ24" s="81">
        <v>6306</v>
      </c>
      <c r="GR24" s="82">
        <v>6306</v>
      </c>
      <c r="GS24" s="77">
        <v>0</v>
      </c>
      <c r="GT24" s="78">
        <v>0</v>
      </c>
      <c r="GU24" s="79">
        <v>0</v>
      </c>
      <c r="GV24" s="80">
        <v>0</v>
      </c>
      <c r="GW24" s="78">
        <v>0</v>
      </c>
      <c r="GX24" s="78">
        <v>0</v>
      </c>
      <c r="GY24" s="78">
        <v>0</v>
      </c>
      <c r="GZ24" s="78">
        <v>0</v>
      </c>
      <c r="HA24" s="78">
        <v>0</v>
      </c>
      <c r="HB24" s="81">
        <v>0</v>
      </c>
      <c r="HC24" s="82">
        <v>0</v>
      </c>
      <c r="HD24" s="77">
        <v>0</v>
      </c>
      <c r="HE24" s="78">
        <v>0</v>
      </c>
      <c r="HF24" s="79">
        <v>0</v>
      </c>
      <c r="HG24" s="436"/>
      <c r="HH24" s="78">
        <v>0</v>
      </c>
      <c r="HI24" s="78">
        <v>0</v>
      </c>
      <c r="HJ24" s="78">
        <v>0</v>
      </c>
      <c r="HK24" s="78">
        <v>0</v>
      </c>
      <c r="HL24" s="78">
        <v>0</v>
      </c>
      <c r="HM24" s="81">
        <v>0</v>
      </c>
      <c r="HN24" s="82">
        <v>0</v>
      </c>
      <c r="HO24" s="77">
        <v>0</v>
      </c>
      <c r="HP24" s="78">
        <v>0</v>
      </c>
      <c r="HQ24" s="79">
        <v>0</v>
      </c>
      <c r="HR24" s="80">
        <v>0</v>
      </c>
      <c r="HS24" s="78">
        <v>302368</v>
      </c>
      <c r="HT24" s="78">
        <v>610527</v>
      </c>
      <c r="HU24" s="78">
        <v>3836186</v>
      </c>
      <c r="HV24" s="78">
        <v>4087958</v>
      </c>
      <c r="HW24" s="78">
        <v>2644707</v>
      </c>
      <c r="HX24" s="81">
        <v>11481746</v>
      </c>
      <c r="HY24" s="82">
        <v>11481746</v>
      </c>
    </row>
    <row r="25" spans="2:233" s="137" customFormat="1" ht="21" customHeight="1" x14ac:dyDescent="0.2">
      <c r="B25" s="173" t="s">
        <v>22</v>
      </c>
      <c r="C25" s="77">
        <v>0</v>
      </c>
      <c r="D25" s="78">
        <v>0</v>
      </c>
      <c r="E25" s="79">
        <v>0</v>
      </c>
      <c r="F25" s="80">
        <v>0</v>
      </c>
      <c r="G25" s="78">
        <v>94010</v>
      </c>
      <c r="H25" s="78">
        <v>289395</v>
      </c>
      <c r="I25" s="78">
        <v>667287</v>
      </c>
      <c r="J25" s="78">
        <v>1063550</v>
      </c>
      <c r="K25" s="78">
        <v>359135</v>
      </c>
      <c r="L25" s="81">
        <v>2473377</v>
      </c>
      <c r="M25" s="82">
        <v>2473377</v>
      </c>
      <c r="N25" s="77">
        <v>0</v>
      </c>
      <c r="O25" s="78">
        <v>0</v>
      </c>
      <c r="P25" s="79">
        <v>0</v>
      </c>
      <c r="Q25" s="436">
        <v>0</v>
      </c>
      <c r="R25" s="78">
        <v>33205</v>
      </c>
      <c r="S25" s="78">
        <v>30595</v>
      </c>
      <c r="T25" s="78">
        <v>497562</v>
      </c>
      <c r="U25" s="78">
        <v>564710</v>
      </c>
      <c r="V25" s="78">
        <v>162345</v>
      </c>
      <c r="W25" s="81">
        <v>1288417</v>
      </c>
      <c r="X25" s="82">
        <v>1288417</v>
      </c>
      <c r="Y25" s="77">
        <v>0</v>
      </c>
      <c r="Z25" s="78">
        <v>0</v>
      </c>
      <c r="AA25" s="79">
        <v>0</v>
      </c>
      <c r="AB25" s="436">
        <v>0</v>
      </c>
      <c r="AC25" s="78">
        <v>50810</v>
      </c>
      <c r="AD25" s="78">
        <v>252360</v>
      </c>
      <c r="AE25" s="78">
        <v>68440</v>
      </c>
      <c r="AF25" s="78">
        <v>318205</v>
      </c>
      <c r="AG25" s="78">
        <v>73830</v>
      </c>
      <c r="AH25" s="81">
        <v>763645</v>
      </c>
      <c r="AI25" s="82">
        <v>763645</v>
      </c>
      <c r="AJ25" s="77">
        <v>0</v>
      </c>
      <c r="AK25" s="78">
        <v>0</v>
      </c>
      <c r="AL25" s="79">
        <v>0</v>
      </c>
      <c r="AM25" s="436"/>
      <c r="AN25" s="78">
        <v>0</v>
      </c>
      <c r="AO25" s="78">
        <v>0</v>
      </c>
      <c r="AP25" s="78">
        <v>0</v>
      </c>
      <c r="AQ25" s="78">
        <v>0</v>
      </c>
      <c r="AR25" s="78">
        <v>0</v>
      </c>
      <c r="AS25" s="81">
        <v>0</v>
      </c>
      <c r="AT25" s="82">
        <v>0</v>
      </c>
      <c r="AU25" s="77">
        <v>0</v>
      </c>
      <c r="AV25" s="78">
        <v>0</v>
      </c>
      <c r="AW25" s="79">
        <v>0</v>
      </c>
      <c r="AX25" s="436"/>
      <c r="AY25" s="78">
        <v>0</v>
      </c>
      <c r="AZ25" s="78">
        <v>0</v>
      </c>
      <c r="BA25" s="78">
        <v>0</v>
      </c>
      <c r="BB25" s="78">
        <v>23055</v>
      </c>
      <c r="BC25" s="78">
        <v>25520</v>
      </c>
      <c r="BD25" s="81">
        <v>48575</v>
      </c>
      <c r="BE25" s="82">
        <v>48575</v>
      </c>
      <c r="BF25" s="77">
        <v>0</v>
      </c>
      <c r="BG25" s="78">
        <v>0</v>
      </c>
      <c r="BH25" s="79">
        <v>0</v>
      </c>
      <c r="BI25" s="436">
        <v>0</v>
      </c>
      <c r="BJ25" s="78">
        <v>0</v>
      </c>
      <c r="BK25" s="78">
        <v>0</v>
      </c>
      <c r="BL25" s="78">
        <v>30620</v>
      </c>
      <c r="BM25" s="78">
        <v>48575</v>
      </c>
      <c r="BN25" s="78">
        <v>89175</v>
      </c>
      <c r="BO25" s="81">
        <v>168370</v>
      </c>
      <c r="BP25" s="82">
        <v>168370</v>
      </c>
      <c r="BQ25" s="77">
        <v>0</v>
      </c>
      <c r="BR25" s="78">
        <v>0</v>
      </c>
      <c r="BS25" s="79">
        <v>0</v>
      </c>
      <c r="BT25" s="80">
        <v>0</v>
      </c>
      <c r="BU25" s="78">
        <v>3365</v>
      </c>
      <c r="BV25" s="78">
        <v>6440</v>
      </c>
      <c r="BW25" s="78">
        <v>70085</v>
      </c>
      <c r="BX25" s="78">
        <v>109005</v>
      </c>
      <c r="BY25" s="78">
        <v>7685</v>
      </c>
      <c r="BZ25" s="81">
        <v>196580</v>
      </c>
      <c r="CA25" s="82">
        <v>196580</v>
      </c>
      <c r="CB25" s="77">
        <v>0</v>
      </c>
      <c r="CC25" s="78">
        <v>0</v>
      </c>
      <c r="CD25" s="79">
        <v>0</v>
      </c>
      <c r="CE25" s="80">
        <v>0</v>
      </c>
      <c r="CF25" s="78">
        <v>6630</v>
      </c>
      <c r="CG25" s="78">
        <v>0</v>
      </c>
      <c r="CH25" s="78">
        <v>580</v>
      </c>
      <c r="CI25" s="78">
        <v>0</v>
      </c>
      <c r="CJ25" s="78">
        <v>580</v>
      </c>
      <c r="CK25" s="81">
        <v>7790</v>
      </c>
      <c r="CL25" s="82">
        <v>7790</v>
      </c>
      <c r="CM25" s="77">
        <v>0</v>
      </c>
      <c r="CN25" s="78">
        <v>0</v>
      </c>
      <c r="CO25" s="79">
        <v>0</v>
      </c>
      <c r="CP25" s="80">
        <v>0</v>
      </c>
      <c r="CQ25" s="78">
        <v>0</v>
      </c>
      <c r="CR25" s="78">
        <v>0</v>
      </c>
      <c r="CS25" s="78">
        <v>0</v>
      </c>
      <c r="CT25" s="78">
        <v>0</v>
      </c>
      <c r="CU25" s="78">
        <v>0</v>
      </c>
      <c r="CV25" s="81">
        <v>0</v>
      </c>
      <c r="CW25" s="82">
        <v>0</v>
      </c>
      <c r="CX25" s="77">
        <v>0</v>
      </c>
      <c r="CY25" s="78">
        <v>0</v>
      </c>
      <c r="CZ25" s="79">
        <v>0</v>
      </c>
      <c r="DA25" s="436"/>
      <c r="DB25" s="78">
        <v>0</v>
      </c>
      <c r="DC25" s="78">
        <v>0</v>
      </c>
      <c r="DD25" s="78">
        <v>0</v>
      </c>
      <c r="DE25" s="78">
        <v>0</v>
      </c>
      <c r="DF25" s="78">
        <v>0</v>
      </c>
      <c r="DG25" s="81">
        <v>0</v>
      </c>
      <c r="DH25" s="82">
        <v>0</v>
      </c>
      <c r="DI25" s="77">
        <v>0</v>
      </c>
      <c r="DJ25" s="78">
        <v>702</v>
      </c>
      <c r="DK25" s="79">
        <v>702</v>
      </c>
      <c r="DL25" s="80">
        <v>0</v>
      </c>
      <c r="DM25" s="78">
        <v>59322</v>
      </c>
      <c r="DN25" s="78">
        <v>85393</v>
      </c>
      <c r="DO25" s="78">
        <v>666941</v>
      </c>
      <c r="DP25" s="78">
        <v>930031</v>
      </c>
      <c r="DQ25" s="78">
        <v>406705</v>
      </c>
      <c r="DR25" s="81">
        <v>2148392</v>
      </c>
      <c r="DS25" s="83">
        <v>2149094</v>
      </c>
      <c r="DT25" s="77">
        <v>0</v>
      </c>
      <c r="DU25" s="78">
        <v>0</v>
      </c>
      <c r="DV25" s="79">
        <v>0</v>
      </c>
      <c r="DW25" s="436">
        <v>0</v>
      </c>
      <c r="DX25" s="78">
        <v>24795</v>
      </c>
      <c r="DY25" s="78">
        <v>21779</v>
      </c>
      <c r="DZ25" s="78">
        <v>483747</v>
      </c>
      <c r="EA25" s="78">
        <v>726318</v>
      </c>
      <c r="EB25" s="78">
        <v>245790</v>
      </c>
      <c r="EC25" s="81">
        <v>1502429</v>
      </c>
      <c r="ED25" s="82">
        <v>1502429</v>
      </c>
      <c r="EE25" s="77">
        <v>0</v>
      </c>
      <c r="EF25" s="78">
        <v>0</v>
      </c>
      <c r="EG25" s="79">
        <v>0</v>
      </c>
      <c r="EH25" s="436">
        <v>0</v>
      </c>
      <c r="EI25" s="78">
        <v>31614</v>
      </c>
      <c r="EJ25" s="78">
        <v>56137</v>
      </c>
      <c r="EK25" s="78">
        <v>21605</v>
      </c>
      <c r="EL25" s="78">
        <v>55654</v>
      </c>
      <c r="EM25" s="78">
        <v>11962</v>
      </c>
      <c r="EN25" s="81">
        <v>176972</v>
      </c>
      <c r="EO25" s="82">
        <v>176972</v>
      </c>
      <c r="EP25" s="77">
        <v>0</v>
      </c>
      <c r="EQ25" s="78">
        <v>0</v>
      </c>
      <c r="ER25" s="79">
        <v>0</v>
      </c>
      <c r="ES25" s="436"/>
      <c r="ET25" s="78">
        <v>0</v>
      </c>
      <c r="EU25" s="78">
        <v>0</v>
      </c>
      <c r="EV25" s="78">
        <v>0</v>
      </c>
      <c r="EW25" s="78">
        <v>0</v>
      </c>
      <c r="EX25" s="78">
        <v>0</v>
      </c>
      <c r="EY25" s="81">
        <v>0</v>
      </c>
      <c r="EZ25" s="82">
        <v>0</v>
      </c>
      <c r="FA25" s="77">
        <v>0</v>
      </c>
      <c r="FB25" s="78">
        <v>0</v>
      </c>
      <c r="FC25" s="79">
        <v>0</v>
      </c>
      <c r="FD25" s="436">
        <v>0</v>
      </c>
      <c r="FE25" s="78">
        <v>0</v>
      </c>
      <c r="FF25" s="78">
        <v>0</v>
      </c>
      <c r="FG25" s="78">
        <v>0</v>
      </c>
      <c r="FH25" s="78">
        <v>10382</v>
      </c>
      <c r="FI25" s="78">
        <v>406</v>
      </c>
      <c r="FJ25" s="81">
        <v>10788</v>
      </c>
      <c r="FK25" s="82">
        <v>10788</v>
      </c>
      <c r="FL25" s="77">
        <v>0</v>
      </c>
      <c r="FM25" s="78">
        <v>0</v>
      </c>
      <c r="FN25" s="79">
        <v>0</v>
      </c>
      <c r="FO25" s="436">
        <v>0</v>
      </c>
      <c r="FP25" s="78">
        <v>0</v>
      </c>
      <c r="FQ25" s="78">
        <v>0</v>
      </c>
      <c r="FR25" s="78">
        <v>81420</v>
      </c>
      <c r="FS25" s="78">
        <v>60030</v>
      </c>
      <c r="FT25" s="78">
        <v>128470</v>
      </c>
      <c r="FU25" s="81">
        <v>269920</v>
      </c>
      <c r="FV25" s="82">
        <v>269920</v>
      </c>
      <c r="FW25" s="77">
        <v>0</v>
      </c>
      <c r="FX25" s="78">
        <v>702</v>
      </c>
      <c r="FY25" s="79">
        <v>702</v>
      </c>
      <c r="FZ25" s="80">
        <v>0</v>
      </c>
      <c r="GA25" s="78">
        <v>2808</v>
      </c>
      <c r="GB25" s="78">
        <v>7477</v>
      </c>
      <c r="GC25" s="78">
        <v>78737</v>
      </c>
      <c r="GD25" s="78">
        <v>77647</v>
      </c>
      <c r="GE25" s="78">
        <v>18603</v>
      </c>
      <c r="GF25" s="81">
        <v>185272</v>
      </c>
      <c r="GG25" s="82">
        <v>185974</v>
      </c>
      <c r="GH25" s="77">
        <v>0</v>
      </c>
      <c r="GI25" s="78">
        <v>0</v>
      </c>
      <c r="GJ25" s="79">
        <v>0</v>
      </c>
      <c r="GK25" s="80">
        <v>0</v>
      </c>
      <c r="GL25" s="78">
        <v>105</v>
      </c>
      <c r="GM25" s="78">
        <v>0</v>
      </c>
      <c r="GN25" s="78">
        <v>1432</v>
      </c>
      <c r="GO25" s="78">
        <v>0</v>
      </c>
      <c r="GP25" s="78">
        <v>1474</v>
      </c>
      <c r="GQ25" s="81">
        <v>3011</v>
      </c>
      <c r="GR25" s="82">
        <v>3011</v>
      </c>
      <c r="GS25" s="77">
        <v>0</v>
      </c>
      <c r="GT25" s="78">
        <v>0</v>
      </c>
      <c r="GU25" s="79">
        <v>0</v>
      </c>
      <c r="GV25" s="80">
        <v>0</v>
      </c>
      <c r="GW25" s="78">
        <v>0</v>
      </c>
      <c r="GX25" s="78">
        <v>0</v>
      </c>
      <c r="GY25" s="78">
        <v>0</v>
      </c>
      <c r="GZ25" s="78">
        <v>0</v>
      </c>
      <c r="HA25" s="78">
        <v>0</v>
      </c>
      <c r="HB25" s="81">
        <v>0</v>
      </c>
      <c r="HC25" s="82">
        <v>0</v>
      </c>
      <c r="HD25" s="77">
        <v>0</v>
      </c>
      <c r="HE25" s="78">
        <v>0</v>
      </c>
      <c r="HF25" s="79">
        <v>0</v>
      </c>
      <c r="HG25" s="436"/>
      <c r="HH25" s="78">
        <v>0</v>
      </c>
      <c r="HI25" s="78">
        <v>0</v>
      </c>
      <c r="HJ25" s="78">
        <v>0</v>
      </c>
      <c r="HK25" s="78">
        <v>0</v>
      </c>
      <c r="HL25" s="78">
        <v>0</v>
      </c>
      <c r="HM25" s="81">
        <v>0</v>
      </c>
      <c r="HN25" s="82">
        <v>0</v>
      </c>
      <c r="HO25" s="77">
        <v>0</v>
      </c>
      <c r="HP25" s="78">
        <v>702</v>
      </c>
      <c r="HQ25" s="79">
        <v>702</v>
      </c>
      <c r="HR25" s="80">
        <v>0</v>
      </c>
      <c r="HS25" s="78">
        <v>153332</v>
      </c>
      <c r="HT25" s="78">
        <v>374788</v>
      </c>
      <c r="HU25" s="78">
        <v>1334228</v>
      </c>
      <c r="HV25" s="78">
        <v>1993581</v>
      </c>
      <c r="HW25" s="78">
        <v>765840</v>
      </c>
      <c r="HX25" s="81">
        <v>4621769</v>
      </c>
      <c r="HY25" s="82">
        <v>4622471</v>
      </c>
    </row>
    <row r="26" spans="2:233" s="137" customFormat="1" ht="21" customHeight="1" x14ac:dyDescent="0.2">
      <c r="B26" s="173" t="s">
        <v>23</v>
      </c>
      <c r="C26" s="77">
        <v>0</v>
      </c>
      <c r="D26" s="78">
        <v>0</v>
      </c>
      <c r="E26" s="79">
        <v>0</v>
      </c>
      <c r="F26" s="80">
        <v>0</v>
      </c>
      <c r="G26" s="78">
        <v>213063</v>
      </c>
      <c r="H26" s="78">
        <v>302030</v>
      </c>
      <c r="I26" s="78">
        <v>940806</v>
      </c>
      <c r="J26" s="78">
        <v>1191667</v>
      </c>
      <c r="K26" s="78">
        <v>940465</v>
      </c>
      <c r="L26" s="81">
        <v>3588031</v>
      </c>
      <c r="M26" s="82">
        <v>3588031</v>
      </c>
      <c r="N26" s="77">
        <v>0</v>
      </c>
      <c r="O26" s="78">
        <v>0</v>
      </c>
      <c r="P26" s="79">
        <v>0</v>
      </c>
      <c r="Q26" s="436">
        <v>0</v>
      </c>
      <c r="R26" s="78">
        <v>53650</v>
      </c>
      <c r="S26" s="78">
        <v>193720</v>
      </c>
      <c r="T26" s="78">
        <v>675080</v>
      </c>
      <c r="U26" s="78">
        <v>780968</v>
      </c>
      <c r="V26" s="78">
        <v>697000</v>
      </c>
      <c r="W26" s="81">
        <v>2400418</v>
      </c>
      <c r="X26" s="82">
        <v>2400418</v>
      </c>
      <c r="Y26" s="77">
        <v>0</v>
      </c>
      <c r="Z26" s="78">
        <v>0</v>
      </c>
      <c r="AA26" s="79">
        <v>0</v>
      </c>
      <c r="AB26" s="436">
        <v>0</v>
      </c>
      <c r="AC26" s="78">
        <v>133603</v>
      </c>
      <c r="AD26" s="78">
        <v>104110</v>
      </c>
      <c r="AE26" s="78">
        <v>207408</v>
      </c>
      <c r="AF26" s="78">
        <v>328220</v>
      </c>
      <c r="AG26" s="78">
        <v>116845</v>
      </c>
      <c r="AH26" s="81">
        <v>890186</v>
      </c>
      <c r="AI26" s="82">
        <v>890186</v>
      </c>
      <c r="AJ26" s="77">
        <v>0</v>
      </c>
      <c r="AK26" s="78">
        <v>0</v>
      </c>
      <c r="AL26" s="79">
        <v>0</v>
      </c>
      <c r="AM26" s="436"/>
      <c r="AN26" s="78">
        <v>0</v>
      </c>
      <c r="AO26" s="78">
        <v>0</v>
      </c>
      <c r="AP26" s="78">
        <v>0</v>
      </c>
      <c r="AQ26" s="78">
        <v>0</v>
      </c>
      <c r="AR26" s="78">
        <v>56260</v>
      </c>
      <c r="AS26" s="81">
        <v>56260</v>
      </c>
      <c r="AT26" s="82">
        <v>56260</v>
      </c>
      <c r="AU26" s="77">
        <v>0</v>
      </c>
      <c r="AV26" s="78">
        <v>0</v>
      </c>
      <c r="AW26" s="79">
        <v>0</v>
      </c>
      <c r="AX26" s="436"/>
      <c r="AY26" s="78">
        <v>0</v>
      </c>
      <c r="AZ26" s="78">
        <v>0</v>
      </c>
      <c r="BA26" s="78">
        <v>0</v>
      </c>
      <c r="BB26" s="78">
        <v>23635</v>
      </c>
      <c r="BC26" s="78">
        <v>46690</v>
      </c>
      <c r="BD26" s="81">
        <v>70325</v>
      </c>
      <c r="BE26" s="82">
        <v>70325</v>
      </c>
      <c r="BF26" s="77">
        <v>0</v>
      </c>
      <c r="BG26" s="78">
        <v>0</v>
      </c>
      <c r="BH26" s="79">
        <v>0</v>
      </c>
      <c r="BI26" s="436">
        <v>0</v>
      </c>
      <c r="BJ26" s="78">
        <v>0</v>
      </c>
      <c r="BK26" s="78">
        <v>0</v>
      </c>
      <c r="BL26" s="78">
        <v>0</v>
      </c>
      <c r="BM26" s="78">
        <v>0</v>
      </c>
      <c r="BN26" s="78">
        <v>0</v>
      </c>
      <c r="BO26" s="81">
        <v>0</v>
      </c>
      <c r="BP26" s="82">
        <v>0</v>
      </c>
      <c r="BQ26" s="77">
        <v>0</v>
      </c>
      <c r="BR26" s="78">
        <v>0</v>
      </c>
      <c r="BS26" s="79">
        <v>0</v>
      </c>
      <c r="BT26" s="80">
        <v>0</v>
      </c>
      <c r="BU26" s="78">
        <v>25810</v>
      </c>
      <c r="BV26" s="78">
        <v>4200</v>
      </c>
      <c r="BW26" s="78">
        <v>58318</v>
      </c>
      <c r="BX26" s="78">
        <v>58844</v>
      </c>
      <c r="BY26" s="78">
        <v>23090</v>
      </c>
      <c r="BZ26" s="81">
        <v>170262</v>
      </c>
      <c r="CA26" s="82">
        <v>170262</v>
      </c>
      <c r="CB26" s="77">
        <v>0</v>
      </c>
      <c r="CC26" s="78">
        <v>0</v>
      </c>
      <c r="CD26" s="79">
        <v>0</v>
      </c>
      <c r="CE26" s="80">
        <v>0</v>
      </c>
      <c r="CF26" s="78">
        <v>0</v>
      </c>
      <c r="CG26" s="78">
        <v>0</v>
      </c>
      <c r="CH26" s="78">
        <v>0</v>
      </c>
      <c r="CI26" s="78">
        <v>0</v>
      </c>
      <c r="CJ26" s="78">
        <v>580</v>
      </c>
      <c r="CK26" s="81">
        <v>580</v>
      </c>
      <c r="CL26" s="82">
        <v>580</v>
      </c>
      <c r="CM26" s="77">
        <v>0</v>
      </c>
      <c r="CN26" s="78">
        <v>0</v>
      </c>
      <c r="CO26" s="79">
        <v>0</v>
      </c>
      <c r="CP26" s="80">
        <v>0</v>
      </c>
      <c r="CQ26" s="78">
        <v>0</v>
      </c>
      <c r="CR26" s="78">
        <v>0</v>
      </c>
      <c r="CS26" s="78">
        <v>0</v>
      </c>
      <c r="CT26" s="78">
        <v>0</v>
      </c>
      <c r="CU26" s="78">
        <v>0</v>
      </c>
      <c r="CV26" s="81">
        <v>0</v>
      </c>
      <c r="CW26" s="82">
        <v>0</v>
      </c>
      <c r="CX26" s="77">
        <v>0</v>
      </c>
      <c r="CY26" s="78">
        <v>0</v>
      </c>
      <c r="CZ26" s="79">
        <v>0</v>
      </c>
      <c r="DA26" s="436"/>
      <c r="DB26" s="78">
        <v>0</v>
      </c>
      <c r="DC26" s="78">
        <v>0</v>
      </c>
      <c r="DD26" s="78">
        <v>0</v>
      </c>
      <c r="DE26" s="78">
        <v>0</v>
      </c>
      <c r="DF26" s="78">
        <v>0</v>
      </c>
      <c r="DG26" s="81">
        <v>0</v>
      </c>
      <c r="DH26" s="82">
        <v>0</v>
      </c>
      <c r="DI26" s="77">
        <v>0</v>
      </c>
      <c r="DJ26" s="78">
        <v>0</v>
      </c>
      <c r="DK26" s="79">
        <v>0</v>
      </c>
      <c r="DL26" s="80">
        <v>0</v>
      </c>
      <c r="DM26" s="78">
        <v>81673</v>
      </c>
      <c r="DN26" s="78">
        <v>204275</v>
      </c>
      <c r="DO26" s="78">
        <v>880980</v>
      </c>
      <c r="DP26" s="78">
        <v>1055209</v>
      </c>
      <c r="DQ26" s="78">
        <v>730525</v>
      </c>
      <c r="DR26" s="81">
        <v>2952662</v>
      </c>
      <c r="DS26" s="83">
        <v>2952662</v>
      </c>
      <c r="DT26" s="77">
        <v>0</v>
      </c>
      <c r="DU26" s="78">
        <v>0</v>
      </c>
      <c r="DV26" s="79">
        <v>0</v>
      </c>
      <c r="DW26" s="436">
        <v>0</v>
      </c>
      <c r="DX26" s="78">
        <v>30914</v>
      </c>
      <c r="DY26" s="78">
        <v>134096</v>
      </c>
      <c r="DZ26" s="78">
        <v>761365</v>
      </c>
      <c r="EA26" s="78">
        <v>920368</v>
      </c>
      <c r="EB26" s="78">
        <v>647824</v>
      </c>
      <c r="EC26" s="81">
        <v>2494567</v>
      </c>
      <c r="ED26" s="82">
        <v>2494567</v>
      </c>
      <c r="EE26" s="77">
        <v>0</v>
      </c>
      <c r="EF26" s="78">
        <v>0</v>
      </c>
      <c r="EG26" s="79">
        <v>0</v>
      </c>
      <c r="EH26" s="436">
        <v>0</v>
      </c>
      <c r="EI26" s="78">
        <v>48181</v>
      </c>
      <c r="EJ26" s="78">
        <v>12760</v>
      </c>
      <c r="EK26" s="78">
        <v>12620</v>
      </c>
      <c r="EL26" s="78">
        <v>5397</v>
      </c>
      <c r="EM26" s="78">
        <v>36424</v>
      </c>
      <c r="EN26" s="81">
        <v>115382</v>
      </c>
      <c r="EO26" s="82">
        <v>115382</v>
      </c>
      <c r="EP26" s="77">
        <v>0</v>
      </c>
      <c r="EQ26" s="78">
        <v>0</v>
      </c>
      <c r="ER26" s="79">
        <v>0</v>
      </c>
      <c r="ES26" s="436"/>
      <c r="ET26" s="78">
        <v>0</v>
      </c>
      <c r="EU26" s="78">
        <v>0</v>
      </c>
      <c r="EV26" s="78">
        <v>0</v>
      </c>
      <c r="EW26" s="78">
        <v>0</v>
      </c>
      <c r="EX26" s="78">
        <v>10730</v>
      </c>
      <c r="EY26" s="81">
        <v>10730</v>
      </c>
      <c r="EZ26" s="82">
        <v>10730</v>
      </c>
      <c r="FA26" s="77">
        <v>0</v>
      </c>
      <c r="FB26" s="78">
        <v>0</v>
      </c>
      <c r="FC26" s="79">
        <v>0</v>
      </c>
      <c r="FD26" s="436">
        <v>0</v>
      </c>
      <c r="FE26" s="78">
        <v>0</v>
      </c>
      <c r="FF26" s="78">
        <v>0</v>
      </c>
      <c r="FG26" s="78">
        <v>0</v>
      </c>
      <c r="FH26" s="78">
        <v>203</v>
      </c>
      <c r="FI26" s="78">
        <v>406</v>
      </c>
      <c r="FJ26" s="81">
        <v>609</v>
      </c>
      <c r="FK26" s="82">
        <v>609</v>
      </c>
      <c r="FL26" s="77">
        <v>0</v>
      </c>
      <c r="FM26" s="78">
        <v>0</v>
      </c>
      <c r="FN26" s="79">
        <v>0</v>
      </c>
      <c r="FO26" s="436">
        <v>0</v>
      </c>
      <c r="FP26" s="78">
        <v>0</v>
      </c>
      <c r="FQ26" s="78">
        <v>0</v>
      </c>
      <c r="FR26" s="78">
        <v>0</v>
      </c>
      <c r="FS26" s="78">
        <v>0</v>
      </c>
      <c r="FT26" s="78">
        <v>0</v>
      </c>
      <c r="FU26" s="81">
        <v>0</v>
      </c>
      <c r="FV26" s="82">
        <v>0</v>
      </c>
      <c r="FW26" s="77">
        <v>0</v>
      </c>
      <c r="FX26" s="78">
        <v>0</v>
      </c>
      <c r="FY26" s="79">
        <v>0</v>
      </c>
      <c r="FZ26" s="80">
        <v>0</v>
      </c>
      <c r="GA26" s="78">
        <v>2578</v>
      </c>
      <c r="GB26" s="78">
        <v>57419</v>
      </c>
      <c r="GC26" s="78">
        <v>106995</v>
      </c>
      <c r="GD26" s="78">
        <v>129241</v>
      </c>
      <c r="GE26" s="78">
        <v>33351</v>
      </c>
      <c r="GF26" s="81">
        <v>329584</v>
      </c>
      <c r="GG26" s="82">
        <v>329584</v>
      </c>
      <c r="GH26" s="77">
        <v>0</v>
      </c>
      <c r="GI26" s="78">
        <v>0</v>
      </c>
      <c r="GJ26" s="79">
        <v>0</v>
      </c>
      <c r="GK26" s="80">
        <v>0</v>
      </c>
      <c r="GL26" s="78">
        <v>0</v>
      </c>
      <c r="GM26" s="78">
        <v>0</v>
      </c>
      <c r="GN26" s="78">
        <v>0</v>
      </c>
      <c r="GO26" s="78">
        <v>0</v>
      </c>
      <c r="GP26" s="78">
        <v>1790</v>
      </c>
      <c r="GQ26" s="81">
        <v>1790</v>
      </c>
      <c r="GR26" s="82">
        <v>1790</v>
      </c>
      <c r="GS26" s="77">
        <v>0</v>
      </c>
      <c r="GT26" s="78">
        <v>0</v>
      </c>
      <c r="GU26" s="79">
        <v>0</v>
      </c>
      <c r="GV26" s="80">
        <v>0</v>
      </c>
      <c r="GW26" s="78">
        <v>0</v>
      </c>
      <c r="GX26" s="78">
        <v>0</v>
      </c>
      <c r="GY26" s="78">
        <v>0</v>
      </c>
      <c r="GZ26" s="78">
        <v>0</v>
      </c>
      <c r="HA26" s="78">
        <v>0</v>
      </c>
      <c r="HB26" s="81">
        <v>0</v>
      </c>
      <c r="HC26" s="82">
        <v>0</v>
      </c>
      <c r="HD26" s="77">
        <v>0</v>
      </c>
      <c r="HE26" s="78">
        <v>0</v>
      </c>
      <c r="HF26" s="79">
        <v>0</v>
      </c>
      <c r="HG26" s="436"/>
      <c r="HH26" s="78">
        <v>0</v>
      </c>
      <c r="HI26" s="78">
        <v>0</v>
      </c>
      <c r="HJ26" s="78">
        <v>0</v>
      </c>
      <c r="HK26" s="78">
        <v>0</v>
      </c>
      <c r="HL26" s="78">
        <v>0</v>
      </c>
      <c r="HM26" s="81">
        <v>0</v>
      </c>
      <c r="HN26" s="82">
        <v>0</v>
      </c>
      <c r="HO26" s="77">
        <v>0</v>
      </c>
      <c r="HP26" s="78">
        <v>0</v>
      </c>
      <c r="HQ26" s="79">
        <v>0</v>
      </c>
      <c r="HR26" s="80">
        <v>0</v>
      </c>
      <c r="HS26" s="78">
        <v>294736</v>
      </c>
      <c r="HT26" s="78">
        <v>506305</v>
      </c>
      <c r="HU26" s="78">
        <v>1821786</v>
      </c>
      <c r="HV26" s="78">
        <v>2246876</v>
      </c>
      <c r="HW26" s="78">
        <v>1670990</v>
      </c>
      <c r="HX26" s="81">
        <v>6540693</v>
      </c>
      <c r="HY26" s="82">
        <v>6540693</v>
      </c>
    </row>
    <row r="27" spans="2:233" s="137" customFormat="1" ht="21" customHeight="1" x14ac:dyDescent="0.2">
      <c r="B27" s="173" t="s">
        <v>24</v>
      </c>
      <c r="C27" s="77">
        <v>0</v>
      </c>
      <c r="D27" s="78">
        <v>0</v>
      </c>
      <c r="E27" s="79">
        <v>0</v>
      </c>
      <c r="F27" s="80">
        <v>0</v>
      </c>
      <c r="G27" s="78">
        <v>70100</v>
      </c>
      <c r="H27" s="78">
        <v>35435</v>
      </c>
      <c r="I27" s="78">
        <v>236040</v>
      </c>
      <c r="J27" s="78">
        <v>863180</v>
      </c>
      <c r="K27" s="78">
        <v>292910</v>
      </c>
      <c r="L27" s="81">
        <v>1497665</v>
      </c>
      <c r="M27" s="82">
        <v>1497665</v>
      </c>
      <c r="N27" s="77">
        <v>0</v>
      </c>
      <c r="O27" s="78">
        <v>0</v>
      </c>
      <c r="P27" s="79">
        <v>0</v>
      </c>
      <c r="Q27" s="436">
        <v>0</v>
      </c>
      <c r="R27" s="78">
        <v>0</v>
      </c>
      <c r="S27" s="78">
        <v>0</v>
      </c>
      <c r="T27" s="78">
        <v>147755</v>
      </c>
      <c r="U27" s="78">
        <v>645050</v>
      </c>
      <c r="V27" s="78">
        <v>171430</v>
      </c>
      <c r="W27" s="81">
        <v>964235</v>
      </c>
      <c r="X27" s="82">
        <v>964235</v>
      </c>
      <c r="Y27" s="77">
        <v>0</v>
      </c>
      <c r="Z27" s="78">
        <v>0</v>
      </c>
      <c r="AA27" s="79">
        <v>0</v>
      </c>
      <c r="AB27" s="436">
        <v>0</v>
      </c>
      <c r="AC27" s="78">
        <v>56115</v>
      </c>
      <c r="AD27" s="78">
        <v>33060</v>
      </c>
      <c r="AE27" s="78">
        <v>56280</v>
      </c>
      <c r="AF27" s="78">
        <v>85610</v>
      </c>
      <c r="AG27" s="78">
        <v>101205</v>
      </c>
      <c r="AH27" s="81">
        <v>332270</v>
      </c>
      <c r="AI27" s="82">
        <v>332270</v>
      </c>
      <c r="AJ27" s="77">
        <v>0</v>
      </c>
      <c r="AK27" s="78">
        <v>0</v>
      </c>
      <c r="AL27" s="79">
        <v>0</v>
      </c>
      <c r="AM27" s="436"/>
      <c r="AN27" s="78">
        <v>0</v>
      </c>
      <c r="AO27" s="78">
        <v>0</v>
      </c>
      <c r="AP27" s="78">
        <v>0</v>
      </c>
      <c r="AQ27" s="78">
        <v>0</v>
      </c>
      <c r="AR27" s="78">
        <v>0</v>
      </c>
      <c r="AS27" s="81">
        <v>0</v>
      </c>
      <c r="AT27" s="82">
        <v>0</v>
      </c>
      <c r="AU27" s="77">
        <v>0</v>
      </c>
      <c r="AV27" s="78">
        <v>0</v>
      </c>
      <c r="AW27" s="79">
        <v>0</v>
      </c>
      <c r="AX27" s="436"/>
      <c r="AY27" s="78">
        <v>0</v>
      </c>
      <c r="AZ27" s="78">
        <v>0</v>
      </c>
      <c r="BA27" s="78">
        <v>0</v>
      </c>
      <c r="BB27" s="78">
        <v>0</v>
      </c>
      <c r="BC27" s="78">
        <v>0</v>
      </c>
      <c r="BD27" s="81">
        <v>0</v>
      </c>
      <c r="BE27" s="82">
        <v>0</v>
      </c>
      <c r="BF27" s="77">
        <v>0</v>
      </c>
      <c r="BG27" s="78">
        <v>0</v>
      </c>
      <c r="BH27" s="79">
        <v>0</v>
      </c>
      <c r="BI27" s="436">
        <v>0</v>
      </c>
      <c r="BJ27" s="78">
        <v>0</v>
      </c>
      <c r="BK27" s="78">
        <v>0</v>
      </c>
      <c r="BL27" s="78">
        <v>0</v>
      </c>
      <c r="BM27" s="78">
        <v>0</v>
      </c>
      <c r="BN27" s="78">
        <v>0</v>
      </c>
      <c r="BO27" s="81">
        <v>0</v>
      </c>
      <c r="BP27" s="82">
        <v>0</v>
      </c>
      <c r="BQ27" s="77">
        <v>0</v>
      </c>
      <c r="BR27" s="78">
        <v>0</v>
      </c>
      <c r="BS27" s="79">
        <v>0</v>
      </c>
      <c r="BT27" s="80">
        <v>0</v>
      </c>
      <c r="BU27" s="78">
        <v>13985</v>
      </c>
      <c r="BV27" s="78">
        <v>2375</v>
      </c>
      <c r="BW27" s="78">
        <v>31585</v>
      </c>
      <c r="BX27" s="78">
        <v>132520</v>
      </c>
      <c r="BY27" s="78">
        <v>11270</v>
      </c>
      <c r="BZ27" s="81">
        <v>191735</v>
      </c>
      <c r="CA27" s="82">
        <v>191735</v>
      </c>
      <c r="CB27" s="77">
        <v>0</v>
      </c>
      <c r="CC27" s="78">
        <v>0</v>
      </c>
      <c r="CD27" s="79">
        <v>0</v>
      </c>
      <c r="CE27" s="80">
        <v>0</v>
      </c>
      <c r="CF27" s="78">
        <v>0</v>
      </c>
      <c r="CG27" s="78">
        <v>0</v>
      </c>
      <c r="CH27" s="78">
        <v>420</v>
      </c>
      <c r="CI27" s="78">
        <v>0</v>
      </c>
      <c r="CJ27" s="78">
        <v>9005</v>
      </c>
      <c r="CK27" s="81">
        <v>9425</v>
      </c>
      <c r="CL27" s="82">
        <v>9425</v>
      </c>
      <c r="CM27" s="77">
        <v>0</v>
      </c>
      <c r="CN27" s="78">
        <v>0</v>
      </c>
      <c r="CO27" s="79">
        <v>0</v>
      </c>
      <c r="CP27" s="80">
        <v>0</v>
      </c>
      <c r="CQ27" s="78">
        <v>0</v>
      </c>
      <c r="CR27" s="78">
        <v>0</v>
      </c>
      <c r="CS27" s="78">
        <v>0</v>
      </c>
      <c r="CT27" s="78">
        <v>0</v>
      </c>
      <c r="CU27" s="78">
        <v>0</v>
      </c>
      <c r="CV27" s="81">
        <v>0</v>
      </c>
      <c r="CW27" s="82">
        <v>0</v>
      </c>
      <c r="CX27" s="77">
        <v>0</v>
      </c>
      <c r="CY27" s="78">
        <v>0</v>
      </c>
      <c r="CZ27" s="79">
        <v>0</v>
      </c>
      <c r="DA27" s="436"/>
      <c r="DB27" s="78">
        <v>0</v>
      </c>
      <c r="DC27" s="78">
        <v>0</v>
      </c>
      <c r="DD27" s="78">
        <v>0</v>
      </c>
      <c r="DE27" s="78">
        <v>0</v>
      </c>
      <c r="DF27" s="78">
        <v>0</v>
      </c>
      <c r="DG27" s="81">
        <v>0</v>
      </c>
      <c r="DH27" s="82">
        <v>0</v>
      </c>
      <c r="DI27" s="77">
        <v>0</v>
      </c>
      <c r="DJ27" s="78">
        <v>0</v>
      </c>
      <c r="DK27" s="79">
        <v>0</v>
      </c>
      <c r="DL27" s="80">
        <v>0</v>
      </c>
      <c r="DM27" s="78">
        <v>32329</v>
      </c>
      <c r="DN27" s="78">
        <v>48517</v>
      </c>
      <c r="DO27" s="78">
        <v>234145</v>
      </c>
      <c r="DP27" s="78">
        <v>835839</v>
      </c>
      <c r="DQ27" s="78">
        <v>361030</v>
      </c>
      <c r="DR27" s="81">
        <v>1511860</v>
      </c>
      <c r="DS27" s="83">
        <v>1511860</v>
      </c>
      <c r="DT27" s="77">
        <v>0</v>
      </c>
      <c r="DU27" s="78">
        <v>0</v>
      </c>
      <c r="DV27" s="79">
        <v>0</v>
      </c>
      <c r="DW27" s="436">
        <v>0</v>
      </c>
      <c r="DX27" s="78">
        <v>0</v>
      </c>
      <c r="DY27" s="78">
        <v>0</v>
      </c>
      <c r="DZ27" s="78">
        <v>147175</v>
      </c>
      <c r="EA27" s="78">
        <v>743598</v>
      </c>
      <c r="EB27" s="78">
        <v>320821</v>
      </c>
      <c r="EC27" s="81">
        <v>1211594</v>
      </c>
      <c r="ED27" s="82">
        <v>1211594</v>
      </c>
      <c r="EE27" s="77">
        <v>0</v>
      </c>
      <c r="EF27" s="78">
        <v>0</v>
      </c>
      <c r="EG27" s="79">
        <v>0</v>
      </c>
      <c r="EH27" s="436">
        <v>0</v>
      </c>
      <c r="EI27" s="78">
        <v>609</v>
      </c>
      <c r="EJ27" s="78">
        <v>34597</v>
      </c>
      <c r="EK27" s="78">
        <v>45490</v>
      </c>
      <c r="EL27" s="78">
        <v>1057</v>
      </c>
      <c r="EM27" s="78">
        <v>22342</v>
      </c>
      <c r="EN27" s="81">
        <v>104095</v>
      </c>
      <c r="EO27" s="82">
        <v>104095</v>
      </c>
      <c r="EP27" s="77">
        <v>0</v>
      </c>
      <c r="EQ27" s="78">
        <v>0</v>
      </c>
      <c r="ER27" s="79">
        <v>0</v>
      </c>
      <c r="ES27" s="436"/>
      <c r="ET27" s="78">
        <v>0</v>
      </c>
      <c r="EU27" s="78">
        <v>0</v>
      </c>
      <c r="EV27" s="78">
        <v>0</v>
      </c>
      <c r="EW27" s="78">
        <v>0</v>
      </c>
      <c r="EX27" s="78">
        <v>0</v>
      </c>
      <c r="EY27" s="81">
        <v>0</v>
      </c>
      <c r="EZ27" s="82">
        <v>0</v>
      </c>
      <c r="FA27" s="77">
        <v>0</v>
      </c>
      <c r="FB27" s="78">
        <v>0</v>
      </c>
      <c r="FC27" s="79">
        <v>0</v>
      </c>
      <c r="FD27" s="436">
        <v>0</v>
      </c>
      <c r="FE27" s="78">
        <v>0</v>
      </c>
      <c r="FF27" s="78">
        <v>0</v>
      </c>
      <c r="FG27" s="78">
        <v>0</v>
      </c>
      <c r="FH27" s="78">
        <v>0</v>
      </c>
      <c r="FI27" s="78">
        <v>0</v>
      </c>
      <c r="FJ27" s="81">
        <v>0</v>
      </c>
      <c r="FK27" s="82">
        <v>0</v>
      </c>
      <c r="FL27" s="77">
        <v>0</v>
      </c>
      <c r="FM27" s="78">
        <v>0</v>
      </c>
      <c r="FN27" s="79">
        <v>0</v>
      </c>
      <c r="FO27" s="436">
        <v>0</v>
      </c>
      <c r="FP27" s="78">
        <v>0</v>
      </c>
      <c r="FQ27" s="78">
        <v>0</v>
      </c>
      <c r="FR27" s="78">
        <v>0</v>
      </c>
      <c r="FS27" s="78">
        <v>0</v>
      </c>
      <c r="FT27" s="78">
        <v>0</v>
      </c>
      <c r="FU27" s="81">
        <v>0</v>
      </c>
      <c r="FV27" s="82">
        <v>0</v>
      </c>
      <c r="FW27" s="77">
        <v>0</v>
      </c>
      <c r="FX27" s="78">
        <v>0</v>
      </c>
      <c r="FY27" s="79">
        <v>0</v>
      </c>
      <c r="FZ27" s="80">
        <v>0</v>
      </c>
      <c r="GA27" s="78">
        <v>31720</v>
      </c>
      <c r="GB27" s="78">
        <v>13920</v>
      </c>
      <c r="GC27" s="78">
        <v>41473</v>
      </c>
      <c r="GD27" s="78">
        <v>91184</v>
      </c>
      <c r="GE27" s="78">
        <v>17790</v>
      </c>
      <c r="GF27" s="81">
        <v>196087</v>
      </c>
      <c r="GG27" s="82">
        <v>196087</v>
      </c>
      <c r="GH27" s="77">
        <v>0</v>
      </c>
      <c r="GI27" s="78">
        <v>0</v>
      </c>
      <c r="GJ27" s="79">
        <v>0</v>
      </c>
      <c r="GK27" s="80">
        <v>0</v>
      </c>
      <c r="GL27" s="78">
        <v>0</v>
      </c>
      <c r="GM27" s="78">
        <v>0</v>
      </c>
      <c r="GN27" s="78">
        <v>7</v>
      </c>
      <c r="GO27" s="78">
        <v>0</v>
      </c>
      <c r="GP27" s="78">
        <v>77</v>
      </c>
      <c r="GQ27" s="81">
        <v>84</v>
      </c>
      <c r="GR27" s="82">
        <v>84</v>
      </c>
      <c r="GS27" s="77">
        <v>0</v>
      </c>
      <c r="GT27" s="78">
        <v>0</v>
      </c>
      <c r="GU27" s="79">
        <v>0</v>
      </c>
      <c r="GV27" s="80">
        <v>0</v>
      </c>
      <c r="GW27" s="78">
        <v>0</v>
      </c>
      <c r="GX27" s="78">
        <v>0</v>
      </c>
      <c r="GY27" s="78">
        <v>0</v>
      </c>
      <c r="GZ27" s="78">
        <v>0</v>
      </c>
      <c r="HA27" s="78">
        <v>0</v>
      </c>
      <c r="HB27" s="81">
        <v>0</v>
      </c>
      <c r="HC27" s="82">
        <v>0</v>
      </c>
      <c r="HD27" s="77">
        <v>0</v>
      </c>
      <c r="HE27" s="78">
        <v>0</v>
      </c>
      <c r="HF27" s="79">
        <v>0</v>
      </c>
      <c r="HG27" s="436"/>
      <c r="HH27" s="78">
        <v>0</v>
      </c>
      <c r="HI27" s="78">
        <v>0</v>
      </c>
      <c r="HJ27" s="78">
        <v>0</v>
      </c>
      <c r="HK27" s="78">
        <v>0</v>
      </c>
      <c r="HL27" s="78">
        <v>0</v>
      </c>
      <c r="HM27" s="81">
        <v>0</v>
      </c>
      <c r="HN27" s="82">
        <v>0</v>
      </c>
      <c r="HO27" s="77">
        <v>0</v>
      </c>
      <c r="HP27" s="78">
        <v>0</v>
      </c>
      <c r="HQ27" s="79">
        <v>0</v>
      </c>
      <c r="HR27" s="80">
        <v>0</v>
      </c>
      <c r="HS27" s="78">
        <v>102429</v>
      </c>
      <c r="HT27" s="78">
        <v>83952</v>
      </c>
      <c r="HU27" s="78">
        <v>470185</v>
      </c>
      <c r="HV27" s="78">
        <v>1699019</v>
      </c>
      <c r="HW27" s="78">
        <v>653940</v>
      </c>
      <c r="HX27" s="81">
        <v>3009525</v>
      </c>
      <c r="HY27" s="82">
        <v>3009525</v>
      </c>
    </row>
    <row r="28" spans="2:233" s="137" customFormat="1" ht="21" customHeight="1" x14ac:dyDescent="0.2">
      <c r="B28" s="173" t="s">
        <v>25</v>
      </c>
      <c r="C28" s="77">
        <v>0</v>
      </c>
      <c r="D28" s="78">
        <v>0</v>
      </c>
      <c r="E28" s="79">
        <v>0</v>
      </c>
      <c r="F28" s="80">
        <v>0</v>
      </c>
      <c r="G28" s="78">
        <v>35377</v>
      </c>
      <c r="H28" s="78">
        <v>185228</v>
      </c>
      <c r="I28" s="78">
        <v>505210</v>
      </c>
      <c r="J28" s="78">
        <v>636994</v>
      </c>
      <c r="K28" s="78">
        <v>448575</v>
      </c>
      <c r="L28" s="81">
        <v>1811384</v>
      </c>
      <c r="M28" s="82">
        <v>1811384</v>
      </c>
      <c r="N28" s="77">
        <v>0</v>
      </c>
      <c r="O28" s="78">
        <v>0</v>
      </c>
      <c r="P28" s="79">
        <v>0</v>
      </c>
      <c r="Q28" s="436">
        <v>0</v>
      </c>
      <c r="R28" s="78">
        <v>0</v>
      </c>
      <c r="S28" s="78">
        <v>2465</v>
      </c>
      <c r="T28" s="78">
        <v>350355</v>
      </c>
      <c r="U28" s="78">
        <v>430385</v>
      </c>
      <c r="V28" s="78">
        <v>343885</v>
      </c>
      <c r="W28" s="81">
        <v>1127090</v>
      </c>
      <c r="X28" s="82">
        <v>1127090</v>
      </c>
      <c r="Y28" s="77">
        <v>0</v>
      </c>
      <c r="Z28" s="78">
        <v>0</v>
      </c>
      <c r="AA28" s="79">
        <v>0</v>
      </c>
      <c r="AB28" s="436">
        <v>0</v>
      </c>
      <c r="AC28" s="78">
        <v>27985</v>
      </c>
      <c r="AD28" s="78">
        <v>142140</v>
      </c>
      <c r="AE28" s="78">
        <v>95300</v>
      </c>
      <c r="AF28" s="78">
        <v>175615</v>
      </c>
      <c r="AG28" s="78">
        <v>74095</v>
      </c>
      <c r="AH28" s="81">
        <v>515135</v>
      </c>
      <c r="AI28" s="82">
        <v>515135</v>
      </c>
      <c r="AJ28" s="77">
        <v>0</v>
      </c>
      <c r="AK28" s="78">
        <v>0</v>
      </c>
      <c r="AL28" s="79">
        <v>0</v>
      </c>
      <c r="AM28" s="436"/>
      <c r="AN28" s="78">
        <v>0</v>
      </c>
      <c r="AO28" s="78">
        <v>0</v>
      </c>
      <c r="AP28" s="78">
        <v>0</v>
      </c>
      <c r="AQ28" s="78">
        <v>0</v>
      </c>
      <c r="AR28" s="78">
        <v>0</v>
      </c>
      <c r="AS28" s="81">
        <v>0</v>
      </c>
      <c r="AT28" s="82">
        <v>0</v>
      </c>
      <c r="AU28" s="77">
        <v>0</v>
      </c>
      <c r="AV28" s="78">
        <v>0</v>
      </c>
      <c r="AW28" s="79">
        <v>0</v>
      </c>
      <c r="AX28" s="436"/>
      <c r="AY28" s="78">
        <v>0</v>
      </c>
      <c r="AZ28" s="78">
        <v>0</v>
      </c>
      <c r="BA28" s="78">
        <v>0</v>
      </c>
      <c r="BB28" s="78">
        <v>0</v>
      </c>
      <c r="BC28" s="78">
        <v>30595</v>
      </c>
      <c r="BD28" s="81">
        <v>30595</v>
      </c>
      <c r="BE28" s="82">
        <v>30595</v>
      </c>
      <c r="BF28" s="77">
        <v>0</v>
      </c>
      <c r="BG28" s="78">
        <v>0</v>
      </c>
      <c r="BH28" s="79">
        <v>0</v>
      </c>
      <c r="BI28" s="436">
        <v>0</v>
      </c>
      <c r="BJ28" s="78">
        <v>0</v>
      </c>
      <c r="BK28" s="78">
        <v>0</v>
      </c>
      <c r="BL28" s="78">
        <v>0</v>
      </c>
      <c r="BM28" s="78">
        <v>0</v>
      </c>
      <c r="BN28" s="78">
        <v>0</v>
      </c>
      <c r="BO28" s="81">
        <v>0</v>
      </c>
      <c r="BP28" s="82">
        <v>0</v>
      </c>
      <c r="BQ28" s="77">
        <v>0</v>
      </c>
      <c r="BR28" s="78">
        <v>0</v>
      </c>
      <c r="BS28" s="79">
        <v>0</v>
      </c>
      <c r="BT28" s="80">
        <v>0</v>
      </c>
      <c r="BU28" s="78">
        <v>7392</v>
      </c>
      <c r="BV28" s="78">
        <v>37503</v>
      </c>
      <c r="BW28" s="78">
        <v>39780</v>
      </c>
      <c r="BX28" s="78">
        <v>30994</v>
      </c>
      <c r="BY28" s="78">
        <v>0</v>
      </c>
      <c r="BZ28" s="81">
        <v>115669</v>
      </c>
      <c r="CA28" s="82">
        <v>115669</v>
      </c>
      <c r="CB28" s="77">
        <v>0</v>
      </c>
      <c r="CC28" s="78">
        <v>0</v>
      </c>
      <c r="CD28" s="79">
        <v>0</v>
      </c>
      <c r="CE28" s="80">
        <v>0</v>
      </c>
      <c r="CF28" s="78">
        <v>0</v>
      </c>
      <c r="CG28" s="78">
        <v>3120</v>
      </c>
      <c r="CH28" s="78">
        <v>19775</v>
      </c>
      <c r="CI28" s="78">
        <v>0</v>
      </c>
      <c r="CJ28" s="78">
        <v>0</v>
      </c>
      <c r="CK28" s="81">
        <v>22895</v>
      </c>
      <c r="CL28" s="82">
        <v>22895</v>
      </c>
      <c r="CM28" s="77">
        <v>0</v>
      </c>
      <c r="CN28" s="78">
        <v>0</v>
      </c>
      <c r="CO28" s="79">
        <v>0</v>
      </c>
      <c r="CP28" s="80">
        <v>0</v>
      </c>
      <c r="CQ28" s="78">
        <v>0</v>
      </c>
      <c r="CR28" s="78">
        <v>0</v>
      </c>
      <c r="CS28" s="78">
        <v>0</v>
      </c>
      <c r="CT28" s="78">
        <v>0</v>
      </c>
      <c r="CU28" s="78">
        <v>0</v>
      </c>
      <c r="CV28" s="81">
        <v>0</v>
      </c>
      <c r="CW28" s="82">
        <v>0</v>
      </c>
      <c r="CX28" s="77">
        <v>0</v>
      </c>
      <c r="CY28" s="78">
        <v>0</v>
      </c>
      <c r="CZ28" s="79">
        <v>0</v>
      </c>
      <c r="DA28" s="436"/>
      <c r="DB28" s="78">
        <v>0</v>
      </c>
      <c r="DC28" s="78">
        <v>0</v>
      </c>
      <c r="DD28" s="78">
        <v>0</v>
      </c>
      <c r="DE28" s="78">
        <v>0</v>
      </c>
      <c r="DF28" s="78">
        <v>0</v>
      </c>
      <c r="DG28" s="81">
        <v>0</v>
      </c>
      <c r="DH28" s="82">
        <v>0</v>
      </c>
      <c r="DI28" s="77">
        <v>0</v>
      </c>
      <c r="DJ28" s="78">
        <v>0</v>
      </c>
      <c r="DK28" s="79">
        <v>0</v>
      </c>
      <c r="DL28" s="80">
        <v>0</v>
      </c>
      <c r="DM28" s="78">
        <v>22733</v>
      </c>
      <c r="DN28" s="78">
        <v>88644</v>
      </c>
      <c r="DO28" s="78">
        <v>576464</v>
      </c>
      <c r="DP28" s="78">
        <v>844886</v>
      </c>
      <c r="DQ28" s="78">
        <v>316332</v>
      </c>
      <c r="DR28" s="81">
        <v>1849059</v>
      </c>
      <c r="DS28" s="83">
        <v>1849059</v>
      </c>
      <c r="DT28" s="77">
        <v>0</v>
      </c>
      <c r="DU28" s="78">
        <v>0</v>
      </c>
      <c r="DV28" s="79">
        <v>0</v>
      </c>
      <c r="DW28" s="436">
        <v>0</v>
      </c>
      <c r="DX28" s="78">
        <v>0</v>
      </c>
      <c r="DY28" s="78">
        <v>14065</v>
      </c>
      <c r="DZ28" s="78">
        <v>512230</v>
      </c>
      <c r="EA28" s="78">
        <v>778737</v>
      </c>
      <c r="EB28" s="78">
        <v>315114</v>
      </c>
      <c r="EC28" s="81">
        <v>1620146</v>
      </c>
      <c r="ED28" s="82">
        <v>1620146</v>
      </c>
      <c r="EE28" s="77">
        <v>0</v>
      </c>
      <c r="EF28" s="78">
        <v>0</v>
      </c>
      <c r="EG28" s="79">
        <v>0</v>
      </c>
      <c r="EH28" s="436">
        <v>0</v>
      </c>
      <c r="EI28" s="78">
        <v>609</v>
      </c>
      <c r="EJ28" s="78">
        <v>22902</v>
      </c>
      <c r="EK28" s="78">
        <v>12590</v>
      </c>
      <c r="EL28" s="78">
        <v>24211</v>
      </c>
      <c r="EM28" s="78">
        <v>1015</v>
      </c>
      <c r="EN28" s="81">
        <v>61327</v>
      </c>
      <c r="EO28" s="82">
        <v>61327</v>
      </c>
      <c r="EP28" s="77">
        <v>0</v>
      </c>
      <c r="EQ28" s="78">
        <v>0</v>
      </c>
      <c r="ER28" s="79">
        <v>0</v>
      </c>
      <c r="ES28" s="436"/>
      <c r="ET28" s="78">
        <v>0</v>
      </c>
      <c r="EU28" s="78">
        <v>0</v>
      </c>
      <c r="EV28" s="78">
        <v>0</v>
      </c>
      <c r="EW28" s="78">
        <v>0</v>
      </c>
      <c r="EX28" s="78">
        <v>0</v>
      </c>
      <c r="EY28" s="81">
        <v>0</v>
      </c>
      <c r="EZ28" s="82">
        <v>0</v>
      </c>
      <c r="FA28" s="77">
        <v>0</v>
      </c>
      <c r="FB28" s="78">
        <v>0</v>
      </c>
      <c r="FC28" s="79">
        <v>0</v>
      </c>
      <c r="FD28" s="436">
        <v>0</v>
      </c>
      <c r="FE28" s="78">
        <v>0</v>
      </c>
      <c r="FF28" s="78">
        <v>0</v>
      </c>
      <c r="FG28" s="78">
        <v>0</v>
      </c>
      <c r="FH28" s="78">
        <v>0</v>
      </c>
      <c r="FI28" s="78">
        <v>203</v>
      </c>
      <c r="FJ28" s="81">
        <v>203</v>
      </c>
      <c r="FK28" s="82">
        <v>203</v>
      </c>
      <c r="FL28" s="77">
        <v>0</v>
      </c>
      <c r="FM28" s="78">
        <v>0</v>
      </c>
      <c r="FN28" s="79">
        <v>0</v>
      </c>
      <c r="FO28" s="436">
        <v>0</v>
      </c>
      <c r="FP28" s="78">
        <v>0</v>
      </c>
      <c r="FQ28" s="78">
        <v>0</v>
      </c>
      <c r="FR28" s="78">
        <v>0</v>
      </c>
      <c r="FS28" s="78">
        <v>0</v>
      </c>
      <c r="FT28" s="78">
        <v>0</v>
      </c>
      <c r="FU28" s="81">
        <v>0</v>
      </c>
      <c r="FV28" s="82">
        <v>0</v>
      </c>
      <c r="FW28" s="77">
        <v>0</v>
      </c>
      <c r="FX28" s="78">
        <v>0</v>
      </c>
      <c r="FY28" s="79">
        <v>0</v>
      </c>
      <c r="FZ28" s="80">
        <v>0</v>
      </c>
      <c r="GA28" s="78">
        <v>22124</v>
      </c>
      <c r="GB28" s="78">
        <v>51677</v>
      </c>
      <c r="GC28" s="78">
        <v>45500</v>
      </c>
      <c r="GD28" s="78">
        <v>41938</v>
      </c>
      <c r="GE28" s="78">
        <v>0</v>
      </c>
      <c r="GF28" s="81">
        <v>161239</v>
      </c>
      <c r="GG28" s="82">
        <v>161239</v>
      </c>
      <c r="GH28" s="77">
        <v>0</v>
      </c>
      <c r="GI28" s="78">
        <v>0</v>
      </c>
      <c r="GJ28" s="79">
        <v>0</v>
      </c>
      <c r="GK28" s="80">
        <v>0</v>
      </c>
      <c r="GL28" s="78">
        <v>0</v>
      </c>
      <c r="GM28" s="78">
        <v>0</v>
      </c>
      <c r="GN28" s="78">
        <v>6144</v>
      </c>
      <c r="GO28" s="78">
        <v>0</v>
      </c>
      <c r="GP28" s="78">
        <v>0</v>
      </c>
      <c r="GQ28" s="81">
        <v>6144</v>
      </c>
      <c r="GR28" s="82">
        <v>6144</v>
      </c>
      <c r="GS28" s="77">
        <v>0</v>
      </c>
      <c r="GT28" s="78">
        <v>0</v>
      </c>
      <c r="GU28" s="79">
        <v>0</v>
      </c>
      <c r="GV28" s="80">
        <v>0</v>
      </c>
      <c r="GW28" s="78">
        <v>0</v>
      </c>
      <c r="GX28" s="78">
        <v>0</v>
      </c>
      <c r="GY28" s="78">
        <v>0</v>
      </c>
      <c r="GZ28" s="78">
        <v>0</v>
      </c>
      <c r="HA28" s="78">
        <v>0</v>
      </c>
      <c r="HB28" s="81">
        <v>0</v>
      </c>
      <c r="HC28" s="82">
        <v>0</v>
      </c>
      <c r="HD28" s="77">
        <v>0</v>
      </c>
      <c r="HE28" s="78">
        <v>0</v>
      </c>
      <c r="HF28" s="79">
        <v>0</v>
      </c>
      <c r="HG28" s="436"/>
      <c r="HH28" s="78">
        <v>0</v>
      </c>
      <c r="HI28" s="78">
        <v>0</v>
      </c>
      <c r="HJ28" s="78">
        <v>0</v>
      </c>
      <c r="HK28" s="78">
        <v>0</v>
      </c>
      <c r="HL28" s="78">
        <v>0</v>
      </c>
      <c r="HM28" s="81">
        <v>0</v>
      </c>
      <c r="HN28" s="82">
        <v>0</v>
      </c>
      <c r="HO28" s="77">
        <v>0</v>
      </c>
      <c r="HP28" s="78">
        <v>0</v>
      </c>
      <c r="HQ28" s="79">
        <v>0</v>
      </c>
      <c r="HR28" s="80">
        <v>0</v>
      </c>
      <c r="HS28" s="78">
        <v>58110</v>
      </c>
      <c r="HT28" s="78">
        <v>273872</v>
      </c>
      <c r="HU28" s="78">
        <v>1081674</v>
      </c>
      <c r="HV28" s="78">
        <v>1481880</v>
      </c>
      <c r="HW28" s="78">
        <v>764907</v>
      </c>
      <c r="HX28" s="81">
        <v>3660443</v>
      </c>
      <c r="HY28" s="82">
        <v>3660443</v>
      </c>
    </row>
    <row r="29" spans="2:233" s="137" customFormat="1" ht="21" customHeight="1" x14ac:dyDescent="0.2">
      <c r="B29" s="173" t="s">
        <v>26</v>
      </c>
      <c r="C29" s="77">
        <v>0</v>
      </c>
      <c r="D29" s="78">
        <v>580</v>
      </c>
      <c r="E29" s="79">
        <v>580</v>
      </c>
      <c r="F29" s="80">
        <v>0</v>
      </c>
      <c r="G29" s="78">
        <v>36110</v>
      </c>
      <c r="H29" s="78">
        <v>86930</v>
      </c>
      <c r="I29" s="78">
        <v>319940</v>
      </c>
      <c r="J29" s="78">
        <v>775940</v>
      </c>
      <c r="K29" s="78">
        <v>500205</v>
      </c>
      <c r="L29" s="81">
        <v>1719125</v>
      </c>
      <c r="M29" s="82">
        <v>1719705</v>
      </c>
      <c r="N29" s="77">
        <v>0</v>
      </c>
      <c r="O29" s="78">
        <v>0</v>
      </c>
      <c r="P29" s="79">
        <v>0</v>
      </c>
      <c r="Q29" s="436">
        <v>0</v>
      </c>
      <c r="R29" s="78">
        <v>0</v>
      </c>
      <c r="S29" s="78">
        <v>31755</v>
      </c>
      <c r="T29" s="78">
        <v>180635</v>
      </c>
      <c r="U29" s="78">
        <v>475610</v>
      </c>
      <c r="V29" s="78">
        <v>383025</v>
      </c>
      <c r="W29" s="81">
        <v>1071025</v>
      </c>
      <c r="X29" s="82">
        <v>1071025</v>
      </c>
      <c r="Y29" s="77">
        <v>0</v>
      </c>
      <c r="Z29" s="78">
        <v>0</v>
      </c>
      <c r="AA29" s="79">
        <v>0</v>
      </c>
      <c r="AB29" s="436">
        <v>0</v>
      </c>
      <c r="AC29" s="78">
        <v>30595</v>
      </c>
      <c r="AD29" s="78">
        <v>40455</v>
      </c>
      <c r="AE29" s="78">
        <v>130320</v>
      </c>
      <c r="AF29" s="78">
        <v>237220</v>
      </c>
      <c r="AG29" s="78">
        <v>85965</v>
      </c>
      <c r="AH29" s="81">
        <v>524555</v>
      </c>
      <c r="AI29" s="82">
        <v>524555</v>
      </c>
      <c r="AJ29" s="77">
        <v>0</v>
      </c>
      <c r="AK29" s="78">
        <v>0</v>
      </c>
      <c r="AL29" s="79">
        <v>0</v>
      </c>
      <c r="AM29" s="436"/>
      <c r="AN29" s="78">
        <v>0</v>
      </c>
      <c r="AO29" s="78">
        <v>0</v>
      </c>
      <c r="AP29" s="78">
        <v>0</v>
      </c>
      <c r="AQ29" s="78">
        <v>0</v>
      </c>
      <c r="AR29" s="78">
        <v>0</v>
      </c>
      <c r="AS29" s="81">
        <v>0</v>
      </c>
      <c r="AT29" s="82">
        <v>0</v>
      </c>
      <c r="AU29" s="77">
        <v>0</v>
      </c>
      <c r="AV29" s="78">
        <v>0</v>
      </c>
      <c r="AW29" s="79">
        <v>0</v>
      </c>
      <c r="AX29" s="436"/>
      <c r="AY29" s="78">
        <v>0</v>
      </c>
      <c r="AZ29" s="78">
        <v>0</v>
      </c>
      <c r="BA29" s="78">
        <v>2465</v>
      </c>
      <c r="BB29" s="78">
        <v>30595</v>
      </c>
      <c r="BC29" s="78">
        <v>4930</v>
      </c>
      <c r="BD29" s="81">
        <v>37990</v>
      </c>
      <c r="BE29" s="82">
        <v>37990</v>
      </c>
      <c r="BF29" s="77">
        <v>0</v>
      </c>
      <c r="BG29" s="78">
        <v>0</v>
      </c>
      <c r="BH29" s="79">
        <v>0</v>
      </c>
      <c r="BI29" s="436">
        <v>0</v>
      </c>
      <c r="BJ29" s="78">
        <v>0</v>
      </c>
      <c r="BK29" s="78">
        <v>0</v>
      </c>
      <c r="BL29" s="78">
        <v>0</v>
      </c>
      <c r="BM29" s="78">
        <v>0</v>
      </c>
      <c r="BN29" s="78">
        <v>0</v>
      </c>
      <c r="BO29" s="81">
        <v>0</v>
      </c>
      <c r="BP29" s="82">
        <v>0</v>
      </c>
      <c r="BQ29" s="77">
        <v>0</v>
      </c>
      <c r="BR29" s="78">
        <v>580</v>
      </c>
      <c r="BS29" s="79">
        <v>580</v>
      </c>
      <c r="BT29" s="80">
        <v>0</v>
      </c>
      <c r="BU29" s="78">
        <v>5515</v>
      </c>
      <c r="BV29" s="78">
        <v>13385</v>
      </c>
      <c r="BW29" s="78">
        <v>6520</v>
      </c>
      <c r="BX29" s="78">
        <v>30630</v>
      </c>
      <c r="BY29" s="78">
        <v>26285</v>
      </c>
      <c r="BZ29" s="81">
        <v>82335</v>
      </c>
      <c r="CA29" s="82">
        <v>82915</v>
      </c>
      <c r="CB29" s="77">
        <v>0</v>
      </c>
      <c r="CC29" s="78">
        <v>0</v>
      </c>
      <c r="CD29" s="79">
        <v>0</v>
      </c>
      <c r="CE29" s="80">
        <v>0</v>
      </c>
      <c r="CF29" s="78">
        <v>0</v>
      </c>
      <c r="CG29" s="78">
        <v>1335</v>
      </c>
      <c r="CH29" s="78">
        <v>0</v>
      </c>
      <c r="CI29" s="78">
        <v>1885</v>
      </c>
      <c r="CJ29" s="78">
        <v>0</v>
      </c>
      <c r="CK29" s="81">
        <v>3220</v>
      </c>
      <c r="CL29" s="82">
        <v>3220</v>
      </c>
      <c r="CM29" s="77">
        <v>0</v>
      </c>
      <c r="CN29" s="78">
        <v>0</v>
      </c>
      <c r="CO29" s="79">
        <v>0</v>
      </c>
      <c r="CP29" s="80">
        <v>0</v>
      </c>
      <c r="CQ29" s="78">
        <v>0</v>
      </c>
      <c r="CR29" s="78">
        <v>0</v>
      </c>
      <c r="CS29" s="78">
        <v>0</v>
      </c>
      <c r="CT29" s="78">
        <v>0</v>
      </c>
      <c r="CU29" s="78">
        <v>0</v>
      </c>
      <c r="CV29" s="81">
        <v>0</v>
      </c>
      <c r="CW29" s="82">
        <v>0</v>
      </c>
      <c r="CX29" s="77">
        <v>0</v>
      </c>
      <c r="CY29" s="78">
        <v>0</v>
      </c>
      <c r="CZ29" s="79">
        <v>0</v>
      </c>
      <c r="DA29" s="436"/>
      <c r="DB29" s="78">
        <v>0</v>
      </c>
      <c r="DC29" s="78">
        <v>0</v>
      </c>
      <c r="DD29" s="78">
        <v>0</v>
      </c>
      <c r="DE29" s="78">
        <v>0</v>
      </c>
      <c r="DF29" s="78">
        <v>0</v>
      </c>
      <c r="DG29" s="81">
        <v>0</v>
      </c>
      <c r="DH29" s="82">
        <v>0</v>
      </c>
      <c r="DI29" s="77">
        <v>0</v>
      </c>
      <c r="DJ29" s="78">
        <v>2106</v>
      </c>
      <c r="DK29" s="79">
        <v>2106</v>
      </c>
      <c r="DL29" s="80">
        <v>0</v>
      </c>
      <c r="DM29" s="78">
        <v>19376</v>
      </c>
      <c r="DN29" s="78">
        <v>104555</v>
      </c>
      <c r="DO29" s="78">
        <v>334589</v>
      </c>
      <c r="DP29" s="78">
        <v>738310</v>
      </c>
      <c r="DQ29" s="78">
        <v>476690</v>
      </c>
      <c r="DR29" s="81">
        <v>1673520</v>
      </c>
      <c r="DS29" s="83">
        <v>1675626</v>
      </c>
      <c r="DT29" s="77">
        <v>0</v>
      </c>
      <c r="DU29" s="78">
        <v>0</v>
      </c>
      <c r="DV29" s="79">
        <v>0</v>
      </c>
      <c r="DW29" s="436">
        <v>0</v>
      </c>
      <c r="DX29" s="78">
        <v>0</v>
      </c>
      <c r="DY29" s="78">
        <v>72674</v>
      </c>
      <c r="DZ29" s="78">
        <v>296334</v>
      </c>
      <c r="EA29" s="78">
        <v>656019</v>
      </c>
      <c r="EB29" s="78">
        <v>419241</v>
      </c>
      <c r="EC29" s="81">
        <v>1444268</v>
      </c>
      <c r="ED29" s="82">
        <v>1444268</v>
      </c>
      <c r="EE29" s="77">
        <v>0</v>
      </c>
      <c r="EF29" s="78">
        <v>0</v>
      </c>
      <c r="EG29" s="79">
        <v>0</v>
      </c>
      <c r="EH29" s="436">
        <v>0</v>
      </c>
      <c r="EI29" s="78">
        <v>203</v>
      </c>
      <c r="EJ29" s="78">
        <v>1015</v>
      </c>
      <c r="EK29" s="78">
        <v>12431</v>
      </c>
      <c r="EL29" s="78">
        <v>46719</v>
      </c>
      <c r="EM29" s="78">
        <v>11843</v>
      </c>
      <c r="EN29" s="81">
        <v>72211</v>
      </c>
      <c r="EO29" s="82">
        <v>72211</v>
      </c>
      <c r="EP29" s="77">
        <v>0</v>
      </c>
      <c r="EQ29" s="78">
        <v>0</v>
      </c>
      <c r="ER29" s="79">
        <v>0</v>
      </c>
      <c r="ES29" s="436"/>
      <c r="ET29" s="78">
        <v>0</v>
      </c>
      <c r="EU29" s="78">
        <v>0</v>
      </c>
      <c r="EV29" s="78">
        <v>0</v>
      </c>
      <c r="EW29" s="78">
        <v>0</v>
      </c>
      <c r="EX29" s="78">
        <v>0</v>
      </c>
      <c r="EY29" s="81">
        <v>0</v>
      </c>
      <c r="EZ29" s="82">
        <v>0</v>
      </c>
      <c r="FA29" s="77">
        <v>0</v>
      </c>
      <c r="FB29" s="78">
        <v>0</v>
      </c>
      <c r="FC29" s="79">
        <v>0</v>
      </c>
      <c r="FD29" s="436">
        <v>0</v>
      </c>
      <c r="FE29" s="78">
        <v>0</v>
      </c>
      <c r="FF29" s="78">
        <v>0</v>
      </c>
      <c r="FG29" s="78">
        <v>203</v>
      </c>
      <c r="FH29" s="78">
        <v>203</v>
      </c>
      <c r="FI29" s="78">
        <v>406</v>
      </c>
      <c r="FJ29" s="81">
        <v>812</v>
      </c>
      <c r="FK29" s="82">
        <v>812</v>
      </c>
      <c r="FL29" s="77">
        <v>0</v>
      </c>
      <c r="FM29" s="78">
        <v>0</v>
      </c>
      <c r="FN29" s="79">
        <v>0</v>
      </c>
      <c r="FO29" s="436">
        <v>0</v>
      </c>
      <c r="FP29" s="78">
        <v>0</v>
      </c>
      <c r="FQ29" s="78">
        <v>0</v>
      </c>
      <c r="FR29" s="78">
        <v>0</v>
      </c>
      <c r="FS29" s="78">
        <v>0</v>
      </c>
      <c r="FT29" s="78">
        <v>0</v>
      </c>
      <c r="FU29" s="81">
        <v>0</v>
      </c>
      <c r="FV29" s="82">
        <v>0</v>
      </c>
      <c r="FW29" s="77">
        <v>0</v>
      </c>
      <c r="FX29" s="78">
        <v>2106</v>
      </c>
      <c r="FY29" s="79">
        <v>2106</v>
      </c>
      <c r="FZ29" s="80">
        <v>0</v>
      </c>
      <c r="GA29" s="78">
        <v>19173</v>
      </c>
      <c r="GB29" s="78">
        <v>30845</v>
      </c>
      <c r="GC29" s="78">
        <v>25621</v>
      </c>
      <c r="GD29" s="78">
        <v>35278</v>
      </c>
      <c r="GE29" s="78">
        <v>45200</v>
      </c>
      <c r="GF29" s="81">
        <v>156117</v>
      </c>
      <c r="GG29" s="82">
        <v>158223</v>
      </c>
      <c r="GH29" s="77">
        <v>0</v>
      </c>
      <c r="GI29" s="78">
        <v>0</v>
      </c>
      <c r="GJ29" s="79">
        <v>0</v>
      </c>
      <c r="GK29" s="80">
        <v>0</v>
      </c>
      <c r="GL29" s="78">
        <v>0</v>
      </c>
      <c r="GM29" s="78">
        <v>21</v>
      </c>
      <c r="GN29" s="78">
        <v>0</v>
      </c>
      <c r="GO29" s="78">
        <v>91</v>
      </c>
      <c r="GP29" s="78">
        <v>0</v>
      </c>
      <c r="GQ29" s="81">
        <v>112</v>
      </c>
      <c r="GR29" s="82">
        <v>112</v>
      </c>
      <c r="GS29" s="77">
        <v>0</v>
      </c>
      <c r="GT29" s="78">
        <v>0</v>
      </c>
      <c r="GU29" s="79">
        <v>0</v>
      </c>
      <c r="GV29" s="80">
        <v>0</v>
      </c>
      <c r="GW29" s="78">
        <v>0</v>
      </c>
      <c r="GX29" s="78">
        <v>0</v>
      </c>
      <c r="GY29" s="78">
        <v>0</v>
      </c>
      <c r="GZ29" s="78">
        <v>0</v>
      </c>
      <c r="HA29" s="78">
        <v>0</v>
      </c>
      <c r="HB29" s="81">
        <v>0</v>
      </c>
      <c r="HC29" s="82">
        <v>0</v>
      </c>
      <c r="HD29" s="77">
        <v>0</v>
      </c>
      <c r="HE29" s="78">
        <v>0</v>
      </c>
      <c r="HF29" s="79">
        <v>0</v>
      </c>
      <c r="HG29" s="436"/>
      <c r="HH29" s="78">
        <v>0</v>
      </c>
      <c r="HI29" s="78">
        <v>0</v>
      </c>
      <c r="HJ29" s="78">
        <v>0</v>
      </c>
      <c r="HK29" s="78">
        <v>0</v>
      </c>
      <c r="HL29" s="78">
        <v>0</v>
      </c>
      <c r="HM29" s="81">
        <v>0</v>
      </c>
      <c r="HN29" s="82">
        <v>0</v>
      </c>
      <c r="HO29" s="77">
        <v>0</v>
      </c>
      <c r="HP29" s="78">
        <v>2686</v>
      </c>
      <c r="HQ29" s="79">
        <v>2686</v>
      </c>
      <c r="HR29" s="80">
        <v>0</v>
      </c>
      <c r="HS29" s="78">
        <v>55486</v>
      </c>
      <c r="HT29" s="78">
        <v>191485</v>
      </c>
      <c r="HU29" s="78">
        <v>654529</v>
      </c>
      <c r="HV29" s="78">
        <v>1514250</v>
      </c>
      <c r="HW29" s="78">
        <v>976895</v>
      </c>
      <c r="HX29" s="81">
        <v>3392645</v>
      </c>
      <c r="HY29" s="82">
        <v>3395331</v>
      </c>
    </row>
    <row r="30" spans="2:233" s="137" customFormat="1" ht="21" customHeight="1" x14ac:dyDescent="0.2">
      <c r="B30" s="173" t="s">
        <v>27</v>
      </c>
      <c r="C30" s="77">
        <v>0</v>
      </c>
      <c r="D30" s="78">
        <v>0</v>
      </c>
      <c r="E30" s="79">
        <v>0</v>
      </c>
      <c r="F30" s="80">
        <v>0</v>
      </c>
      <c r="G30" s="78">
        <v>39569</v>
      </c>
      <c r="H30" s="78">
        <v>103749</v>
      </c>
      <c r="I30" s="78">
        <v>513134</v>
      </c>
      <c r="J30" s="78">
        <v>760815</v>
      </c>
      <c r="K30" s="78">
        <v>428775</v>
      </c>
      <c r="L30" s="81">
        <v>1846042</v>
      </c>
      <c r="M30" s="82">
        <v>1846042</v>
      </c>
      <c r="N30" s="77">
        <v>0</v>
      </c>
      <c r="O30" s="78">
        <v>0</v>
      </c>
      <c r="P30" s="79">
        <v>0</v>
      </c>
      <c r="Q30" s="436">
        <v>0</v>
      </c>
      <c r="R30" s="78">
        <v>30595</v>
      </c>
      <c r="S30" s="78">
        <v>22155</v>
      </c>
      <c r="T30" s="78">
        <v>311965</v>
      </c>
      <c r="U30" s="78">
        <v>515945</v>
      </c>
      <c r="V30" s="78">
        <v>350065</v>
      </c>
      <c r="W30" s="81">
        <v>1230725</v>
      </c>
      <c r="X30" s="82">
        <v>1230725</v>
      </c>
      <c r="Y30" s="77">
        <v>0</v>
      </c>
      <c r="Z30" s="78">
        <v>0</v>
      </c>
      <c r="AA30" s="79">
        <v>0</v>
      </c>
      <c r="AB30" s="436">
        <v>0</v>
      </c>
      <c r="AC30" s="78">
        <v>7395</v>
      </c>
      <c r="AD30" s="78">
        <v>79170</v>
      </c>
      <c r="AE30" s="78">
        <v>132665</v>
      </c>
      <c r="AF30" s="78">
        <v>209090</v>
      </c>
      <c r="AG30" s="78">
        <v>4930</v>
      </c>
      <c r="AH30" s="81">
        <v>433250</v>
      </c>
      <c r="AI30" s="82">
        <v>433250</v>
      </c>
      <c r="AJ30" s="77">
        <v>0</v>
      </c>
      <c r="AK30" s="78">
        <v>0</v>
      </c>
      <c r="AL30" s="79">
        <v>0</v>
      </c>
      <c r="AM30" s="436"/>
      <c r="AN30" s="78">
        <v>0</v>
      </c>
      <c r="AO30" s="78">
        <v>0</v>
      </c>
      <c r="AP30" s="78">
        <v>0</v>
      </c>
      <c r="AQ30" s="78">
        <v>0</v>
      </c>
      <c r="AR30" s="78">
        <v>0</v>
      </c>
      <c r="AS30" s="81">
        <v>0</v>
      </c>
      <c r="AT30" s="82">
        <v>0</v>
      </c>
      <c r="AU30" s="77">
        <v>0</v>
      </c>
      <c r="AV30" s="78">
        <v>0</v>
      </c>
      <c r="AW30" s="79">
        <v>0</v>
      </c>
      <c r="AX30" s="436"/>
      <c r="AY30" s="78">
        <v>0</v>
      </c>
      <c r="AZ30" s="78">
        <v>0</v>
      </c>
      <c r="BA30" s="78">
        <v>0</v>
      </c>
      <c r="BB30" s="78">
        <v>0</v>
      </c>
      <c r="BC30" s="78">
        <v>0</v>
      </c>
      <c r="BD30" s="81">
        <v>0</v>
      </c>
      <c r="BE30" s="82">
        <v>0</v>
      </c>
      <c r="BF30" s="77">
        <v>0</v>
      </c>
      <c r="BG30" s="78">
        <v>0</v>
      </c>
      <c r="BH30" s="79">
        <v>0</v>
      </c>
      <c r="BI30" s="436">
        <v>0</v>
      </c>
      <c r="BJ30" s="78">
        <v>0</v>
      </c>
      <c r="BK30" s="78">
        <v>0</v>
      </c>
      <c r="BL30" s="78">
        <v>56115</v>
      </c>
      <c r="BM30" s="78">
        <v>35780</v>
      </c>
      <c r="BN30" s="78">
        <v>0</v>
      </c>
      <c r="BO30" s="81">
        <v>91895</v>
      </c>
      <c r="BP30" s="82">
        <v>91895</v>
      </c>
      <c r="BQ30" s="77">
        <v>0</v>
      </c>
      <c r="BR30" s="78">
        <v>0</v>
      </c>
      <c r="BS30" s="79">
        <v>0</v>
      </c>
      <c r="BT30" s="80">
        <v>0</v>
      </c>
      <c r="BU30" s="78">
        <v>1579</v>
      </c>
      <c r="BV30" s="78">
        <v>2424</v>
      </c>
      <c r="BW30" s="78">
        <v>12389</v>
      </c>
      <c r="BX30" s="78">
        <v>0</v>
      </c>
      <c r="BY30" s="78">
        <v>45650</v>
      </c>
      <c r="BZ30" s="81">
        <v>62042</v>
      </c>
      <c r="CA30" s="82">
        <v>62042</v>
      </c>
      <c r="CB30" s="77">
        <v>0</v>
      </c>
      <c r="CC30" s="78">
        <v>0</v>
      </c>
      <c r="CD30" s="79">
        <v>0</v>
      </c>
      <c r="CE30" s="80">
        <v>0</v>
      </c>
      <c r="CF30" s="78">
        <v>0</v>
      </c>
      <c r="CG30" s="78">
        <v>0</v>
      </c>
      <c r="CH30" s="78">
        <v>0</v>
      </c>
      <c r="CI30" s="78">
        <v>0</v>
      </c>
      <c r="CJ30" s="78">
        <v>28130</v>
      </c>
      <c r="CK30" s="81">
        <v>28130</v>
      </c>
      <c r="CL30" s="82">
        <v>28130</v>
      </c>
      <c r="CM30" s="77">
        <v>0</v>
      </c>
      <c r="CN30" s="78">
        <v>0</v>
      </c>
      <c r="CO30" s="79">
        <v>0</v>
      </c>
      <c r="CP30" s="80">
        <v>0</v>
      </c>
      <c r="CQ30" s="78">
        <v>0</v>
      </c>
      <c r="CR30" s="78">
        <v>0</v>
      </c>
      <c r="CS30" s="78">
        <v>0</v>
      </c>
      <c r="CT30" s="78">
        <v>0</v>
      </c>
      <c r="CU30" s="78">
        <v>0</v>
      </c>
      <c r="CV30" s="81">
        <v>0</v>
      </c>
      <c r="CW30" s="82">
        <v>0</v>
      </c>
      <c r="CX30" s="77">
        <v>0</v>
      </c>
      <c r="CY30" s="78">
        <v>0</v>
      </c>
      <c r="CZ30" s="79">
        <v>0</v>
      </c>
      <c r="DA30" s="436"/>
      <c r="DB30" s="78">
        <v>0</v>
      </c>
      <c r="DC30" s="78">
        <v>0</v>
      </c>
      <c r="DD30" s="78">
        <v>0</v>
      </c>
      <c r="DE30" s="78">
        <v>0</v>
      </c>
      <c r="DF30" s="78">
        <v>0</v>
      </c>
      <c r="DG30" s="81">
        <v>0</v>
      </c>
      <c r="DH30" s="82">
        <v>0</v>
      </c>
      <c r="DI30" s="77">
        <v>0</v>
      </c>
      <c r="DJ30" s="78">
        <v>0</v>
      </c>
      <c r="DK30" s="79">
        <v>0</v>
      </c>
      <c r="DL30" s="80">
        <v>0</v>
      </c>
      <c r="DM30" s="78">
        <v>39905</v>
      </c>
      <c r="DN30" s="78">
        <v>15002</v>
      </c>
      <c r="DO30" s="78">
        <v>382717</v>
      </c>
      <c r="DP30" s="78">
        <v>653894</v>
      </c>
      <c r="DQ30" s="78">
        <v>391572</v>
      </c>
      <c r="DR30" s="81">
        <v>1483090</v>
      </c>
      <c r="DS30" s="83">
        <v>1483090</v>
      </c>
      <c r="DT30" s="77">
        <v>0</v>
      </c>
      <c r="DU30" s="78">
        <v>0</v>
      </c>
      <c r="DV30" s="79">
        <v>0</v>
      </c>
      <c r="DW30" s="436">
        <v>0</v>
      </c>
      <c r="DX30" s="78">
        <v>13630</v>
      </c>
      <c r="DY30" s="78">
        <v>10340</v>
      </c>
      <c r="DZ30" s="78">
        <v>287121</v>
      </c>
      <c r="EA30" s="78">
        <v>475979</v>
      </c>
      <c r="EB30" s="78">
        <v>334467</v>
      </c>
      <c r="EC30" s="81">
        <v>1121537</v>
      </c>
      <c r="ED30" s="82">
        <v>1121537</v>
      </c>
      <c r="EE30" s="77">
        <v>0</v>
      </c>
      <c r="EF30" s="78">
        <v>0</v>
      </c>
      <c r="EG30" s="79">
        <v>0</v>
      </c>
      <c r="EH30" s="436">
        <v>0</v>
      </c>
      <c r="EI30" s="78">
        <v>20590</v>
      </c>
      <c r="EJ30" s="78">
        <v>812</v>
      </c>
      <c r="EK30" s="78">
        <v>10634</v>
      </c>
      <c r="EL30" s="78">
        <v>101065</v>
      </c>
      <c r="EM30" s="78">
        <v>9773</v>
      </c>
      <c r="EN30" s="81">
        <v>142874</v>
      </c>
      <c r="EO30" s="82">
        <v>142874</v>
      </c>
      <c r="EP30" s="77">
        <v>0</v>
      </c>
      <c r="EQ30" s="78">
        <v>0</v>
      </c>
      <c r="ER30" s="79">
        <v>0</v>
      </c>
      <c r="ES30" s="436"/>
      <c r="ET30" s="78">
        <v>0</v>
      </c>
      <c r="EU30" s="78">
        <v>0</v>
      </c>
      <c r="EV30" s="78">
        <v>0</v>
      </c>
      <c r="EW30" s="78">
        <v>0</v>
      </c>
      <c r="EX30" s="78">
        <v>0</v>
      </c>
      <c r="EY30" s="81">
        <v>0</v>
      </c>
      <c r="EZ30" s="82">
        <v>0</v>
      </c>
      <c r="FA30" s="77">
        <v>0</v>
      </c>
      <c r="FB30" s="78">
        <v>0</v>
      </c>
      <c r="FC30" s="79">
        <v>0</v>
      </c>
      <c r="FD30" s="436">
        <v>0</v>
      </c>
      <c r="FE30" s="78">
        <v>0</v>
      </c>
      <c r="FF30" s="78">
        <v>0</v>
      </c>
      <c r="FG30" s="78">
        <v>0</v>
      </c>
      <c r="FH30" s="78">
        <v>0</v>
      </c>
      <c r="FI30" s="78">
        <v>0</v>
      </c>
      <c r="FJ30" s="81">
        <v>0</v>
      </c>
      <c r="FK30" s="82">
        <v>0</v>
      </c>
      <c r="FL30" s="77">
        <v>0</v>
      </c>
      <c r="FM30" s="78">
        <v>0</v>
      </c>
      <c r="FN30" s="79">
        <v>0</v>
      </c>
      <c r="FO30" s="436">
        <v>0</v>
      </c>
      <c r="FP30" s="78">
        <v>0</v>
      </c>
      <c r="FQ30" s="78">
        <v>0</v>
      </c>
      <c r="FR30" s="78">
        <v>74762</v>
      </c>
      <c r="FS30" s="78">
        <v>76850</v>
      </c>
      <c r="FT30" s="78">
        <v>0</v>
      </c>
      <c r="FU30" s="81">
        <v>151612</v>
      </c>
      <c r="FV30" s="82">
        <v>151612</v>
      </c>
      <c r="FW30" s="77">
        <v>0</v>
      </c>
      <c r="FX30" s="78">
        <v>0</v>
      </c>
      <c r="FY30" s="79">
        <v>0</v>
      </c>
      <c r="FZ30" s="80">
        <v>0</v>
      </c>
      <c r="GA30" s="78">
        <v>5685</v>
      </c>
      <c r="GB30" s="78">
        <v>3850</v>
      </c>
      <c r="GC30" s="78">
        <v>10200</v>
      </c>
      <c r="GD30" s="78">
        <v>0</v>
      </c>
      <c r="GE30" s="78">
        <v>37530</v>
      </c>
      <c r="GF30" s="81">
        <v>57265</v>
      </c>
      <c r="GG30" s="82">
        <v>57265</v>
      </c>
      <c r="GH30" s="77">
        <v>0</v>
      </c>
      <c r="GI30" s="78">
        <v>0</v>
      </c>
      <c r="GJ30" s="79">
        <v>0</v>
      </c>
      <c r="GK30" s="80">
        <v>0</v>
      </c>
      <c r="GL30" s="78">
        <v>0</v>
      </c>
      <c r="GM30" s="78">
        <v>0</v>
      </c>
      <c r="GN30" s="78">
        <v>0</v>
      </c>
      <c r="GO30" s="78">
        <v>0</v>
      </c>
      <c r="GP30" s="78">
        <v>9802</v>
      </c>
      <c r="GQ30" s="81">
        <v>9802</v>
      </c>
      <c r="GR30" s="82">
        <v>9802</v>
      </c>
      <c r="GS30" s="77">
        <v>0</v>
      </c>
      <c r="GT30" s="78">
        <v>0</v>
      </c>
      <c r="GU30" s="79">
        <v>0</v>
      </c>
      <c r="GV30" s="80">
        <v>0</v>
      </c>
      <c r="GW30" s="78">
        <v>0</v>
      </c>
      <c r="GX30" s="78">
        <v>0</v>
      </c>
      <c r="GY30" s="78">
        <v>0</v>
      </c>
      <c r="GZ30" s="78">
        <v>0</v>
      </c>
      <c r="HA30" s="78">
        <v>0</v>
      </c>
      <c r="HB30" s="81">
        <v>0</v>
      </c>
      <c r="HC30" s="82">
        <v>0</v>
      </c>
      <c r="HD30" s="77">
        <v>0</v>
      </c>
      <c r="HE30" s="78">
        <v>0</v>
      </c>
      <c r="HF30" s="79">
        <v>0</v>
      </c>
      <c r="HG30" s="436"/>
      <c r="HH30" s="78">
        <v>0</v>
      </c>
      <c r="HI30" s="78">
        <v>0</v>
      </c>
      <c r="HJ30" s="78">
        <v>0</v>
      </c>
      <c r="HK30" s="78">
        <v>0</v>
      </c>
      <c r="HL30" s="78">
        <v>0</v>
      </c>
      <c r="HM30" s="81">
        <v>0</v>
      </c>
      <c r="HN30" s="82">
        <v>0</v>
      </c>
      <c r="HO30" s="77">
        <v>0</v>
      </c>
      <c r="HP30" s="78">
        <v>0</v>
      </c>
      <c r="HQ30" s="79">
        <v>0</v>
      </c>
      <c r="HR30" s="80">
        <v>0</v>
      </c>
      <c r="HS30" s="78">
        <v>79474</v>
      </c>
      <c r="HT30" s="78">
        <v>118751</v>
      </c>
      <c r="HU30" s="78">
        <v>895851</v>
      </c>
      <c r="HV30" s="78">
        <v>1414709</v>
      </c>
      <c r="HW30" s="78">
        <v>820347</v>
      </c>
      <c r="HX30" s="81">
        <v>3329132</v>
      </c>
      <c r="HY30" s="82">
        <v>3329132</v>
      </c>
    </row>
    <row r="31" spans="2:233" s="137" customFormat="1" ht="21" customHeight="1" x14ac:dyDescent="0.2">
      <c r="B31" s="173" t="s">
        <v>28</v>
      </c>
      <c r="C31" s="77">
        <v>0</v>
      </c>
      <c r="D31" s="78">
        <v>0</v>
      </c>
      <c r="E31" s="79">
        <v>0</v>
      </c>
      <c r="F31" s="80">
        <v>0</v>
      </c>
      <c r="G31" s="78">
        <v>0</v>
      </c>
      <c r="H31" s="78">
        <v>79220</v>
      </c>
      <c r="I31" s="78">
        <v>236780</v>
      </c>
      <c r="J31" s="78">
        <v>225424</v>
      </c>
      <c r="K31" s="78">
        <v>53360</v>
      </c>
      <c r="L31" s="81">
        <v>594784</v>
      </c>
      <c r="M31" s="82">
        <v>594784</v>
      </c>
      <c r="N31" s="77">
        <v>0</v>
      </c>
      <c r="O31" s="78">
        <v>0</v>
      </c>
      <c r="P31" s="79">
        <v>0</v>
      </c>
      <c r="Q31" s="436">
        <v>0</v>
      </c>
      <c r="R31" s="78">
        <v>0</v>
      </c>
      <c r="S31" s="78">
        <v>0</v>
      </c>
      <c r="T31" s="78">
        <v>179075</v>
      </c>
      <c r="U31" s="78">
        <v>220110</v>
      </c>
      <c r="V31" s="78">
        <v>53360</v>
      </c>
      <c r="W31" s="81">
        <v>452545</v>
      </c>
      <c r="X31" s="82">
        <v>452545</v>
      </c>
      <c r="Y31" s="77">
        <v>0</v>
      </c>
      <c r="Z31" s="78">
        <v>0</v>
      </c>
      <c r="AA31" s="79">
        <v>0</v>
      </c>
      <c r="AB31" s="436">
        <v>0</v>
      </c>
      <c r="AC31" s="78">
        <v>0</v>
      </c>
      <c r="AD31" s="78">
        <v>79220</v>
      </c>
      <c r="AE31" s="78">
        <v>57705</v>
      </c>
      <c r="AF31" s="78">
        <v>2465</v>
      </c>
      <c r="AG31" s="78">
        <v>0</v>
      </c>
      <c r="AH31" s="81">
        <v>139390</v>
      </c>
      <c r="AI31" s="82">
        <v>139390</v>
      </c>
      <c r="AJ31" s="77">
        <v>0</v>
      </c>
      <c r="AK31" s="78">
        <v>0</v>
      </c>
      <c r="AL31" s="79">
        <v>0</v>
      </c>
      <c r="AM31" s="436"/>
      <c r="AN31" s="78">
        <v>0</v>
      </c>
      <c r="AO31" s="78">
        <v>0</v>
      </c>
      <c r="AP31" s="78">
        <v>0</v>
      </c>
      <c r="AQ31" s="78">
        <v>0</v>
      </c>
      <c r="AR31" s="78">
        <v>0</v>
      </c>
      <c r="AS31" s="81">
        <v>0</v>
      </c>
      <c r="AT31" s="82">
        <v>0</v>
      </c>
      <c r="AU31" s="77">
        <v>0</v>
      </c>
      <c r="AV31" s="78">
        <v>0</v>
      </c>
      <c r="AW31" s="79">
        <v>0</v>
      </c>
      <c r="AX31" s="436"/>
      <c r="AY31" s="78">
        <v>0</v>
      </c>
      <c r="AZ31" s="78">
        <v>0</v>
      </c>
      <c r="BA31" s="78">
        <v>0</v>
      </c>
      <c r="BB31" s="78">
        <v>0</v>
      </c>
      <c r="BC31" s="78">
        <v>0</v>
      </c>
      <c r="BD31" s="81">
        <v>0</v>
      </c>
      <c r="BE31" s="82">
        <v>0</v>
      </c>
      <c r="BF31" s="77">
        <v>0</v>
      </c>
      <c r="BG31" s="78">
        <v>0</v>
      </c>
      <c r="BH31" s="79">
        <v>0</v>
      </c>
      <c r="BI31" s="436">
        <v>0</v>
      </c>
      <c r="BJ31" s="78">
        <v>0</v>
      </c>
      <c r="BK31" s="78">
        <v>0</v>
      </c>
      <c r="BL31" s="78">
        <v>0</v>
      </c>
      <c r="BM31" s="78">
        <v>0</v>
      </c>
      <c r="BN31" s="78">
        <v>0</v>
      </c>
      <c r="BO31" s="81">
        <v>0</v>
      </c>
      <c r="BP31" s="82">
        <v>0</v>
      </c>
      <c r="BQ31" s="77">
        <v>0</v>
      </c>
      <c r="BR31" s="78">
        <v>0</v>
      </c>
      <c r="BS31" s="79">
        <v>0</v>
      </c>
      <c r="BT31" s="80">
        <v>0</v>
      </c>
      <c r="BU31" s="78">
        <v>0</v>
      </c>
      <c r="BV31" s="78">
        <v>0</v>
      </c>
      <c r="BW31" s="78">
        <v>0</v>
      </c>
      <c r="BX31" s="78">
        <v>2849</v>
      </c>
      <c r="BY31" s="78">
        <v>0</v>
      </c>
      <c r="BZ31" s="81">
        <v>2849</v>
      </c>
      <c r="CA31" s="82">
        <v>2849</v>
      </c>
      <c r="CB31" s="77">
        <v>0</v>
      </c>
      <c r="CC31" s="78">
        <v>0</v>
      </c>
      <c r="CD31" s="79">
        <v>0</v>
      </c>
      <c r="CE31" s="80">
        <v>0</v>
      </c>
      <c r="CF31" s="78">
        <v>0</v>
      </c>
      <c r="CG31" s="78">
        <v>0</v>
      </c>
      <c r="CH31" s="78">
        <v>0</v>
      </c>
      <c r="CI31" s="78">
        <v>0</v>
      </c>
      <c r="CJ31" s="78">
        <v>0</v>
      </c>
      <c r="CK31" s="81">
        <v>0</v>
      </c>
      <c r="CL31" s="82">
        <v>0</v>
      </c>
      <c r="CM31" s="77">
        <v>0</v>
      </c>
      <c r="CN31" s="78">
        <v>0</v>
      </c>
      <c r="CO31" s="79">
        <v>0</v>
      </c>
      <c r="CP31" s="80">
        <v>0</v>
      </c>
      <c r="CQ31" s="78">
        <v>0</v>
      </c>
      <c r="CR31" s="78">
        <v>0</v>
      </c>
      <c r="CS31" s="78">
        <v>0</v>
      </c>
      <c r="CT31" s="78">
        <v>0</v>
      </c>
      <c r="CU31" s="78">
        <v>0</v>
      </c>
      <c r="CV31" s="81">
        <v>0</v>
      </c>
      <c r="CW31" s="82">
        <v>0</v>
      </c>
      <c r="CX31" s="77">
        <v>0</v>
      </c>
      <c r="CY31" s="78">
        <v>0</v>
      </c>
      <c r="CZ31" s="79">
        <v>0</v>
      </c>
      <c r="DA31" s="436"/>
      <c r="DB31" s="78">
        <v>0</v>
      </c>
      <c r="DC31" s="78">
        <v>0</v>
      </c>
      <c r="DD31" s="78">
        <v>0</v>
      </c>
      <c r="DE31" s="78">
        <v>0</v>
      </c>
      <c r="DF31" s="78">
        <v>0</v>
      </c>
      <c r="DG31" s="81">
        <v>0</v>
      </c>
      <c r="DH31" s="82">
        <v>0</v>
      </c>
      <c r="DI31" s="77">
        <v>0</v>
      </c>
      <c r="DJ31" s="78">
        <v>0</v>
      </c>
      <c r="DK31" s="79">
        <v>0</v>
      </c>
      <c r="DL31" s="80">
        <v>0</v>
      </c>
      <c r="DM31" s="78">
        <v>0</v>
      </c>
      <c r="DN31" s="78">
        <v>2111</v>
      </c>
      <c r="DO31" s="78">
        <v>193053</v>
      </c>
      <c r="DP31" s="78">
        <v>203346</v>
      </c>
      <c r="DQ31" s="78">
        <v>122583</v>
      </c>
      <c r="DR31" s="81">
        <v>521093</v>
      </c>
      <c r="DS31" s="83">
        <v>521093</v>
      </c>
      <c r="DT31" s="77">
        <v>0</v>
      </c>
      <c r="DU31" s="78">
        <v>0</v>
      </c>
      <c r="DV31" s="79">
        <v>0</v>
      </c>
      <c r="DW31" s="436">
        <v>0</v>
      </c>
      <c r="DX31" s="78">
        <v>0</v>
      </c>
      <c r="DY31" s="78">
        <v>0</v>
      </c>
      <c r="DZ31" s="78">
        <v>157847</v>
      </c>
      <c r="EA31" s="78">
        <v>199317</v>
      </c>
      <c r="EB31" s="78">
        <v>122583</v>
      </c>
      <c r="EC31" s="81">
        <v>479747</v>
      </c>
      <c r="ED31" s="82">
        <v>479747</v>
      </c>
      <c r="EE31" s="77">
        <v>0</v>
      </c>
      <c r="EF31" s="78">
        <v>0</v>
      </c>
      <c r="EG31" s="79">
        <v>0</v>
      </c>
      <c r="EH31" s="436">
        <v>0</v>
      </c>
      <c r="EI31" s="78">
        <v>0</v>
      </c>
      <c r="EJ31" s="78">
        <v>2111</v>
      </c>
      <c r="EK31" s="78">
        <v>35206</v>
      </c>
      <c r="EL31" s="78">
        <v>174</v>
      </c>
      <c r="EM31" s="78">
        <v>0</v>
      </c>
      <c r="EN31" s="81">
        <v>37491</v>
      </c>
      <c r="EO31" s="82">
        <v>37491</v>
      </c>
      <c r="EP31" s="77">
        <v>0</v>
      </c>
      <c r="EQ31" s="78">
        <v>0</v>
      </c>
      <c r="ER31" s="79">
        <v>0</v>
      </c>
      <c r="ES31" s="436"/>
      <c r="ET31" s="78">
        <v>0</v>
      </c>
      <c r="EU31" s="78">
        <v>0</v>
      </c>
      <c r="EV31" s="78">
        <v>0</v>
      </c>
      <c r="EW31" s="78">
        <v>0</v>
      </c>
      <c r="EX31" s="78">
        <v>0</v>
      </c>
      <c r="EY31" s="81">
        <v>0</v>
      </c>
      <c r="EZ31" s="82">
        <v>0</v>
      </c>
      <c r="FA31" s="77">
        <v>0</v>
      </c>
      <c r="FB31" s="78">
        <v>0</v>
      </c>
      <c r="FC31" s="79">
        <v>0</v>
      </c>
      <c r="FD31" s="436">
        <v>0</v>
      </c>
      <c r="FE31" s="78">
        <v>0</v>
      </c>
      <c r="FF31" s="78">
        <v>0</v>
      </c>
      <c r="FG31" s="78">
        <v>0</v>
      </c>
      <c r="FH31" s="78">
        <v>0</v>
      </c>
      <c r="FI31" s="78">
        <v>0</v>
      </c>
      <c r="FJ31" s="81">
        <v>0</v>
      </c>
      <c r="FK31" s="82">
        <v>0</v>
      </c>
      <c r="FL31" s="77">
        <v>0</v>
      </c>
      <c r="FM31" s="78">
        <v>0</v>
      </c>
      <c r="FN31" s="79">
        <v>0</v>
      </c>
      <c r="FO31" s="436">
        <v>0</v>
      </c>
      <c r="FP31" s="78">
        <v>0</v>
      </c>
      <c r="FQ31" s="78">
        <v>0</v>
      </c>
      <c r="FR31" s="78">
        <v>0</v>
      </c>
      <c r="FS31" s="78">
        <v>0</v>
      </c>
      <c r="FT31" s="78">
        <v>0</v>
      </c>
      <c r="FU31" s="81">
        <v>0</v>
      </c>
      <c r="FV31" s="82">
        <v>0</v>
      </c>
      <c r="FW31" s="77">
        <v>0</v>
      </c>
      <c r="FX31" s="78">
        <v>0</v>
      </c>
      <c r="FY31" s="79">
        <v>0</v>
      </c>
      <c r="FZ31" s="80">
        <v>0</v>
      </c>
      <c r="GA31" s="78">
        <v>0</v>
      </c>
      <c r="GB31" s="78">
        <v>0</v>
      </c>
      <c r="GC31" s="78">
        <v>0</v>
      </c>
      <c r="GD31" s="78">
        <v>3855</v>
      </c>
      <c r="GE31" s="78">
        <v>0</v>
      </c>
      <c r="GF31" s="81">
        <v>3855</v>
      </c>
      <c r="GG31" s="82">
        <v>3855</v>
      </c>
      <c r="GH31" s="77">
        <v>0</v>
      </c>
      <c r="GI31" s="78">
        <v>0</v>
      </c>
      <c r="GJ31" s="79">
        <v>0</v>
      </c>
      <c r="GK31" s="80">
        <v>0</v>
      </c>
      <c r="GL31" s="78">
        <v>0</v>
      </c>
      <c r="GM31" s="78">
        <v>0</v>
      </c>
      <c r="GN31" s="78">
        <v>0</v>
      </c>
      <c r="GO31" s="78">
        <v>0</v>
      </c>
      <c r="GP31" s="78">
        <v>0</v>
      </c>
      <c r="GQ31" s="81">
        <v>0</v>
      </c>
      <c r="GR31" s="82">
        <v>0</v>
      </c>
      <c r="GS31" s="77">
        <v>0</v>
      </c>
      <c r="GT31" s="78">
        <v>0</v>
      </c>
      <c r="GU31" s="79">
        <v>0</v>
      </c>
      <c r="GV31" s="80">
        <v>0</v>
      </c>
      <c r="GW31" s="78">
        <v>0</v>
      </c>
      <c r="GX31" s="78">
        <v>0</v>
      </c>
      <c r="GY31" s="78">
        <v>0</v>
      </c>
      <c r="GZ31" s="78">
        <v>0</v>
      </c>
      <c r="HA31" s="78">
        <v>0</v>
      </c>
      <c r="HB31" s="81">
        <v>0</v>
      </c>
      <c r="HC31" s="82">
        <v>0</v>
      </c>
      <c r="HD31" s="77">
        <v>0</v>
      </c>
      <c r="HE31" s="78">
        <v>0</v>
      </c>
      <c r="HF31" s="79">
        <v>0</v>
      </c>
      <c r="HG31" s="436"/>
      <c r="HH31" s="78">
        <v>0</v>
      </c>
      <c r="HI31" s="78">
        <v>0</v>
      </c>
      <c r="HJ31" s="78">
        <v>0</v>
      </c>
      <c r="HK31" s="78">
        <v>0</v>
      </c>
      <c r="HL31" s="78">
        <v>0</v>
      </c>
      <c r="HM31" s="81">
        <v>0</v>
      </c>
      <c r="HN31" s="82">
        <v>0</v>
      </c>
      <c r="HO31" s="77">
        <v>0</v>
      </c>
      <c r="HP31" s="78">
        <v>0</v>
      </c>
      <c r="HQ31" s="79">
        <v>0</v>
      </c>
      <c r="HR31" s="80">
        <v>0</v>
      </c>
      <c r="HS31" s="78">
        <v>0</v>
      </c>
      <c r="HT31" s="78">
        <v>81331</v>
      </c>
      <c r="HU31" s="78">
        <v>429833</v>
      </c>
      <c r="HV31" s="78">
        <v>428770</v>
      </c>
      <c r="HW31" s="78">
        <v>175943</v>
      </c>
      <c r="HX31" s="81">
        <v>1115877</v>
      </c>
      <c r="HY31" s="82">
        <v>1115877</v>
      </c>
    </row>
    <row r="32" spans="2:233" s="137" customFormat="1" ht="21" customHeight="1" x14ac:dyDescent="0.2">
      <c r="B32" s="173" t="s">
        <v>29</v>
      </c>
      <c r="C32" s="77">
        <v>0</v>
      </c>
      <c r="D32" s="78">
        <v>0</v>
      </c>
      <c r="E32" s="79">
        <v>0</v>
      </c>
      <c r="F32" s="80">
        <v>0</v>
      </c>
      <c r="G32" s="78">
        <v>23055</v>
      </c>
      <c r="H32" s="78">
        <v>95590</v>
      </c>
      <c r="I32" s="78">
        <v>244195</v>
      </c>
      <c r="J32" s="78">
        <v>394545</v>
      </c>
      <c r="K32" s="78">
        <v>209100</v>
      </c>
      <c r="L32" s="81">
        <v>966485</v>
      </c>
      <c r="M32" s="82">
        <v>966485</v>
      </c>
      <c r="N32" s="77">
        <v>0</v>
      </c>
      <c r="O32" s="78">
        <v>0</v>
      </c>
      <c r="P32" s="79">
        <v>0</v>
      </c>
      <c r="Q32" s="436">
        <v>0</v>
      </c>
      <c r="R32" s="78">
        <v>0</v>
      </c>
      <c r="S32" s="78">
        <v>33205</v>
      </c>
      <c r="T32" s="78">
        <v>163560</v>
      </c>
      <c r="U32" s="78">
        <v>178930</v>
      </c>
      <c r="V32" s="78">
        <v>174145</v>
      </c>
      <c r="W32" s="81">
        <v>549840</v>
      </c>
      <c r="X32" s="82">
        <v>549840</v>
      </c>
      <c r="Y32" s="77">
        <v>0</v>
      </c>
      <c r="Z32" s="78">
        <v>0</v>
      </c>
      <c r="AA32" s="79">
        <v>0</v>
      </c>
      <c r="AB32" s="436">
        <v>0</v>
      </c>
      <c r="AC32" s="78">
        <v>23055</v>
      </c>
      <c r="AD32" s="78">
        <v>56115</v>
      </c>
      <c r="AE32" s="78">
        <v>35525</v>
      </c>
      <c r="AF32" s="78">
        <v>104400</v>
      </c>
      <c r="AG32" s="78">
        <v>30595</v>
      </c>
      <c r="AH32" s="81">
        <v>249690</v>
      </c>
      <c r="AI32" s="82">
        <v>249690</v>
      </c>
      <c r="AJ32" s="77">
        <v>0</v>
      </c>
      <c r="AK32" s="78">
        <v>0</v>
      </c>
      <c r="AL32" s="79">
        <v>0</v>
      </c>
      <c r="AM32" s="436"/>
      <c r="AN32" s="78">
        <v>0</v>
      </c>
      <c r="AO32" s="78">
        <v>0</v>
      </c>
      <c r="AP32" s="78">
        <v>0</v>
      </c>
      <c r="AQ32" s="78">
        <v>0</v>
      </c>
      <c r="AR32" s="78">
        <v>0</v>
      </c>
      <c r="AS32" s="81">
        <v>0</v>
      </c>
      <c r="AT32" s="82">
        <v>0</v>
      </c>
      <c r="AU32" s="77">
        <v>0</v>
      </c>
      <c r="AV32" s="78">
        <v>0</v>
      </c>
      <c r="AW32" s="79">
        <v>0</v>
      </c>
      <c r="AX32" s="436"/>
      <c r="AY32" s="78">
        <v>0</v>
      </c>
      <c r="AZ32" s="78">
        <v>0</v>
      </c>
      <c r="BA32" s="78">
        <v>0</v>
      </c>
      <c r="BB32" s="78">
        <v>0</v>
      </c>
      <c r="BC32" s="78">
        <v>0</v>
      </c>
      <c r="BD32" s="81">
        <v>0</v>
      </c>
      <c r="BE32" s="82">
        <v>0</v>
      </c>
      <c r="BF32" s="77">
        <v>0</v>
      </c>
      <c r="BG32" s="78">
        <v>0</v>
      </c>
      <c r="BH32" s="79">
        <v>0</v>
      </c>
      <c r="BI32" s="436">
        <v>0</v>
      </c>
      <c r="BJ32" s="78">
        <v>0</v>
      </c>
      <c r="BK32" s="78">
        <v>0</v>
      </c>
      <c r="BL32" s="78">
        <v>40455</v>
      </c>
      <c r="BM32" s="78">
        <v>86710</v>
      </c>
      <c r="BN32" s="78">
        <v>2465</v>
      </c>
      <c r="BO32" s="81">
        <v>129630</v>
      </c>
      <c r="BP32" s="82">
        <v>129630</v>
      </c>
      <c r="BQ32" s="77">
        <v>0</v>
      </c>
      <c r="BR32" s="78">
        <v>0</v>
      </c>
      <c r="BS32" s="79">
        <v>0</v>
      </c>
      <c r="BT32" s="80">
        <v>0</v>
      </c>
      <c r="BU32" s="78">
        <v>0</v>
      </c>
      <c r="BV32" s="78">
        <v>6270</v>
      </c>
      <c r="BW32" s="78">
        <v>4655</v>
      </c>
      <c r="BX32" s="78">
        <v>21970</v>
      </c>
      <c r="BY32" s="78">
        <v>1895</v>
      </c>
      <c r="BZ32" s="81">
        <v>34790</v>
      </c>
      <c r="CA32" s="82">
        <v>34790</v>
      </c>
      <c r="CB32" s="77">
        <v>0</v>
      </c>
      <c r="CC32" s="78">
        <v>0</v>
      </c>
      <c r="CD32" s="79">
        <v>0</v>
      </c>
      <c r="CE32" s="80">
        <v>0</v>
      </c>
      <c r="CF32" s="78">
        <v>0</v>
      </c>
      <c r="CG32" s="78">
        <v>0</v>
      </c>
      <c r="CH32" s="78">
        <v>0</v>
      </c>
      <c r="CI32" s="78">
        <v>2535</v>
      </c>
      <c r="CJ32" s="78">
        <v>0</v>
      </c>
      <c r="CK32" s="81">
        <v>2535</v>
      </c>
      <c r="CL32" s="82">
        <v>2535</v>
      </c>
      <c r="CM32" s="77">
        <v>0</v>
      </c>
      <c r="CN32" s="78">
        <v>0</v>
      </c>
      <c r="CO32" s="79">
        <v>0</v>
      </c>
      <c r="CP32" s="80">
        <v>0</v>
      </c>
      <c r="CQ32" s="78">
        <v>0</v>
      </c>
      <c r="CR32" s="78">
        <v>0</v>
      </c>
      <c r="CS32" s="78">
        <v>0</v>
      </c>
      <c r="CT32" s="78">
        <v>0</v>
      </c>
      <c r="CU32" s="78">
        <v>0</v>
      </c>
      <c r="CV32" s="81">
        <v>0</v>
      </c>
      <c r="CW32" s="82">
        <v>0</v>
      </c>
      <c r="CX32" s="77">
        <v>0</v>
      </c>
      <c r="CY32" s="78">
        <v>0</v>
      </c>
      <c r="CZ32" s="79">
        <v>0</v>
      </c>
      <c r="DA32" s="436"/>
      <c r="DB32" s="78">
        <v>0</v>
      </c>
      <c r="DC32" s="78">
        <v>0</v>
      </c>
      <c r="DD32" s="78">
        <v>0</v>
      </c>
      <c r="DE32" s="78">
        <v>0</v>
      </c>
      <c r="DF32" s="78">
        <v>0</v>
      </c>
      <c r="DG32" s="81">
        <v>0</v>
      </c>
      <c r="DH32" s="82">
        <v>0</v>
      </c>
      <c r="DI32" s="77">
        <v>0</v>
      </c>
      <c r="DJ32" s="78">
        <v>0</v>
      </c>
      <c r="DK32" s="79">
        <v>0</v>
      </c>
      <c r="DL32" s="80">
        <v>0</v>
      </c>
      <c r="DM32" s="78">
        <v>203</v>
      </c>
      <c r="DN32" s="78">
        <v>48247</v>
      </c>
      <c r="DO32" s="78">
        <v>225745</v>
      </c>
      <c r="DP32" s="78">
        <v>322945</v>
      </c>
      <c r="DQ32" s="78">
        <v>167570</v>
      </c>
      <c r="DR32" s="81">
        <v>764710</v>
      </c>
      <c r="DS32" s="83">
        <v>764710</v>
      </c>
      <c r="DT32" s="77">
        <v>0</v>
      </c>
      <c r="DU32" s="78">
        <v>0</v>
      </c>
      <c r="DV32" s="79">
        <v>0</v>
      </c>
      <c r="DW32" s="436">
        <v>0</v>
      </c>
      <c r="DX32" s="78">
        <v>0</v>
      </c>
      <c r="DY32" s="78">
        <v>24795</v>
      </c>
      <c r="DZ32" s="78">
        <v>104719</v>
      </c>
      <c r="EA32" s="78">
        <v>171593</v>
      </c>
      <c r="EB32" s="78">
        <v>155382</v>
      </c>
      <c r="EC32" s="81">
        <v>456489</v>
      </c>
      <c r="ED32" s="82">
        <v>456489</v>
      </c>
      <c r="EE32" s="77">
        <v>0</v>
      </c>
      <c r="EF32" s="78">
        <v>0</v>
      </c>
      <c r="EG32" s="79">
        <v>0</v>
      </c>
      <c r="EH32" s="436">
        <v>0</v>
      </c>
      <c r="EI32" s="78">
        <v>203</v>
      </c>
      <c r="EJ32" s="78">
        <v>10788</v>
      </c>
      <c r="EK32" s="78">
        <v>580</v>
      </c>
      <c r="EL32" s="78">
        <v>22649</v>
      </c>
      <c r="EM32" s="78">
        <v>203</v>
      </c>
      <c r="EN32" s="81">
        <v>34423</v>
      </c>
      <c r="EO32" s="82">
        <v>34423</v>
      </c>
      <c r="EP32" s="77">
        <v>0</v>
      </c>
      <c r="EQ32" s="78">
        <v>0</v>
      </c>
      <c r="ER32" s="79">
        <v>0</v>
      </c>
      <c r="ES32" s="436"/>
      <c r="ET32" s="78">
        <v>0</v>
      </c>
      <c r="EU32" s="78">
        <v>0</v>
      </c>
      <c r="EV32" s="78">
        <v>0</v>
      </c>
      <c r="EW32" s="78">
        <v>0</v>
      </c>
      <c r="EX32" s="78">
        <v>0</v>
      </c>
      <c r="EY32" s="81">
        <v>0</v>
      </c>
      <c r="EZ32" s="82">
        <v>0</v>
      </c>
      <c r="FA32" s="77">
        <v>0</v>
      </c>
      <c r="FB32" s="78">
        <v>0</v>
      </c>
      <c r="FC32" s="79">
        <v>0</v>
      </c>
      <c r="FD32" s="436">
        <v>0</v>
      </c>
      <c r="FE32" s="78">
        <v>0</v>
      </c>
      <c r="FF32" s="78">
        <v>0</v>
      </c>
      <c r="FG32" s="78">
        <v>0</v>
      </c>
      <c r="FH32" s="78">
        <v>0</v>
      </c>
      <c r="FI32" s="78">
        <v>0</v>
      </c>
      <c r="FJ32" s="81">
        <v>0</v>
      </c>
      <c r="FK32" s="82">
        <v>0</v>
      </c>
      <c r="FL32" s="77">
        <v>0</v>
      </c>
      <c r="FM32" s="78">
        <v>0</v>
      </c>
      <c r="FN32" s="79">
        <v>0</v>
      </c>
      <c r="FO32" s="436">
        <v>0</v>
      </c>
      <c r="FP32" s="78">
        <v>0</v>
      </c>
      <c r="FQ32" s="78">
        <v>0</v>
      </c>
      <c r="FR32" s="78">
        <v>115130</v>
      </c>
      <c r="FS32" s="78">
        <v>109156</v>
      </c>
      <c r="FT32" s="78">
        <v>10179</v>
      </c>
      <c r="FU32" s="81">
        <v>234465</v>
      </c>
      <c r="FV32" s="82">
        <v>234465</v>
      </c>
      <c r="FW32" s="77">
        <v>0</v>
      </c>
      <c r="FX32" s="78">
        <v>0</v>
      </c>
      <c r="FY32" s="79">
        <v>0</v>
      </c>
      <c r="FZ32" s="80">
        <v>0</v>
      </c>
      <c r="GA32" s="78">
        <v>0</v>
      </c>
      <c r="GB32" s="78">
        <v>12664</v>
      </c>
      <c r="GC32" s="78">
        <v>5316</v>
      </c>
      <c r="GD32" s="78">
        <v>19526</v>
      </c>
      <c r="GE32" s="78">
        <v>1806</v>
      </c>
      <c r="GF32" s="81">
        <v>39312</v>
      </c>
      <c r="GG32" s="82">
        <v>39312</v>
      </c>
      <c r="GH32" s="77">
        <v>0</v>
      </c>
      <c r="GI32" s="78">
        <v>0</v>
      </c>
      <c r="GJ32" s="79">
        <v>0</v>
      </c>
      <c r="GK32" s="80">
        <v>0</v>
      </c>
      <c r="GL32" s="78">
        <v>0</v>
      </c>
      <c r="GM32" s="78">
        <v>0</v>
      </c>
      <c r="GN32" s="78">
        <v>0</v>
      </c>
      <c r="GO32" s="78">
        <v>21</v>
      </c>
      <c r="GP32" s="78">
        <v>0</v>
      </c>
      <c r="GQ32" s="81">
        <v>21</v>
      </c>
      <c r="GR32" s="82">
        <v>21</v>
      </c>
      <c r="GS32" s="77">
        <v>0</v>
      </c>
      <c r="GT32" s="78">
        <v>0</v>
      </c>
      <c r="GU32" s="79">
        <v>0</v>
      </c>
      <c r="GV32" s="80">
        <v>0</v>
      </c>
      <c r="GW32" s="78">
        <v>0</v>
      </c>
      <c r="GX32" s="78">
        <v>0</v>
      </c>
      <c r="GY32" s="78">
        <v>0</v>
      </c>
      <c r="GZ32" s="78">
        <v>0</v>
      </c>
      <c r="HA32" s="78">
        <v>0</v>
      </c>
      <c r="HB32" s="81">
        <v>0</v>
      </c>
      <c r="HC32" s="82">
        <v>0</v>
      </c>
      <c r="HD32" s="77">
        <v>0</v>
      </c>
      <c r="HE32" s="78">
        <v>0</v>
      </c>
      <c r="HF32" s="79">
        <v>0</v>
      </c>
      <c r="HG32" s="436"/>
      <c r="HH32" s="78">
        <v>0</v>
      </c>
      <c r="HI32" s="78">
        <v>0</v>
      </c>
      <c r="HJ32" s="78">
        <v>0</v>
      </c>
      <c r="HK32" s="78">
        <v>0</v>
      </c>
      <c r="HL32" s="78">
        <v>0</v>
      </c>
      <c r="HM32" s="81">
        <v>0</v>
      </c>
      <c r="HN32" s="82">
        <v>0</v>
      </c>
      <c r="HO32" s="77">
        <v>0</v>
      </c>
      <c r="HP32" s="78">
        <v>0</v>
      </c>
      <c r="HQ32" s="79">
        <v>0</v>
      </c>
      <c r="HR32" s="80">
        <v>0</v>
      </c>
      <c r="HS32" s="78">
        <v>23258</v>
      </c>
      <c r="HT32" s="78">
        <v>143837</v>
      </c>
      <c r="HU32" s="78">
        <v>469940</v>
      </c>
      <c r="HV32" s="78">
        <v>717490</v>
      </c>
      <c r="HW32" s="78">
        <v>376670</v>
      </c>
      <c r="HX32" s="81">
        <v>1731195</v>
      </c>
      <c r="HY32" s="82">
        <v>1731195</v>
      </c>
    </row>
    <row r="33" spans="2:233" s="137" customFormat="1" ht="21" customHeight="1" x14ac:dyDescent="0.2">
      <c r="B33" s="173" t="s">
        <v>30</v>
      </c>
      <c r="C33" s="77">
        <v>0</v>
      </c>
      <c r="D33" s="78">
        <v>0</v>
      </c>
      <c r="E33" s="79">
        <v>0</v>
      </c>
      <c r="F33" s="80">
        <v>0</v>
      </c>
      <c r="G33" s="78">
        <v>81975</v>
      </c>
      <c r="H33" s="78">
        <v>36645</v>
      </c>
      <c r="I33" s="78">
        <v>160235</v>
      </c>
      <c r="J33" s="78">
        <v>310550</v>
      </c>
      <c r="K33" s="78">
        <v>170510</v>
      </c>
      <c r="L33" s="81">
        <v>759915</v>
      </c>
      <c r="M33" s="82">
        <v>759915</v>
      </c>
      <c r="N33" s="77">
        <v>0</v>
      </c>
      <c r="O33" s="78">
        <v>0</v>
      </c>
      <c r="P33" s="79">
        <v>0</v>
      </c>
      <c r="Q33" s="436">
        <v>0</v>
      </c>
      <c r="R33" s="78">
        <v>0</v>
      </c>
      <c r="S33" s="78">
        <v>25520</v>
      </c>
      <c r="T33" s="78">
        <v>121795</v>
      </c>
      <c r="U33" s="78">
        <v>286900</v>
      </c>
      <c r="V33" s="78">
        <v>130790</v>
      </c>
      <c r="W33" s="81">
        <v>565005</v>
      </c>
      <c r="X33" s="82">
        <v>565005</v>
      </c>
      <c r="Y33" s="77">
        <v>0</v>
      </c>
      <c r="Z33" s="78">
        <v>0</v>
      </c>
      <c r="AA33" s="79">
        <v>0</v>
      </c>
      <c r="AB33" s="436">
        <v>0</v>
      </c>
      <c r="AC33" s="78">
        <v>81975</v>
      </c>
      <c r="AD33" s="78">
        <v>7395</v>
      </c>
      <c r="AE33" s="78">
        <v>30595</v>
      </c>
      <c r="AF33" s="78">
        <v>23650</v>
      </c>
      <c r="AG33" s="78">
        <v>4930</v>
      </c>
      <c r="AH33" s="81">
        <v>148545</v>
      </c>
      <c r="AI33" s="82">
        <v>148545</v>
      </c>
      <c r="AJ33" s="77">
        <v>0</v>
      </c>
      <c r="AK33" s="78">
        <v>0</v>
      </c>
      <c r="AL33" s="79">
        <v>0</v>
      </c>
      <c r="AM33" s="436"/>
      <c r="AN33" s="78">
        <v>0</v>
      </c>
      <c r="AO33" s="78">
        <v>0</v>
      </c>
      <c r="AP33" s="78">
        <v>0</v>
      </c>
      <c r="AQ33" s="78">
        <v>0</v>
      </c>
      <c r="AR33" s="78">
        <v>0</v>
      </c>
      <c r="AS33" s="81">
        <v>0</v>
      </c>
      <c r="AT33" s="82">
        <v>0</v>
      </c>
      <c r="AU33" s="77">
        <v>0</v>
      </c>
      <c r="AV33" s="78">
        <v>0</v>
      </c>
      <c r="AW33" s="79">
        <v>0</v>
      </c>
      <c r="AX33" s="436"/>
      <c r="AY33" s="78">
        <v>0</v>
      </c>
      <c r="AZ33" s="78">
        <v>0</v>
      </c>
      <c r="BA33" s="78">
        <v>0</v>
      </c>
      <c r="BB33" s="78">
        <v>0</v>
      </c>
      <c r="BC33" s="78">
        <v>33205</v>
      </c>
      <c r="BD33" s="81">
        <v>33205</v>
      </c>
      <c r="BE33" s="82">
        <v>33205</v>
      </c>
      <c r="BF33" s="77">
        <v>0</v>
      </c>
      <c r="BG33" s="78">
        <v>0</v>
      </c>
      <c r="BH33" s="79">
        <v>0</v>
      </c>
      <c r="BI33" s="436">
        <v>0</v>
      </c>
      <c r="BJ33" s="78">
        <v>0</v>
      </c>
      <c r="BK33" s="78">
        <v>0</v>
      </c>
      <c r="BL33" s="78">
        <v>0</v>
      </c>
      <c r="BM33" s="78">
        <v>0</v>
      </c>
      <c r="BN33" s="78">
        <v>0</v>
      </c>
      <c r="BO33" s="81">
        <v>0</v>
      </c>
      <c r="BP33" s="82">
        <v>0</v>
      </c>
      <c r="BQ33" s="77">
        <v>0</v>
      </c>
      <c r="BR33" s="78">
        <v>0</v>
      </c>
      <c r="BS33" s="79">
        <v>0</v>
      </c>
      <c r="BT33" s="80">
        <v>0</v>
      </c>
      <c r="BU33" s="78">
        <v>0</v>
      </c>
      <c r="BV33" s="78">
        <v>3730</v>
      </c>
      <c r="BW33" s="78">
        <v>7845</v>
      </c>
      <c r="BX33" s="78">
        <v>0</v>
      </c>
      <c r="BY33" s="78">
        <v>1585</v>
      </c>
      <c r="BZ33" s="81">
        <v>13160</v>
      </c>
      <c r="CA33" s="82">
        <v>13160</v>
      </c>
      <c r="CB33" s="77">
        <v>0</v>
      </c>
      <c r="CC33" s="78">
        <v>0</v>
      </c>
      <c r="CD33" s="79">
        <v>0</v>
      </c>
      <c r="CE33" s="80">
        <v>0</v>
      </c>
      <c r="CF33" s="78">
        <v>0</v>
      </c>
      <c r="CG33" s="78">
        <v>0</v>
      </c>
      <c r="CH33" s="78">
        <v>0</v>
      </c>
      <c r="CI33" s="78">
        <v>0</v>
      </c>
      <c r="CJ33" s="78">
        <v>0</v>
      </c>
      <c r="CK33" s="81">
        <v>0</v>
      </c>
      <c r="CL33" s="82">
        <v>0</v>
      </c>
      <c r="CM33" s="77">
        <v>0</v>
      </c>
      <c r="CN33" s="78">
        <v>0</v>
      </c>
      <c r="CO33" s="79">
        <v>0</v>
      </c>
      <c r="CP33" s="80">
        <v>0</v>
      </c>
      <c r="CQ33" s="78">
        <v>0</v>
      </c>
      <c r="CR33" s="78">
        <v>0</v>
      </c>
      <c r="CS33" s="78">
        <v>0</v>
      </c>
      <c r="CT33" s="78">
        <v>0</v>
      </c>
      <c r="CU33" s="78">
        <v>0</v>
      </c>
      <c r="CV33" s="81">
        <v>0</v>
      </c>
      <c r="CW33" s="82">
        <v>0</v>
      </c>
      <c r="CX33" s="77">
        <v>0</v>
      </c>
      <c r="CY33" s="78">
        <v>0</v>
      </c>
      <c r="CZ33" s="79">
        <v>0</v>
      </c>
      <c r="DA33" s="436"/>
      <c r="DB33" s="78">
        <v>0</v>
      </c>
      <c r="DC33" s="78">
        <v>0</v>
      </c>
      <c r="DD33" s="78">
        <v>0</v>
      </c>
      <c r="DE33" s="78">
        <v>0</v>
      </c>
      <c r="DF33" s="78">
        <v>0</v>
      </c>
      <c r="DG33" s="81">
        <v>0</v>
      </c>
      <c r="DH33" s="82">
        <v>0</v>
      </c>
      <c r="DI33" s="77">
        <v>0</v>
      </c>
      <c r="DJ33" s="78">
        <v>0</v>
      </c>
      <c r="DK33" s="79">
        <v>0</v>
      </c>
      <c r="DL33" s="80">
        <v>0</v>
      </c>
      <c r="DM33" s="78">
        <v>34190</v>
      </c>
      <c r="DN33" s="78">
        <v>60690</v>
      </c>
      <c r="DO33" s="78">
        <v>249774</v>
      </c>
      <c r="DP33" s="78">
        <v>377368</v>
      </c>
      <c r="DQ33" s="78">
        <v>146033</v>
      </c>
      <c r="DR33" s="81">
        <v>868055</v>
      </c>
      <c r="DS33" s="83">
        <v>868055</v>
      </c>
      <c r="DT33" s="77">
        <v>0</v>
      </c>
      <c r="DU33" s="78">
        <v>0</v>
      </c>
      <c r="DV33" s="79">
        <v>0</v>
      </c>
      <c r="DW33" s="436">
        <v>0</v>
      </c>
      <c r="DX33" s="78">
        <v>0</v>
      </c>
      <c r="DY33" s="78">
        <v>34249</v>
      </c>
      <c r="DZ33" s="78">
        <v>216717</v>
      </c>
      <c r="EA33" s="78">
        <v>377116</v>
      </c>
      <c r="EB33" s="78">
        <v>132269</v>
      </c>
      <c r="EC33" s="81">
        <v>760351</v>
      </c>
      <c r="ED33" s="82">
        <v>760351</v>
      </c>
      <c r="EE33" s="77">
        <v>0</v>
      </c>
      <c r="EF33" s="78">
        <v>0</v>
      </c>
      <c r="EG33" s="79">
        <v>0</v>
      </c>
      <c r="EH33" s="436">
        <v>0</v>
      </c>
      <c r="EI33" s="78">
        <v>34190</v>
      </c>
      <c r="EJ33" s="78">
        <v>20155</v>
      </c>
      <c r="EK33" s="78">
        <v>203</v>
      </c>
      <c r="EL33" s="78">
        <v>252</v>
      </c>
      <c r="EM33" s="78">
        <v>406</v>
      </c>
      <c r="EN33" s="81">
        <v>55206</v>
      </c>
      <c r="EO33" s="82">
        <v>55206</v>
      </c>
      <c r="EP33" s="77">
        <v>0</v>
      </c>
      <c r="EQ33" s="78">
        <v>0</v>
      </c>
      <c r="ER33" s="79">
        <v>0</v>
      </c>
      <c r="ES33" s="436"/>
      <c r="ET33" s="78">
        <v>0</v>
      </c>
      <c r="EU33" s="78">
        <v>0</v>
      </c>
      <c r="EV33" s="78">
        <v>0</v>
      </c>
      <c r="EW33" s="78">
        <v>0</v>
      </c>
      <c r="EX33" s="78">
        <v>0</v>
      </c>
      <c r="EY33" s="81">
        <v>0</v>
      </c>
      <c r="EZ33" s="82">
        <v>0</v>
      </c>
      <c r="FA33" s="77">
        <v>0</v>
      </c>
      <c r="FB33" s="78">
        <v>0</v>
      </c>
      <c r="FC33" s="79">
        <v>0</v>
      </c>
      <c r="FD33" s="436">
        <v>0</v>
      </c>
      <c r="FE33" s="78">
        <v>0</v>
      </c>
      <c r="FF33" s="78">
        <v>0</v>
      </c>
      <c r="FG33" s="78">
        <v>0</v>
      </c>
      <c r="FH33" s="78">
        <v>0</v>
      </c>
      <c r="FI33" s="78">
        <v>10933</v>
      </c>
      <c r="FJ33" s="81">
        <v>10933</v>
      </c>
      <c r="FK33" s="82">
        <v>10933</v>
      </c>
      <c r="FL33" s="77">
        <v>0</v>
      </c>
      <c r="FM33" s="78">
        <v>0</v>
      </c>
      <c r="FN33" s="79">
        <v>0</v>
      </c>
      <c r="FO33" s="436">
        <v>0</v>
      </c>
      <c r="FP33" s="78">
        <v>0</v>
      </c>
      <c r="FQ33" s="78">
        <v>0</v>
      </c>
      <c r="FR33" s="78">
        <v>0</v>
      </c>
      <c r="FS33" s="78">
        <v>0</v>
      </c>
      <c r="FT33" s="78">
        <v>0</v>
      </c>
      <c r="FU33" s="81">
        <v>0</v>
      </c>
      <c r="FV33" s="82">
        <v>0</v>
      </c>
      <c r="FW33" s="77">
        <v>0</v>
      </c>
      <c r="FX33" s="78">
        <v>0</v>
      </c>
      <c r="FY33" s="79">
        <v>0</v>
      </c>
      <c r="FZ33" s="80">
        <v>0</v>
      </c>
      <c r="GA33" s="78">
        <v>0</v>
      </c>
      <c r="GB33" s="78">
        <v>6286</v>
      </c>
      <c r="GC33" s="78">
        <v>32854</v>
      </c>
      <c r="GD33" s="78">
        <v>0</v>
      </c>
      <c r="GE33" s="78">
        <v>2425</v>
      </c>
      <c r="GF33" s="81">
        <v>41565</v>
      </c>
      <c r="GG33" s="82">
        <v>41565</v>
      </c>
      <c r="GH33" s="77">
        <v>0</v>
      </c>
      <c r="GI33" s="78">
        <v>0</v>
      </c>
      <c r="GJ33" s="79">
        <v>0</v>
      </c>
      <c r="GK33" s="80">
        <v>0</v>
      </c>
      <c r="GL33" s="78">
        <v>0</v>
      </c>
      <c r="GM33" s="78">
        <v>0</v>
      </c>
      <c r="GN33" s="78">
        <v>0</v>
      </c>
      <c r="GO33" s="78">
        <v>0</v>
      </c>
      <c r="GP33" s="78">
        <v>0</v>
      </c>
      <c r="GQ33" s="81">
        <v>0</v>
      </c>
      <c r="GR33" s="82">
        <v>0</v>
      </c>
      <c r="GS33" s="77">
        <v>0</v>
      </c>
      <c r="GT33" s="78">
        <v>0</v>
      </c>
      <c r="GU33" s="79">
        <v>0</v>
      </c>
      <c r="GV33" s="80">
        <v>0</v>
      </c>
      <c r="GW33" s="78">
        <v>0</v>
      </c>
      <c r="GX33" s="78">
        <v>0</v>
      </c>
      <c r="GY33" s="78">
        <v>0</v>
      </c>
      <c r="GZ33" s="78">
        <v>0</v>
      </c>
      <c r="HA33" s="78">
        <v>0</v>
      </c>
      <c r="HB33" s="81">
        <v>0</v>
      </c>
      <c r="HC33" s="82">
        <v>0</v>
      </c>
      <c r="HD33" s="77">
        <v>0</v>
      </c>
      <c r="HE33" s="78">
        <v>0</v>
      </c>
      <c r="HF33" s="79">
        <v>0</v>
      </c>
      <c r="HG33" s="436"/>
      <c r="HH33" s="78">
        <v>0</v>
      </c>
      <c r="HI33" s="78">
        <v>0</v>
      </c>
      <c r="HJ33" s="78">
        <v>0</v>
      </c>
      <c r="HK33" s="78">
        <v>0</v>
      </c>
      <c r="HL33" s="78">
        <v>0</v>
      </c>
      <c r="HM33" s="81">
        <v>0</v>
      </c>
      <c r="HN33" s="82">
        <v>0</v>
      </c>
      <c r="HO33" s="77">
        <v>0</v>
      </c>
      <c r="HP33" s="78">
        <v>0</v>
      </c>
      <c r="HQ33" s="79">
        <v>0</v>
      </c>
      <c r="HR33" s="80">
        <v>0</v>
      </c>
      <c r="HS33" s="78">
        <v>116165</v>
      </c>
      <c r="HT33" s="78">
        <v>97335</v>
      </c>
      <c r="HU33" s="78">
        <v>410009</v>
      </c>
      <c r="HV33" s="78">
        <v>687918</v>
      </c>
      <c r="HW33" s="78">
        <v>316543</v>
      </c>
      <c r="HX33" s="81">
        <v>1627970</v>
      </c>
      <c r="HY33" s="82">
        <v>1627970</v>
      </c>
    </row>
    <row r="34" spans="2:233" s="137" customFormat="1" ht="21" customHeight="1" x14ac:dyDescent="0.2">
      <c r="B34" s="173" t="s">
        <v>31</v>
      </c>
      <c r="C34" s="77">
        <v>0</v>
      </c>
      <c r="D34" s="78">
        <v>0</v>
      </c>
      <c r="E34" s="79">
        <v>0</v>
      </c>
      <c r="F34" s="80">
        <v>0</v>
      </c>
      <c r="G34" s="78">
        <v>67270</v>
      </c>
      <c r="H34" s="78">
        <v>120350</v>
      </c>
      <c r="I34" s="78">
        <v>178351</v>
      </c>
      <c r="J34" s="78">
        <v>224470</v>
      </c>
      <c r="K34" s="78">
        <v>156615</v>
      </c>
      <c r="L34" s="81">
        <v>747056</v>
      </c>
      <c r="M34" s="82">
        <v>747056</v>
      </c>
      <c r="N34" s="77">
        <v>0</v>
      </c>
      <c r="O34" s="78">
        <v>0</v>
      </c>
      <c r="P34" s="79">
        <v>0</v>
      </c>
      <c r="Q34" s="436">
        <v>0</v>
      </c>
      <c r="R34" s="78">
        <v>25520</v>
      </c>
      <c r="S34" s="78">
        <v>53650</v>
      </c>
      <c r="T34" s="78">
        <v>157301</v>
      </c>
      <c r="U34" s="78">
        <v>111445</v>
      </c>
      <c r="V34" s="78">
        <v>123555</v>
      </c>
      <c r="W34" s="81">
        <v>471471</v>
      </c>
      <c r="X34" s="82">
        <v>471471</v>
      </c>
      <c r="Y34" s="77">
        <v>0</v>
      </c>
      <c r="Z34" s="78">
        <v>0</v>
      </c>
      <c r="AA34" s="79">
        <v>0</v>
      </c>
      <c r="AB34" s="436">
        <v>0</v>
      </c>
      <c r="AC34" s="78">
        <v>2465</v>
      </c>
      <c r="AD34" s="78">
        <v>48575</v>
      </c>
      <c r="AE34" s="78">
        <v>12495</v>
      </c>
      <c r="AF34" s="78">
        <v>91785</v>
      </c>
      <c r="AG34" s="78">
        <v>2465</v>
      </c>
      <c r="AH34" s="81">
        <v>157785</v>
      </c>
      <c r="AI34" s="82">
        <v>157785</v>
      </c>
      <c r="AJ34" s="77">
        <v>0</v>
      </c>
      <c r="AK34" s="78">
        <v>0</v>
      </c>
      <c r="AL34" s="79">
        <v>0</v>
      </c>
      <c r="AM34" s="436"/>
      <c r="AN34" s="78">
        <v>0</v>
      </c>
      <c r="AO34" s="78">
        <v>0</v>
      </c>
      <c r="AP34" s="78">
        <v>0</v>
      </c>
      <c r="AQ34" s="78">
        <v>0</v>
      </c>
      <c r="AR34" s="78">
        <v>0</v>
      </c>
      <c r="AS34" s="81">
        <v>0</v>
      </c>
      <c r="AT34" s="82">
        <v>0</v>
      </c>
      <c r="AU34" s="77">
        <v>0</v>
      </c>
      <c r="AV34" s="78">
        <v>0</v>
      </c>
      <c r="AW34" s="79">
        <v>0</v>
      </c>
      <c r="AX34" s="436"/>
      <c r="AY34" s="78">
        <v>30595</v>
      </c>
      <c r="AZ34" s="78">
        <v>0</v>
      </c>
      <c r="BA34" s="78">
        <v>0</v>
      </c>
      <c r="BB34" s="78">
        <v>0</v>
      </c>
      <c r="BC34" s="78">
        <v>30595</v>
      </c>
      <c r="BD34" s="81">
        <v>61190</v>
      </c>
      <c r="BE34" s="82">
        <v>61190</v>
      </c>
      <c r="BF34" s="77">
        <v>0</v>
      </c>
      <c r="BG34" s="78">
        <v>0</v>
      </c>
      <c r="BH34" s="79">
        <v>0</v>
      </c>
      <c r="BI34" s="436">
        <v>0</v>
      </c>
      <c r="BJ34" s="78">
        <v>0</v>
      </c>
      <c r="BK34" s="78">
        <v>0</v>
      </c>
      <c r="BL34" s="78">
        <v>0</v>
      </c>
      <c r="BM34" s="78">
        <v>0</v>
      </c>
      <c r="BN34" s="78">
        <v>0</v>
      </c>
      <c r="BO34" s="81">
        <v>0</v>
      </c>
      <c r="BP34" s="82">
        <v>0</v>
      </c>
      <c r="BQ34" s="77">
        <v>0</v>
      </c>
      <c r="BR34" s="78">
        <v>0</v>
      </c>
      <c r="BS34" s="79">
        <v>0</v>
      </c>
      <c r="BT34" s="80">
        <v>0</v>
      </c>
      <c r="BU34" s="78">
        <v>8690</v>
      </c>
      <c r="BV34" s="78">
        <v>18125</v>
      </c>
      <c r="BW34" s="78">
        <v>8555</v>
      </c>
      <c r="BX34" s="78">
        <v>21240</v>
      </c>
      <c r="BY34" s="78">
        <v>0</v>
      </c>
      <c r="BZ34" s="81">
        <v>56610</v>
      </c>
      <c r="CA34" s="82">
        <v>56610</v>
      </c>
      <c r="CB34" s="77">
        <v>0</v>
      </c>
      <c r="CC34" s="78">
        <v>0</v>
      </c>
      <c r="CD34" s="79">
        <v>0</v>
      </c>
      <c r="CE34" s="80">
        <v>0</v>
      </c>
      <c r="CF34" s="78">
        <v>0</v>
      </c>
      <c r="CG34" s="78">
        <v>0</v>
      </c>
      <c r="CH34" s="78">
        <v>0</v>
      </c>
      <c r="CI34" s="78">
        <v>0</v>
      </c>
      <c r="CJ34" s="78">
        <v>0</v>
      </c>
      <c r="CK34" s="81">
        <v>0</v>
      </c>
      <c r="CL34" s="82">
        <v>0</v>
      </c>
      <c r="CM34" s="77">
        <v>0</v>
      </c>
      <c r="CN34" s="78">
        <v>0</v>
      </c>
      <c r="CO34" s="79">
        <v>0</v>
      </c>
      <c r="CP34" s="80">
        <v>0</v>
      </c>
      <c r="CQ34" s="78">
        <v>0</v>
      </c>
      <c r="CR34" s="78">
        <v>0</v>
      </c>
      <c r="CS34" s="78">
        <v>0</v>
      </c>
      <c r="CT34" s="78">
        <v>0</v>
      </c>
      <c r="CU34" s="78">
        <v>0</v>
      </c>
      <c r="CV34" s="81">
        <v>0</v>
      </c>
      <c r="CW34" s="82">
        <v>0</v>
      </c>
      <c r="CX34" s="77">
        <v>0</v>
      </c>
      <c r="CY34" s="78">
        <v>0</v>
      </c>
      <c r="CZ34" s="79">
        <v>0</v>
      </c>
      <c r="DA34" s="436"/>
      <c r="DB34" s="78">
        <v>0</v>
      </c>
      <c r="DC34" s="78">
        <v>0</v>
      </c>
      <c r="DD34" s="78">
        <v>0</v>
      </c>
      <c r="DE34" s="78">
        <v>0</v>
      </c>
      <c r="DF34" s="78">
        <v>0</v>
      </c>
      <c r="DG34" s="81">
        <v>0</v>
      </c>
      <c r="DH34" s="82">
        <v>0</v>
      </c>
      <c r="DI34" s="77">
        <v>0</v>
      </c>
      <c r="DJ34" s="78">
        <v>0</v>
      </c>
      <c r="DK34" s="79">
        <v>0</v>
      </c>
      <c r="DL34" s="80">
        <v>0</v>
      </c>
      <c r="DM34" s="78">
        <v>42771</v>
      </c>
      <c r="DN34" s="78">
        <v>58745</v>
      </c>
      <c r="DO34" s="78">
        <v>207731</v>
      </c>
      <c r="DP34" s="78">
        <v>247272</v>
      </c>
      <c r="DQ34" s="78">
        <v>211495</v>
      </c>
      <c r="DR34" s="81">
        <v>768014</v>
      </c>
      <c r="DS34" s="83">
        <v>768014</v>
      </c>
      <c r="DT34" s="77">
        <v>0</v>
      </c>
      <c r="DU34" s="78">
        <v>0</v>
      </c>
      <c r="DV34" s="79">
        <v>0</v>
      </c>
      <c r="DW34" s="436">
        <v>0</v>
      </c>
      <c r="DX34" s="78">
        <v>34249</v>
      </c>
      <c r="DY34" s="78">
        <v>28130</v>
      </c>
      <c r="DZ34" s="78">
        <v>179331</v>
      </c>
      <c r="EA34" s="78">
        <v>219574</v>
      </c>
      <c r="EB34" s="78">
        <v>211089</v>
      </c>
      <c r="EC34" s="81">
        <v>672373</v>
      </c>
      <c r="ED34" s="82">
        <v>672373</v>
      </c>
      <c r="EE34" s="77">
        <v>0</v>
      </c>
      <c r="EF34" s="78">
        <v>0</v>
      </c>
      <c r="EG34" s="79">
        <v>0</v>
      </c>
      <c r="EH34" s="436">
        <v>0</v>
      </c>
      <c r="EI34" s="78">
        <v>203</v>
      </c>
      <c r="EJ34" s="78">
        <v>551</v>
      </c>
      <c r="EK34" s="78">
        <v>1029</v>
      </c>
      <c r="EL34" s="78">
        <v>609</v>
      </c>
      <c r="EM34" s="78">
        <v>203</v>
      </c>
      <c r="EN34" s="81">
        <v>2595</v>
      </c>
      <c r="EO34" s="82">
        <v>2595</v>
      </c>
      <c r="EP34" s="77">
        <v>0</v>
      </c>
      <c r="EQ34" s="78">
        <v>0</v>
      </c>
      <c r="ER34" s="79">
        <v>0</v>
      </c>
      <c r="ES34" s="436"/>
      <c r="ET34" s="78">
        <v>0</v>
      </c>
      <c r="EU34" s="78">
        <v>0</v>
      </c>
      <c r="EV34" s="78">
        <v>0</v>
      </c>
      <c r="EW34" s="78">
        <v>0</v>
      </c>
      <c r="EX34" s="78">
        <v>0</v>
      </c>
      <c r="EY34" s="81">
        <v>0</v>
      </c>
      <c r="EZ34" s="82">
        <v>0</v>
      </c>
      <c r="FA34" s="77">
        <v>0</v>
      </c>
      <c r="FB34" s="78">
        <v>0</v>
      </c>
      <c r="FC34" s="79">
        <v>0</v>
      </c>
      <c r="FD34" s="436">
        <v>0</v>
      </c>
      <c r="FE34" s="78">
        <v>203</v>
      </c>
      <c r="FF34" s="78">
        <v>0</v>
      </c>
      <c r="FG34" s="78">
        <v>0</v>
      </c>
      <c r="FH34" s="78">
        <v>0</v>
      </c>
      <c r="FI34" s="78">
        <v>203</v>
      </c>
      <c r="FJ34" s="81">
        <v>406</v>
      </c>
      <c r="FK34" s="82">
        <v>406</v>
      </c>
      <c r="FL34" s="77">
        <v>0</v>
      </c>
      <c r="FM34" s="78">
        <v>0</v>
      </c>
      <c r="FN34" s="79">
        <v>0</v>
      </c>
      <c r="FO34" s="436">
        <v>0</v>
      </c>
      <c r="FP34" s="78">
        <v>0</v>
      </c>
      <c r="FQ34" s="78">
        <v>0</v>
      </c>
      <c r="FR34" s="78">
        <v>0</v>
      </c>
      <c r="FS34" s="78">
        <v>0</v>
      </c>
      <c r="FT34" s="78">
        <v>0</v>
      </c>
      <c r="FU34" s="81">
        <v>0</v>
      </c>
      <c r="FV34" s="82">
        <v>0</v>
      </c>
      <c r="FW34" s="77">
        <v>0</v>
      </c>
      <c r="FX34" s="78">
        <v>0</v>
      </c>
      <c r="FY34" s="79">
        <v>0</v>
      </c>
      <c r="FZ34" s="80">
        <v>0</v>
      </c>
      <c r="GA34" s="78">
        <v>8116</v>
      </c>
      <c r="GB34" s="78">
        <v>30064</v>
      </c>
      <c r="GC34" s="78">
        <v>27371</v>
      </c>
      <c r="GD34" s="78">
        <v>27089</v>
      </c>
      <c r="GE34" s="78">
        <v>0</v>
      </c>
      <c r="GF34" s="81">
        <v>92640</v>
      </c>
      <c r="GG34" s="82">
        <v>92640</v>
      </c>
      <c r="GH34" s="77">
        <v>0</v>
      </c>
      <c r="GI34" s="78">
        <v>0</v>
      </c>
      <c r="GJ34" s="79">
        <v>0</v>
      </c>
      <c r="GK34" s="80">
        <v>0</v>
      </c>
      <c r="GL34" s="78">
        <v>0</v>
      </c>
      <c r="GM34" s="78">
        <v>0</v>
      </c>
      <c r="GN34" s="78">
        <v>0</v>
      </c>
      <c r="GO34" s="78">
        <v>0</v>
      </c>
      <c r="GP34" s="78">
        <v>0</v>
      </c>
      <c r="GQ34" s="81">
        <v>0</v>
      </c>
      <c r="GR34" s="82">
        <v>0</v>
      </c>
      <c r="GS34" s="77">
        <v>0</v>
      </c>
      <c r="GT34" s="78">
        <v>0</v>
      </c>
      <c r="GU34" s="79">
        <v>0</v>
      </c>
      <c r="GV34" s="80">
        <v>0</v>
      </c>
      <c r="GW34" s="78">
        <v>0</v>
      </c>
      <c r="GX34" s="78">
        <v>0</v>
      </c>
      <c r="GY34" s="78">
        <v>0</v>
      </c>
      <c r="GZ34" s="78">
        <v>0</v>
      </c>
      <c r="HA34" s="78">
        <v>0</v>
      </c>
      <c r="HB34" s="81">
        <v>0</v>
      </c>
      <c r="HC34" s="82">
        <v>0</v>
      </c>
      <c r="HD34" s="77">
        <v>0</v>
      </c>
      <c r="HE34" s="78">
        <v>0</v>
      </c>
      <c r="HF34" s="79">
        <v>0</v>
      </c>
      <c r="HG34" s="436"/>
      <c r="HH34" s="78">
        <v>0</v>
      </c>
      <c r="HI34" s="78">
        <v>0</v>
      </c>
      <c r="HJ34" s="78">
        <v>0</v>
      </c>
      <c r="HK34" s="78">
        <v>0</v>
      </c>
      <c r="HL34" s="78">
        <v>0</v>
      </c>
      <c r="HM34" s="81">
        <v>0</v>
      </c>
      <c r="HN34" s="82">
        <v>0</v>
      </c>
      <c r="HO34" s="77">
        <v>0</v>
      </c>
      <c r="HP34" s="78">
        <v>0</v>
      </c>
      <c r="HQ34" s="79">
        <v>0</v>
      </c>
      <c r="HR34" s="80">
        <v>0</v>
      </c>
      <c r="HS34" s="78">
        <v>110041</v>
      </c>
      <c r="HT34" s="78">
        <v>179095</v>
      </c>
      <c r="HU34" s="78">
        <v>386082</v>
      </c>
      <c r="HV34" s="78">
        <v>471742</v>
      </c>
      <c r="HW34" s="78">
        <v>368110</v>
      </c>
      <c r="HX34" s="81">
        <v>1515070</v>
      </c>
      <c r="HY34" s="82">
        <v>1515070</v>
      </c>
    </row>
    <row r="35" spans="2:233" s="137" customFormat="1" ht="21" customHeight="1" x14ac:dyDescent="0.2">
      <c r="B35" s="173" t="s">
        <v>32</v>
      </c>
      <c r="C35" s="77">
        <v>0</v>
      </c>
      <c r="D35" s="78">
        <v>0</v>
      </c>
      <c r="E35" s="79">
        <v>0</v>
      </c>
      <c r="F35" s="80">
        <v>0</v>
      </c>
      <c r="G35" s="78">
        <v>35670</v>
      </c>
      <c r="H35" s="78">
        <v>49585</v>
      </c>
      <c r="I35" s="78">
        <v>250048</v>
      </c>
      <c r="J35" s="78">
        <v>469850</v>
      </c>
      <c r="K35" s="78">
        <v>215971</v>
      </c>
      <c r="L35" s="81">
        <v>1021124</v>
      </c>
      <c r="M35" s="82">
        <v>1021124</v>
      </c>
      <c r="N35" s="77">
        <v>0</v>
      </c>
      <c r="O35" s="78">
        <v>0</v>
      </c>
      <c r="P35" s="79">
        <v>0</v>
      </c>
      <c r="Q35" s="436">
        <v>0</v>
      </c>
      <c r="R35" s="78">
        <v>33205</v>
      </c>
      <c r="S35" s="78">
        <v>0</v>
      </c>
      <c r="T35" s="78">
        <v>22718</v>
      </c>
      <c r="U35" s="78">
        <v>283315</v>
      </c>
      <c r="V35" s="78">
        <v>149416</v>
      </c>
      <c r="W35" s="81">
        <v>488654</v>
      </c>
      <c r="X35" s="82">
        <v>488654</v>
      </c>
      <c r="Y35" s="77">
        <v>0</v>
      </c>
      <c r="Z35" s="78">
        <v>0</v>
      </c>
      <c r="AA35" s="79">
        <v>0</v>
      </c>
      <c r="AB35" s="436">
        <v>0</v>
      </c>
      <c r="AC35" s="78">
        <v>2465</v>
      </c>
      <c r="AD35" s="78">
        <v>30595</v>
      </c>
      <c r="AE35" s="78">
        <v>59990</v>
      </c>
      <c r="AF35" s="78">
        <v>112125</v>
      </c>
      <c r="AG35" s="78">
        <v>2465</v>
      </c>
      <c r="AH35" s="81">
        <v>207640</v>
      </c>
      <c r="AI35" s="82">
        <v>207640</v>
      </c>
      <c r="AJ35" s="77">
        <v>0</v>
      </c>
      <c r="AK35" s="78">
        <v>0</v>
      </c>
      <c r="AL35" s="79">
        <v>0</v>
      </c>
      <c r="AM35" s="436"/>
      <c r="AN35" s="78">
        <v>0</v>
      </c>
      <c r="AO35" s="78">
        <v>0</v>
      </c>
      <c r="AP35" s="78">
        <v>0</v>
      </c>
      <c r="AQ35" s="78">
        <v>0</v>
      </c>
      <c r="AR35" s="78">
        <v>0</v>
      </c>
      <c r="AS35" s="81">
        <v>0</v>
      </c>
      <c r="AT35" s="82">
        <v>0</v>
      </c>
      <c r="AU35" s="77">
        <v>0</v>
      </c>
      <c r="AV35" s="78">
        <v>0</v>
      </c>
      <c r="AW35" s="79">
        <v>0</v>
      </c>
      <c r="AX35" s="436"/>
      <c r="AY35" s="78">
        <v>0</v>
      </c>
      <c r="AZ35" s="78">
        <v>0</v>
      </c>
      <c r="BA35" s="78">
        <v>0</v>
      </c>
      <c r="BB35" s="78">
        <v>0</v>
      </c>
      <c r="BC35" s="78">
        <v>30595</v>
      </c>
      <c r="BD35" s="81">
        <v>30595</v>
      </c>
      <c r="BE35" s="82">
        <v>30595</v>
      </c>
      <c r="BF35" s="77">
        <v>0</v>
      </c>
      <c r="BG35" s="78">
        <v>0</v>
      </c>
      <c r="BH35" s="79">
        <v>0</v>
      </c>
      <c r="BI35" s="436">
        <v>0</v>
      </c>
      <c r="BJ35" s="78">
        <v>0</v>
      </c>
      <c r="BK35" s="78">
        <v>0</v>
      </c>
      <c r="BL35" s="78">
        <v>145435</v>
      </c>
      <c r="BM35" s="78">
        <v>61190</v>
      </c>
      <c r="BN35" s="78">
        <v>25520</v>
      </c>
      <c r="BO35" s="81">
        <v>232145</v>
      </c>
      <c r="BP35" s="82">
        <v>232145</v>
      </c>
      <c r="BQ35" s="77">
        <v>0</v>
      </c>
      <c r="BR35" s="78">
        <v>0</v>
      </c>
      <c r="BS35" s="79">
        <v>0</v>
      </c>
      <c r="BT35" s="80">
        <v>0</v>
      </c>
      <c r="BU35" s="78">
        <v>0</v>
      </c>
      <c r="BV35" s="78">
        <v>8515</v>
      </c>
      <c r="BW35" s="78">
        <v>21905</v>
      </c>
      <c r="BX35" s="78">
        <v>13220</v>
      </c>
      <c r="BY35" s="78">
        <v>7975</v>
      </c>
      <c r="BZ35" s="81">
        <v>51615</v>
      </c>
      <c r="CA35" s="82">
        <v>51615</v>
      </c>
      <c r="CB35" s="77">
        <v>0</v>
      </c>
      <c r="CC35" s="78">
        <v>0</v>
      </c>
      <c r="CD35" s="79">
        <v>0</v>
      </c>
      <c r="CE35" s="80">
        <v>0</v>
      </c>
      <c r="CF35" s="78">
        <v>0</v>
      </c>
      <c r="CG35" s="78">
        <v>10475</v>
      </c>
      <c r="CH35" s="78">
        <v>0</v>
      </c>
      <c r="CI35" s="78">
        <v>0</v>
      </c>
      <c r="CJ35" s="78">
        <v>0</v>
      </c>
      <c r="CK35" s="81">
        <v>10475</v>
      </c>
      <c r="CL35" s="82">
        <v>10475</v>
      </c>
      <c r="CM35" s="77">
        <v>0</v>
      </c>
      <c r="CN35" s="78">
        <v>0</v>
      </c>
      <c r="CO35" s="79">
        <v>0</v>
      </c>
      <c r="CP35" s="80">
        <v>0</v>
      </c>
      <c r="CQ35" s="78">
        <v>0</v>
      </c>
      <c r="CR35" s="78">
        <v>0</v>
      </c>
      <c r="CS35" s="78">
        <v>0</v>
      </c>
      <c r="CT35" s="78">
        <v>0</v>
      </c>
      <c r="CU35" s="78">
        <v>0</v>
      </c>
      <c r="CV35" s="81">
        <v>0</v>
      </c>
      <c r="CW35" s="82">
        <v>0</v>
      </c>
      <c r="CX35" s="77">
        <v>0</v>
      </c>
      <c r="CY35" s="78">
        <v>0</v>
      </c>
      <c r="CZ35" s="79">
        <v>0</v>
      </c>
      <c r="DA35" s="436"/>
      <c r="DB35" s="78">
        <v>0</v>
      </c>
      <c r="DC35" s="78">
        <v>0</v>
      </c>
      <c r="DD35" s="78">
        <v>0</v>
      </c>
      <c r="DE35" s="78">
        <v>0</v>
      </c>
      <c r="DF35" s="78">
        <v>0</v>
      </c>
      <c r="DG35" s="81">
        <v>0</v>
      </c>
      <c r="DH35" s="82">
        <v>0</v>
      </c>
      <c r="DI35" s="77">
        <v>0</v>
      </c>
      <c r="DJ35" s="78">
        <v>0</v>
      </c>
      <c r="DK35" s="79">
        <v>0</v>
      </c>
      <c r="DL35" s="80">
        <v>0</v>
      </c>
      <c r="DM35" s="78">
        <v>24998</v>
      </c>
      <c r="DN35" s="78">
        <v>25435</v>
      </c>
      <c r="DO35" s="78">
        <v>232136</v>
      </c>
      <c r="DP35" s="78">
        <v>482290</v>
      </c>
      <c r="DQ35" s="78">
        <v>213651</v>
      </c>
      <c r="DR35" s="81">
        <v>978510</v>
      </c>
      <c r="DS35" s="83">
        <v>978510</v>
      </c>
      <c r="DT35" s="77">
        <v>0</v>
      </c>
      <c r="DU35" s="78">
        <v>0</v>
      </c>
      <c r="DV35" s="79">
        <v>0</v>
      </c>
      <c r="DW35" s="436">
        <v>0</v>
      </c>
      <c r="DX35" s="78">
        <v>24795</v>
      </c>
      <c r="DY35" s="78">
        <v>0</v>
      </c>
      <c r="DZ35" s="78">
        <v>67101</v>
      </c>
      <c r="EA35" s="78">
        <v>368219</v>
      </c>
      <c r="EB35" s="78">
        <v>165242</v>
      </c>
      <c r="EC35" s="81">
        <v>625357</v>
      </c>
      <c r="ED35" s="82">
        <v>625357</v>
      </c>
      <c r="EE35" s="77">
        <v>0</v>
      </c>
      <c r="EF35" s="78">
        <v>0</v>
      </c>
      <c r="EG35" s="79">
        <v>0</v>
      </c>
      <c r="EH35" s="436">
        <v>0</v>
      </c>
      <c r="EI35" s="78">
        <v>203</v>
      </c>
      <c r="EJ35" s="78">
        <v>174</v>
      </c>
      <c r="EK35" s="78">
        <v>11158</v>
      </c>
      <c r="EL35" s="78">
        <v>45193</v>
      </c>
      <c r="EM35" s="78">
        <v>203</v>
      </c>
      <c r="EN35" s="81">
        <v>56931</v>
      </c>
      <c r="EO35" s="82">
        <v>56931</v>
      </c>
      <c r="EP35" s="77">
        <v>0</v>
      </c>
      <c r="EQ35" s="78">
        <v>0</v>
      </c>
      <c r="ER35" s="79">
        <v>0</v>
      </c>
      <c r="ES35" s="436"/>
      <c r="ET35" s="78">
        <v>0</v>
      </c>
      <c r="EU35" s="78">
        <v>0</v>
      </c>
      <c r="EV35" s="78">
        <v>0</v>
      </c>
      <c r="EW35" s="78">
        <v>0</v>
      </c>
      <c r="EX35" s="78">
        <v>0</v>
      </c>
      <c r="EY35" s="81">
        <v>0</v>
      </c>
      <c r="EZ35" s="82">
        <v>0</v>
      </c>
      <c r="FA35" s="77">
        <v>0</v>
      </c>
      <c r="FB35" s="78">
        <v>0</v>
      </c>
      <c r="FC35" s="79">
        <v>0</v>
      </c>
      <c r="FD35" s="436">
        <v>0</v>
      </c>
      <c r="FE35" s="78">
        <v>0</v>
      </c>
      <c r="FF35" s="78">
        <v>0</v>
      </c>
      <c r="FG35" s="78">
        <v>0</v>
      </c>
      <c r="FH35" s="78">
        <v>0</v>
      </c>
      <c r="FI35" s="78">
        <v>203</v>
      </c>
      <c r="FJ35" s="81">
        <v>203</v>
      </c>
      <c r="FK35" s="82">
        <v>203</v>
      </c>
      <c r="FL35" s="77">
        <v>0</v>
      </c>
      <c r="FM35" s="78">
        <v>0</v>
      </c>
      <c r="FN35" s="79">
        <v>0</v>
      </c>
      <c r="FO35" s="436">
        <v>0</v>
      </c>
      <c r="FP35" s="78">
        <v>0</v>
      </c>
      <c r="FQ35" s="78">
        <v>0</v>
      </c>
      <c r="FR35" s="78">
        <v>130616</v>
      </c>
      <c r="FS35" s="78">
        <v>43558</v>
      </c>
      <c r="FT35" s="78">
        <v>20358</v>
      </c>
      <c r="FU35" s="81">
        <v>194532</v>
      </c>
      <c r="FV35" s="82">
        <v>194532</v>
      </c>
      <c r="FW35" s="77">
        <v>0</v>
      </c>
      <c r="FX35" s="78">
        <v>0</v>
      </c>
      <c r="FY35" s="79">
        <v>0</v>
      </c>
      <c r="FZ35" s="80">
        <v>0</v>
      </c>
      <c r="GA35" s="78">
        <v>0</v>
      </c>
      <c r="GB35" s="78">
        <v>8261</v>
      </c>
      <c r="GC35" s="78">
        <v>23261</v>
      </c>
      <c r="GD35" s="78">
        <v>25320</v>
      </c>
      <c r="GE35" s="78">
        <v>27645</v>
      </c>
      <c r="GF35" s="81">
        <v>84487</v>
      </c>
      <c r="GG35" s="82">
        <v>84487</v>
      </c>
      <c r="GH35" s="77">
        <v>0</v>
      </c>
      <c r="GI35" s="78">
        <v>0</v>
      </c>
      <c r="GJ35" s="79">
        <v>0</v>
      </c>
      <c r="GK35" s="80">
        <v>0</v>
      </c>
      <c r="GL35" s="78">
        <v>0</v>
      </c>
      <c r="GM35" s="78">
        <v>17000</v>
      </c>
      <c r="GN35" s="78">
        <v>0</v>
      </c>
      <c r="GO35" s="78">
        <v>0</v>
      </c>
      <c r="GP35" s="78">
        <v>0</v>
      </c>
      <c r="GQ35" s="81">
        <v>17000</v>
      </c>
      <c r="GR35" s="82">
        <v>17000</v>
      </c>
      <c r="GS35" s="77">
        <v>0</v>
      </c>
      <c r="GT35" s="78">
        <v>0</v>
      </c>
      <c r="GU35" s="79">
        <v>0</v>
      </c>
      <c r="GV35" s="80">
        <v>0</v>
      </c>
      <c r="GW35" s="78">
        <v>0</v>
      </c>
      <c r="GX35" s="78">
        <v>0</v>
      </c>
      <c r="GY35" s="78">
        <v>0</v>
      </c>
      <c r="GZ35" s="78">
        <v>0</v>
      </c>
      <c r="HA35" s="78">
        <v>0</v>
      </c>
      <c r="HB35" s="81">
        <v>0</v>
      </c>
      <c r="HC35" s="82">
        <v>0</v>
      </c>
      <c r="HD35" s="77">
        <v>0</v>
      </c>
      <c r="HE35" s="78">
        <v>0</v>
      </c>
      <c r="HF35" s="79">
        <v>0</v>
      </c>
      <c r="HG35" s="436"/>
      <c r="HH35" s="78">
        <v>0</v>
      </c>
      <c r="HI35" s="78">
        <v>0</v>
      </c>
      <c r="HJ35" s="78">
        <v>0</v>
      </c>
      <c r="HK35" s="78">
        <v>0</v>
      </c>
      <c r="HL35" s="78">
        <v>0</v>
      </c>
      <c r="HM35" s="81">
        <v>0</v>
      </c>
      <c r="HN35" s="82">
        <v>0</v>
      </c>
      <c r="HO35" s="77">
        <v>0</v>
      </c>
      <c r="HP35" s="78">
        <v>0</v>
      </c>
      <c r="HQ35" s="79">
        <v>0</v>
      </c>
      <c r="HR35" s="80">
        <v>0</v>
      </c>
      <c r="HS35" s="78">
        <v>60668</v>
      </c>
      <c r="HT35" s="78">
        <v>75020</v>
      </c>
      <c r="HU35" s="78">
        <v>482184</v>
      </c>
      <c r="HV35" s="78">
        <v>952140</v>
      </c>
      <c r="HW35" s="78">
        <v>429622</v>
      </c>
      <c r="HX35" s="81">
        <v>1999634</v>
      </c>
      <c r="HY35" s="82">
        <v>1999634</v>
      </c>
    </row>
    <row r="36" spans="2:233" s="137" customFormat="1" ht="21" customHeight="1" x14ac:dyDescent="0.2">
      <c r="B36" s="173" t="s">
        <v>33</v>
      </c>
      <c r="C36" s="77">
        <v>0</v>
      </c>
      <c r="D36" s="78">
        <v>0</v>
      </c>
      <c r="E36" s="79">
        <v>0</v>
      </c>
      <c r="F36" s="80">
        <v>0</v>
      </c>
      <c r="G36" s="78">
        <v>50145</v>
      </c>
      <c r="H36" s="78">
        <v>207005</v>
      </c>
      <c r="I36" s="78">
        <v>373775</v>
      </c>
      <c r="J36" s="78">
        <v>638045</v>
      </c>
      <c r="K36" s="78">
        <v>210105</v>
      </c>
      <c r="L36" s="81">
        <v>1479075</v>
      </c>
      <c r="M36" s="82">
        <v>1479075</v>
      </c>
      <c r="N36" s="77">
        <v>0</v>
      </c>
      <c r="O36" s="78">
        <v>0</v>
      </c>
      <c r="P36" s="79">
        <v>0</v>
      </c>
      <c r="Q36" s="436">
        <v>0</v>
      </c>
      <c r="R36" s="78">
        <v>0</v>
      </c>
      <c r="S36" s="78">
        <v>56115</v>
      </c>
      <c r="T36" s="78">
        <v>222885</v>
      </c>
      <c r="U36" s="78">
        <v>359000</v>
      </c>
      <c r="V36" s="78">
        <v>173420</v>
      </c>
      <c r="W36" s="81">
        <v>811420</v>
      </c>
      <c r="X36" s="82">
        <v>811420</v>
      </c>
      <c r="Y36" s="77">
        <v>0</v>
      </c>
      <c r="Z36" s="78">
        <v>0</v>
      </c>
      <c r="AA36" s="79">
        <v>0</v>
      </c>
      <c r="AB36" s="436">
        <v>0</v>
      </c>
      <c r="AC36" s="78">
        <v>37625</v>
      </c>
      <c r="AD36" s="78">
        <v>58725</v>
      </c>
      <c r="AE36" s="78">
        <v>32915</v>
      </c>
      <c r="AF36" s="78">
        <v>245840</v>
      </c>
      <c r="AG36" s="78">
        <v>35525</v>
      </c>
      <c r="AH36" s="81">
        <v>410630</v>
      </c>
      <c r="AI36" s="82">
        <v>410630</v>
      </c>
      <c r="AJ36" s="77">
        <v>0</v>
      </c>
      <c r="AK36" s="78">
        <v>0</v>
      </c>
      <c r="AL36" s="79">
        <v>0</v>
      </c>
      <c r="AM36" s="436"/>
      <c r="AN36" s="78">
        <v>0</v>
      </c>
      <c r="AO36" s="78">
        <v>0</v>
      </c>
      <c r="AP36" s="78">
        <v>0</v>
      </c>
      <c r="AQ36" s="78">
        <v>0</v>
      </c>
      <c r="AR36" s="78">
        <v>0</v>
      </c>
      <c r="AS36" s="81">
        <v>0</v>
      </c>
      <c r="AT36" s="82">
        <v>0</v>
      </c>
      <c r="AU36" s="77">
        <v>0</v>
      </c>
      <c r="AV36" s="78">
        <v>0</v>
      </c>
      <c r="AW36" s="79">
        <v>0</v>
      </c>
      <c r="AX36" s="436"/>
      <c r="AY36" s="78">
        <v>340</v>
      </c>
      <c r="AZ36" s="78">
        <v>84245</v>
      </c>
      <c r="BA36" s="78">
        <v>68730</v>
      </c>
      <c r="BB36" s="78">
        <v>33205</v>
      </c>
      <c r="BC36" s="78">
        <v>0</v>
      </c>
      <c r="BD36" s="81">
        <v>186520</v>
      </c>
      <c r="BE36" s="82">
        <v>186520</v>
      </c>
      <c r="BF36" s="77">
        <v>0</v>
      </c>
      <c r="BG36" s="78">
        <v>0</v>
      </c>
      <c r="BH36" s="79">
        <v>0</v>
      </c>
      <c r="BI36" s="436">
        <v>0</v>
      </c>
      <c r="BJ36" s="78">
        <v>0</v>
      </c>
      <c r="BK36" s="78">
        <v>0</v>
      </c>
      <c r="BL36" s="78">
        <v>0</v>
      </c>
      <c r="BM36" s="78">
        <v>0</v>
      </c>
      <c r="BN36" s="78">
        <v>0</v>
      </c>
      <c r="BO36" s="81">
        <v>0</v>
      </c>
      <c r="BP36" s="82">
        <v>0</v>
      </c>
      <c r="BQ36" s="77">
        <v>0</v>
      </c>
      <c r="BR36" s="78">
        <v>0</v>
      </c>
      <c r="BS36" s="79">
        <v>0</v>
      </c>
      <c r="BT36" s="80">
        <v>0</v>
      </c>
      <c r="BU36" s="78">
        <v>12180</v>
      </c>
      <c r="BV36" s="78">
        <v>7920</v>
      </c>
      <c r="BW36" s="78">
        <v>49245</v>
      </c>
      <c r="BX36" s="78">
        <v>0</v>
      </c>
      <c r="BY36" s="78">
        <v>1160</v>
      </c>
      <c r="BZ36" s="81">
        <v>70505</v>
      </c>
      <c r="CA36" s="82">
        <v>70505</v>
      </c>
      <c r="CB36" s="77">
        <v>0</v>
      </c>
      <c r="CC36" s="78">
        <v>0</v>
      </c>
      <c r="CD36" s="79">
        <v>0</v>
      </c>
      <c r="CE36" s="80">
        <v>0</v>
      </c>
      <c r="CF36" s="78">
        <v>0</v>
      </c>
      <c r="CG36" s="78">
        <v>0</v>
      </c>
      <c r="CH36" s="78">
        <v>0</v>
      </c>
      <c r="CI36" s="78">
        <v>0</v>
      </c>
      <c r="CJ36" s="78">
        <v>0</v>
      </c>
      <c r="CK36" s="81">
        <v>0</v>
      </c>
      <c r="CL36" s="82">
        <v>0</v>
      </c>
      <c r="CM36" s="77">
        <v>0</v>
      </c>
      <c r="CN36" s="78">
        <v>0</v>
      </c>
      <c r="CO36" s="79">
        <v>0</v>
      </c>
      <c r="CP36" s="80">
        <v>0</v>
      </c>
      <c r="CQ36" s="78">
        <v>0</v>
      </c>
      <c r="CR36" s="78">
        <v>0</v>
      </c>
      <c r="CS36" s="78">
        <v>0</v>
      </c>
      <c r="CT36" s="78">
        <v>0</v>
      </c>
      <c r="CU36" s="78">
        <v>0</v>
      </c>
      <c r="CV36" s="81">
        <v>0</v>
      </c>
      <c r="CW36" s="82">
        <v>0</v>
      </c>
      <c r="CX36" s="77">
        <v>0</v>
      </c>
      <c r="CY36" s="78">
        <v>0</v>
      </c>
      <c r="CZ36" s="79">
        <v>0</v>
      </c>
      <c r="DA36" s="436"/>
      <c r="DB36" s="78">
        <v>0</v>
      </c>
      <c r="DC36" s="78">
        <v>0</v>
      </c>
      <c r="DD36" s="78">
        <v>0</v>
      </c>
      <c r="DE36" s="78">
        <v>0</v>
      </c>
      <c r="DF36" s="78">
        <v>0</v>
      </c>
      <c r="DG36" s="81">
        <v>0</v>
      </c>
      <c r="DH36" s="82">
        <v>0</v>
      </c>
      <c r="DI36" s="77">
        <v>0</v>
      </c>
      <c r="DJ36" s="78">
        <v>0</v>
      </c>
      <c r="DK36" s="79">
        <v>0</v>
      </c>
      <c r="DL36" s="80">
        <v>0</v>
      </c>
      <c r="DM36" s="78">
        <v>14123</v>
      </c>
      <c r="DN36" s="78">
        <v>76503</v>
      </c>
      <c r="DO36" s="78">
        <v>383150</v>
      </c>
      <c r="DP36" s="78">
        <v>398755</v>
      </c>
      <c r="DQ36" s="78">
        <v>178205</v>
      </c>
      <c r="DR36" s="81">
        <v>1050736</v>
      </c>
      <c r="DS36" s="83">
        <v>1050736</v>
      </c>
      <c r="DT36" s="77">
        <v>0</v>
      </c>
      <c r="DU36" s="78">
        <v>0</v>
      </c>
      <c r="DV36" s="79">
        <v>0</v>
      </c>
      <c r="DW36" s="436">
        <v>0</v>
      </c>
      <c r="DX36" s="78">
        <v>0</v>
      </c>
      <c r="DY36" s="78">
        <v>48314</v>
      </c>
      <c r="DZ36" s="78">
        <v>312597</v>
      </c>
      <c r="EA36" s="78">
        <v>364458</v>
      </c>
      <c r="EB36" s="78">
        <v>171332</v>
      </c>
      <c r="EC36" s="81">
        <v>896701</v>
      </c>
      <c r="ED36" s="82">
        <v>896701</v>
      </c>
      <c r="EE36" s="77">
        <v>0</v>
      </c>
      <c r="EF36" s="78">
        <v>0</v>
      </c>
      <c r="EG36" s="79">
        <v>0</v>
      </c>
      <c r="EH36" s="436">
        <v>0</v>
      </c>
      <c r="EI36" s="78">
        <v>784</v>
      </c>
      <c r="EJ36" s="78">
        <v>11339</v>
      </c>
      <c r="EK36" s="78">
        <v>1015</v>
      </c>
      <c r="EL36" s="78">
        <v>23364</v>
      </c>
      <c r="EM36" s="78">
        <v>609</v>
      </c>
      <c r="EN36" s="81">
        <v>37111</v>
      </c>
      <c r="EO36" s="82">
        <v>37111</v>
      </c>
      <c r="EP36" s="77">
        <v>0</v>
      </c>
      <c r="EQ36" s="78">
        <v>0</v>
      </c>
      <c r="ER36" s="79">
        <v>0</v>
      </c>
      <c r="ES36" s="436"/>
      <c r="ET36" s="78">
        <v>0</v>
      </c>
      <c r="EU36" s="78">
        <v>0</v>
      </c>
      <c r="EV36" s="78">
        <v>0</v>
      </c>
      <c r="EW36" s="78">
        <v>0</v>
      </c>
      <c r="EX36" s="78">
        <v>0</v>
      </c>
      <c r="EY36" s="81">
        <v>0</v>
      </c>
      <c r="EZ36" s="82">
        <v>0</v>
      </c>
      <c r="FA36" s="77">
        <v>0</v>
      </c>
      <c r="FB36" s="78">
        <v>0</v>
      </c>
      <c r="FC36" s="79">
        <v>0</v>
      </c>
      <c r="FD36" s="436">
        <v>0</v>
      </c>
      <c r="FE36" s="78">
        <v>35</v>
      </c>
      <c r="FF36" s="78">
        <v>11745</v>
      </c>
      <c r="FG36" s="78">
        <v>11542</v>
      </c>
      <c r="FH36" s="78">
        <v>10933</v>
      </c>
      <c r="FI36" s="78">
        <v>0</v>
      </c>
      <c r="FJ36" s="81">
        <v>34255</v>
      </c>
      <c r="FK36" s="82">
        <v>34255</v>
      </c>
      <c r="FL36" s="77">
        <v>0</v>
      </c>
      <c r="FM36" s="78">
        <v>0</v>
      </c>
      <c r="FN36" s="79">
        <v>0</v>
      </c>
      <c r="FO36" s="436">
        <v>0</v>
      </c>
      <c r="FP36" s="78">
        <v>0</v>
      </c>
      <c r="FQ36" s="78">
        <v>0</v>
      </c>
      <c r="FR36" s="78">
        <v>0</v>
      </c>
      <c r="FS36" s="78">
        <v>0</v>
      </c>
      <c r="FT36" s="78">
        <v>0</v>
      </c>
      <c r="FU36" s="81">
        <v>0</v>
      </c>
      <c r="FV36" s="82">
        <v>0</v>
      </c>
      <c r="FW36" s="77">
        <v>0</v>
      </c>
      <c r="FX36" s="78">
        <v>0</v>
      </c>
      <c r="FY36" s="79">
        <v>0</v>
      </c>
      <c r="FZ36" s="80">
        <v>0</v>
      </c>
      <c r="GA36" s="78">
        <v>13304</v>
      </c>
      <c r="GB36" s="78">
        <v>5105</v>
      </c>
      <c r="GC36" s="78">
        <v>57996</v>
      </c>
      <c r="GD36" s="78">
        <v>0</v>
      </c>
      <c r="GE36" s="78">
        <v>6264</v>
      </c>
      <c r="GF36" s="81">
        <v>82669</v>
      </c>
      <c r="GG36" s="82">
        <v>82669</v>
      </c>
      <c r="GH36" s="77">
        <v>0</v>
      </c>
      <c r="GI36" s="78">
        <v>0</v>
      </c>
      <c r="GJ36" s="79">
        <v>0</v>
      </c>
      <c r="GK36" s="80">
        <v>0</v>
      </c>
      <c r="GL36" s="78">
        <v>0</v>
      </c>
      <c r="GM36" s="78">
        <v>0</v>
      </c>
      <c r="GN36" s="78">
        <v>0</v>
      </c>
      <c r="GO36" s="78">
        <v>0</v>
      </c>
      <c r="GP36" s="78">
        <v>0</v>
      </c>
      <c r="GQ36" s="81">
        <v>0</v>
      </c>
      <c r="GR36" s="82">
        <v>0</v>
      </c>
      <c r="GS36" s="77">
        <v>0</v>
      </c>
      <c r="GT36" s="78">
        <v>0</v>
      </c>
      <c r="GU36" s="79">
        <v>0</v>
      </c>
      <c r="GV36" s="80">
        <v>0</v>
      </c>
      <c r="GW36" s="78">
        <v>0</v>
      </c>
      <c r="GX36" s="78">
        <v>0</v>
      </c>
      <c r="GY36" s="78">
        <v>0</v>
      </c>
      <c r="GZ36" s="78">
        <v>0</v>
      </c>
      <c r="HA36" s="78">
        <v>0</v>
      </c>
      <c r="HB36" s="81">
        <v>0</v>
      </c>
      <c r="HC36" s="82">
        <v>0</v>
      </c>
      <c r="HD36" s="77">
        <v>0</v>
      </c>
      <c r="HE36" s="78">
        <v>0</v>
      </c>
      <c r="HF36" s="79">
        <v>0</v>
      </c>
      <c r="HG36" s="436"/>
      <c r="HH36" s="78">
        <v>0</v>
      </c>
      <c r="HI36" s="78">
        <v>0</v>
      </c>
      <c r="HJ36" s="78">
        <v>0</v>
      </c>
      <c r="HK36" s="78">
        <v>0</v>
      </c>
      <c r="HL36" s="78">
        <v>0</v>
      </c>
      <c r="HM36" s="81">
        <v>0</v>
      </c>
      <c r="HN36" s="82">
        <v>0</v>
      </c>
      <c r="HO36" s="77">
        <v>0</v>
      </c>
      <c r="HP36" s="78">
        <v>0</v>
      </c>
      <c r="HQ36" s="79">
        <v>0</v>
      </c>
      <c r="HR36" s="80">
        <v>0</v>
      </c>
      <c r="HS36" s="78">
        <v>64268</v>
      </c>
      <c r="HT36" s="78">
        <v>283508</v>
      </c>
      <c r="HU36" s="78">
        <v>756925</v>
      </c>
      <c r="HV36" s="78">
        <v>1036800</v>
      </c>
      <c r="HW36" s="78">
        <v>388310</v>
      </c>
      <c r="HX36" s="81">
        <v>2529811</v>
      </c>
      <c r="HY36" s="82">
        <v>2529811</v>
      </c>
    </row>
    <row r="37" spans="2:233" s="137" customFormat="1" ht="21" customHeight="1" x14ac:dyDescent="0.2">
      <c r="B37" s="173" t="s">
        <v>34</v>
      </c>
      <c r="C37" s="77">
        <v>0</v>
      </c>
      <c r="D37" s="78">
        <v>0</v>
      </c>
      <c r="E37" s="79">
        <v>0</v>
      </c>
      <c r="F37" s="80">
        <v>0</v>
      </c>
      <c r="G37" s="78">
        <v>118990</v>
      </c>
      <c r="H37" s="78">
        <v>62125</v>
      </c>
      <c r="I37" s="78">
        <v>102798</v>
      </c>
      <c r="J37" s="78">
        <v>258245</v>
      </c>
      <c r="K37" s="78">
        <v>142825</v>
      </c>
      <c r="L37" s="81">
        <v>684983</v>
      </c>
      <c r="M37" s="82">
        <v>684983</v>
      </c>
      <c r="N37" s="77">
        <v>0</v>
      </c>
      <c r="O37" s="78">
        <v>0</v>
      </c>
      <c r="P37" s="79">
        <v>0</v>
      </c>
      <c r="Q37" s="436">
        <v>0</v>
      </c>
      <c r="R37" s="78">
        <v>0</v>
      </c>
      <c r="S37" s="78">
        <v>0</v>
      </c>
      <c r="T37" s="78">
        <v>27985</v>
      </c>
      <c r="U37" s="78">
        <v>251865</v>
      </c>
      <c r="V37" s="78">
        <v>109765</v>
      </c>
      <c r="W37" s="81">
        <v>389615</v>
      </c>
      <c r="X37" s="82">
        <v>389615</v>
      </c>
      <c r="Y37" s="77">
        <v>0</v>
      </c>
      <c r="Z37" s="78">
        <v>0</v>
      </c>
      <c r="AA37" s="79">
        <v>0</v>
      </c>
      <c r="AB37" s="436">
        <v>0</v>
      </c>
      <c r="AC37" s="78">
        <v>117305</v>
      </c>
      <c r="AD37" s="78">
        <v>51040</v>
      </c>
      <c r="AE37" s="78">
        <v>68875</v>
      </c>
      <c r="AF37" s="78">
        <v>4930</v>
      </c>
      <c r="AG37" s="78">
        <v>2465</v>
      </c>
      <c r="AH37" s="81">
        <v>244615</v>
      </c>
      <c r="AI37" s="82">
        <v>244615</v>
      </c>
      <c r="AJ37" s="77">
        <v>0</v>
      </c>
      <c r="AK37" s="78">
        <v>0</v>
      </c>
      <c r="AL37" s="79">
        <v>0</v>
      </c>
      <c r="AM37" s="436"/>
      <c r="AN37" s="78">
        <v>0</v>
      </c>
      <c r="AO37" s="78">
        <v>0</v>
      </c>
      <c r="AP37" s="78">
        <v>0</v>
      </c>
      <c r="AQ37" s="78">
        <v>0</v>
      </c>
      <c r="AR37" s="78">
        <v>0</v>
      </c>
      <c r="AS37" s="81">
        <v>0</v>
      </c>
      <c r="AT37" s="82">
        <v>0</v>
      </c>
      <c r="AU37" s="77">
        <v>0</v>
      </c>
      <c r="AV37" s="78">
        <v>0</v>
      </c>
      <c r="AW37" s="79">
        <v>0</v>
      </c>
      <c r="AX37" s="436"/>
      <c r="AY37" s="78">
        <v>0</v>
      </c>
      <c r="AZ37" s="78">
        <v>0</v>
      </c>
      <c r="BA37" s="78">
        <v>0</v>
      </c>
      <c r="BB37" s="78">
        <v>0</v>
      </c>
      <c r="BC37" s="78">
        <v>30595</v>
      </c>
      <c r="BD37" s="81">
        <v>30595</v>
      </c>
      <c r="BE37" s="82">
        <v>30595</v>
      </c>
      <c r="BF37" s="77">
        <v>0</v>
      </c>
      <c r="BG37" s="78">
        <v>0</v>
      </c>
      <c r="BH37" s="79">
        <v>0</v>
      </c>
      <c r="BI37" s="436">
        <v>0</v>
      </c>
      <c r="BJ37" s="78">
        <v>0</v>
      </c>
      <c r="BK37" s="78">
        <v>0</v>
      </c>
      <c r="BL37" s="78">
        <v>0</v>
      </c>
      <c r="BM37" s="78">
        <v>0</v>
      </c>
      <c r="BN37" s="78">
        <v>0</v>
      </c>
      <c r="BO37" s="81">
        <v>0</v>
      </c>
      <c r="BP37" s="82">
        <v>0</v>
      </c>
      <c r="BQ37" s="77">
        <v>0</v>
      </c>
      <c r="BR37" s="78">
        <v>0</v>
      </c>
      <c r="BS37" s="79">
        <v>0</v>
      </c>
      <c r="BT37" s="80">
        <v>0</v>
      </c>
      <c r="BU37" s="78">
        <v>1685</v>
      </c>
      <c r="BV37" s="78">
        <v>0</v>
      </c>
      <c r="BW37" s="78">
        <v>5938</v>
      </c>
      <c r="BX37" s="78">
        <v>1450</v>
      </c>
      <c r="BY37" s="78">
        <v>0</v>
      </c>
      <c r="BZ37" s="81">
        <v>9073</v>
      </c>
      <c r="CA37" s="82">
        <v>9073</v>
      </c>
      <c r="CB37" s="77">
        <v>0</v>
      </c>
      <c r="CC37" s="78">
        <v>0</v>
      </c>
      <c r="CD37" s="79">
        <v>0</v>
      </c>
      <c r="CE37" s="80">
        <v>0</v>
      </c>
      <c r="CF37" s="78">
        <v>0</v>
      </c>
      <c r="CG37" s="78">
        <v>11085</v>
      </c>
      <c r="CH37" s="78">
        <v>0</v>
      </c>
      <c r="CI37" s="78">
        <v>0</v>
      </c>
      <c r="CJ37" s="78">
        <v>0</v>
      </c>
      <c r="CK37" s="81">
        <v>11085</v>
      </c>
      <c r="CL37" s="82">
        <v>11085</v>
      </c>
      <c r="CM37" s="77">
        <v>0</v>
      </c>
      <c r="CN37" s="78">
        <v>0</v>
      </c>
      <c r="CO37" s="79">
        <v>0</v>
      </c>
      <c r="CP37" s="80">
        <v>0</v>
      </c>
      <c r="CQ37" s="78">
        <v>0</v>
      </c>
      <c r="CR37" s="78">
        <v>0</v>
      </c>
      <c r="CS37" s="78">
        <v>0</v>
      </c>
      <c r="CT37" s="78">
        <v>0</v>
      </c>
      <c r="CU37" s="78">
        <v>0</v>
      </c>
      <c r="CV37" s="81">
        <v>0</v>
      </c>
      <c r="CW37" s="82">
        <v>0</v>
      </c>
      <c r="CX37" s="77">
        <v>0</v>
      </c>
      <c r="CY37" s="78">
        <v>0</v>
      </c>
      <c r="CZ37" s="79">
        <v>0</v>
      </c>
      <c r="DA37" s="436"/>
      <c r="DB37" s="78">
        <v>0</v>
      </c>
      <c r="DC37" s="78">
        <v>0</v>
      </c>
      <c r="DD37" s="78">
        <v>0</v>
      </c>
      <c r="DE37" s="78">
        <v>0</v>
      </c>
      <c r="DF37" s="78">
        <v>0</v>
      </c>
      <c r="DG37" s="81">
        <v>0</v>
      </c>
      <c r="DH37" s="82">
        <v>0</v>
      </c>
      <c r="DI37" s="77">
        <v>0</v>
      </c>
      <c r="DJ37" s="78">
        <v>0</v>
      </c>
      <c r="DK37" s="79">
        <v>0</v>
      </c>
      <c r="DL37" s="80">
        <v>0</v>
      </c>
      <c r="DM37" s="78">
        <v>4544</v>
      </c>
      <c r="DN37" s="78">
        <v>924</v>
      </c>
      <c r="DO37" s="78">
        <v>83166</v>
      </c>
      <c r="DP37" s="78">
        <v>338517</v>
      </c>
      <c r="DQ37" s="78">
        <v>76850</v>
      </c>
      <c r="DR37" s="81">
        <v>504001</v>
      </c>
      <c r="DS37" s="83">
        <v>504001</v>
      </c>
      <c r="DT37" s="77">
        <v>0</v>
      </c>
      <c r="DU37" s="78">
        <v>0</v>
      </c>
      <c r="DV37" s="79">
        <v>0</v>
      </c>
      <c r="DW37" s="436">
        <v>0</v>
      </c>
      <c r="DX37" s="78">
        <v>0</v>
      </c>
      <c r="DY37" s="78">
        <v>0</v>
      </c>
      <c r="DZ37" s="78">
        <v>54433</v>
      </c>
      <c r="EA37" s="78">
        <v>327671</v>
      </c>
      <c r="EB37" s="78">
        <v>76444</v>
      </c>
      <c r="EC37" s="81">
        <v>458548</v>
      </c>
      <c r="ED37" s="82">
        <v>458548</v>
      </c>
      <c r="EE37" s="77">
        <v>0</v>
      </c>
      <c r="EF37" s="78">
        <v>0</v>
      </c>
      <c r="EG37" s="79">
        <v>0</v>
      </c>
      <c r="EH37" s="436">
        <v>0</v>
      </c>
      <c r="EI37" s="78">
        <v>986</v>
      </c>
      <c r="EJ37" s="78">
        <v>812</v>
      </c>
      <c r="EK37" s="78">
        <v>22069</v>
      </c>
      <c r="EL37" s="78">
        <v>406</v>
      </c>
      <c r="EM37" s="78">
        <v>203</v>
      </c>
      <c r="EN37" s="81">
        <v>24476</v>
      </c>
      <c r="EO37" s="82">
        <v>24476</v>
      </c>
      <c r="EP37" s="77">
        <v>0</v>
      </c>
      <c r="EQ37" s="78">
        <v>0</v>
      </c>
      <c r="ER37" s="79">
        <v>0</v>
      </c>
      <c r="ES37" s="436"/>
      <c r="ET37" s="78">
        <v>0</v>
      </c>
      <c r="EU37" s="78">
        <v>0</v>
      </c>
      <c r="EV37" s="78">
        <v>0</v>
      </c>
      <c r="EW37" s="78">
        <v>0</v>
      </c>
      <c r="EX37" s="78">
        <v>0</v>
      </c>
      <c r="EY37" s="81">
        <v>0</v>
      </c>
      <c r="EZ37" s="82">
        <v>0</v>
      </c>
      <c r="FA37" s="77">
        <v>0</v>
      </c>
      <c r="FB37" s="78">
        <v>0</v>
      </c>
      <c r="FC37" s="79">
        <v>0</v>
      </c>
      <c r="FD37" s="436">
        <v>0</v>
      </c>
      <c r="FE37" s="78">
        <v>0</v>
      </c>
      <c r="FF37" s="78">
        <v>0</v>
      </c>
      <c r="FG37" s="78">
        <v>0</v>
      </c>
      <c r="FH37" s="78">
        <v>0</v>
      </c>
      <c r="FI37" s="78">
        <v>203</v>
      </c>
      <c r="FJ37" s="81">
        <v>203</v>
      </c>
      <c r="FK37" s="82">
        <v>203</v>
      </c>
      <c r="FL37" s="77">
        <v>0</v>
      </c>
      <c r="FM37" s="78">
        <v>0</v>
      </c>
      <c r="FN37" s="79">
        <v>0</v>
      </c>
      <c r="FO37" s="436">
        <v>0</v>
      </c>
      <c r="FP37" s="78">
        <v>0</v>
      </c>
      <c r="FQ37" s="78">
        <v>0</v>
      </c>
      <c r="FR37" s="78">
        <v>0</v>
      </c>
      <c r="FS37" s="78">
        <v>0</v>
      </c>
      <c r="FT37" s="78">
        <v>0</v>
      </c>
      <c r="FU37" s="81">
        <v>0</v>
      </c>
      <c r="FV37" s="82">
        <v>0</v>
      </c>
      <c r="FW37" s="77">
        <v>0</v>
      </c>
      <c r="FX37" s="78">
        <v>0</v>
      </c>
      <c r="FY37" s="79">
        <v>0</v>
      </c>
      <c r="FZ37" s="80">
        <v>0</v>
      </c>
      <c r="GA37" s="78">
        <v>3558</v>
      </c>
      <c r="GB37" s="78">
        <v>0</v>
      </c>
      <c r="GC37" s="78">
        <v>6664</v>
      </c>
      <c r="GD37" s="78">
        <v>10440</v>
      </c>
      <c r="GE37" s="78">
        <v>0</v>
      </c>
      <c r="GF37" s="81">
        <v>20662</v>
      </c>
      <c r="GG37" s="82">
        <v>20662</v>
      </c>
      <c r="GH37" s="77">
        <v>0</v>
      </c>
      <c r="GI37" s="78">
        <v>0</v>
      </c>
      <c r="GJ37" s="79">
        <v>0</v>
      </c>
      <c r="GK37" s="80">
        <v>0</v>
      </c>
      <c r="GL37" s="78">
        <v>0</v>
      </c>
      <c r="GM37" s="78">
        <v>112</v>
      </c>
      <c r="GN37" s="78">
        <v>0</v>
      </c>
      <c r="GO37" s="78">
        <v>0</v>
      </c>
      <c r="GP37" s="78">
        <v>0</v>
      </c>
      <c r="GQ37" s="81">
        <v>112</v>
      </c>
      <c r="GR37" s="82">
        <v>112</v>
      </c>
      <c r="GS37" s="77">
        <v>0</v>
      </c>
      <c r="GT37" s="78">
        <v>0</v>
      </c>
      <c r="GU37" s="79">
        <v>0</v>
      </c>
      <c r="GV37" s="80">
        <v>0</v>
      </c>
      <c r="GW37" s="78">
        <v>0</v>
      </c>
      <c r="GX37" s="78">
        <v>0</v>
      </c>
      <c r="GY37" s="78">
        <v>0</v>
      </c>
      <c r="GZ37" s="78">
        <v>0</v>
      </c>
      <c r="HA37" s="78">
        <v>0</v>
      </c>
      <c r="HB37" s="81">
        <v>0</v>
      </c>
      <c r="HC37" s="82">
        <v>0</v>
      </c>
      <c r="HD37" s="77">
        <v>0</v>
      </c>
      <c r="HE37" s="78">
        <v>0</v>
      </c>
      <c r="HF37" s="79">
        <v>0</v>
      </c>
      <c r="HG37" s="436"/>
      <c r="HH37" s="78">
        <v>0</v>
      </c>
      <c r="HI37" s="78">
        <v>0</v>
      </c>
      <c r="HJ37" s="78">
        <v>0</v>
      </c>
      <c r="HK37" s="78">
        <v>0</v>
      </c>
      <c r="HL37" s="78">
        <v>0</v>
      </c>
      <c r="HM37" s="81">
        <v>0</v>
      </c>
      <c r="HN37" s="82">
        <v>0</v>
      </c>
      <c r="HO37" s="77">
        <v>0</v>
      </c>
      <c r="HP37" s="78">
        <v>0</v>
      </c>
      <c r="HQ37" s="79">
        <v>0</v>
      </c>
      <c r="HR37" s="80">
        <v>0</v>
      </c>
      <c r="HS37" s="78">
        <v>123534</v>
      </c>
      <c r="HT37" s="78">
        <v>63049</v>
      </c>
      <c r="HU37" s="78">
        <v>185964</v>
      </c>
      <c r="HV37" s="78">
        <v>596762</v>
      </c>
      <c r="HW37" s="78">
        <v>219675</v>
      </c>
      <c r="HX37" s="81">
        <v>1188984</v>
      </c>
      <c r="HY37" s="82">
        <v>1188984</v>
      </c>
    </row>
    <row r="38" spans="2:233" s="137" customFormat="1" ht="21" customHeight="1" x14ac:dyDescent="0.2">
      <c r="B38" s="173" t="s">
        <v>35</v>
      </c>
      <c r="C38" s="77">
        <v>3770</v>
      </c>
      <c r="D38" s="78">
        <v>0</v>
      </c>
      <c r="E38" s="79">
        <v>3770</v>
      </c>
      <c r="F38" s="80">
        <v>0</v>
      </c>
      <c r="G38" s="78">
        <v>166090</v>
      </c>
      <c r="H38" s="78">
        <v>324714</v>
      </c>
      <c r="I38" s="78">
        <v>747868</v>
      </c>
      <c r="J38" s="78">
        <v>488089</v>
      </c>
      <c r="K38" s="78">
        <v>243410</v>
      </c>
      <c r="L38" s="81">
        <v>1970171</v>
      </c>
      <c r="M38" s="82">
        <v>1973941</v>
      </c>
      <c r="N38" s="77">
        <v>0</v>
      </c>
      <c r="O38" s="78">
        <v>0</v>
      </c>
      <c r="P38" s="79">
        <v>0</v>
      </c>
      <c r="Q38" s="436">
        <v>0</v>
      </c>
      <c r="R38" s="78">
        <v>2465</v>
      </c>
      <c r="S38" s="78">
        <v>23055</v>
      </c>
      <c r="T38" s="78">
        <v>300730</v>
      </c>
      <c r="U38" s="78">
        <v>325710</v>
      </c>
      <c r="V38" s="78">
        <v>173895</v>
      </c>
      <c r="W38" s="81">
        <v>825855</v>
      </c>
      <c r="X38" s="82">
        <v>825855</v>
      </c>
      <c r="Y38" s="77">
        <v>0</v>
      </c>
      <c r="Z38" s="78">
        <v>0</v>
      </c>
      <c r="AA38" s="79">
        <v>0</v>
      </c>
      <c r="AB38" s="436">
        <v>0</v>
      </c>
      <c r="AC38" s="78">
        <v>124785</v>
      </c>
      <c r="AD38" s="78">
        <v>257135</v>
      </c>
      <c r="AE38" s="78">
        <v>241810</v>
      </c>
      <c r="AF38" s="78">
        <v>89175</v>
      </c>
      <c r="AG38" s="78">
        <v>2465</v>
      </c>
      <c r="AH38" s="81">
        <v>715370</v>
      </c>
      <c r="AI38" s="82">
        <v>715370</v>
      </c>
      <c r="AJ38" s="77">
        <v>0</v>
      </c>
      <c r="AK38" s="78">
        <v>0</v>
      </c>
      <c r="AL38" s="79">
        <v>0</v>
      </c>
      <c r="AM38" s="436"/>
      <c r="AN38" s="78">
        <v>0</v>
      </c>
      <c r="AO38" s="78">
        <v>0</v>
      </c>
      <c r="AP38" s="78">
        <v>0</v>
      </c>
      <c r="AQ38" s="78">
        <v>0</v>
      </c>
      <c r="AR38" s="78">
        <v>0</v>
      </c>
      <c r="AS38" s="81">
        <v>0</v>
      </c>
      <c r="AT38" s="82">
        <v>0</v>
      </c>
      <c r="AU38" s="77">
        <v>0</v>
      </c>
      <c r="AV38" s="78">
        <v>0</v>
      </c>
      <c r="AW38" s="79">
        <v>0</v>
      </c>
      <c r="AX38" s="436"/>
      <c r="AY38" s="78">
        <v>30595</v>
      </c>
      <c r="AZ38" s="78">
        <v>0</v>
      </c>
      <c r="BA38" s="78">
        <v>132820</v>
      </c>
      <c r="BB38" s="78">
        <v>56260</v>
      </c>
      <c r="BC38" s="78">
        <v>66410</v>
      </c>
      <c r="BD38" s="81">
        <v>286085</v>
      </c>
      <c r="BE38" s="82">
        <v>286085</v>
      </c>
      <c r="BF38" s="77">
        <v>0</v>
      </c>
      <c r="BG38" s="78">
        <v>0</v>
      </c>
      <c r="BH38" s="79">
        <v>0</v>
      </c>
      <c r="BI38" s="436">
        <v>0</v>
      </c>
      <c r="BJ38" s="78">
        <v>0</v>
      </c>
      <c r="BK38" s="78">
        <v>0</v>
      </c>
      <c r="BL38" s="78">
        <v>0</v>
      </c>
      <c r="BM38" s="78">
        <v>0</v>
      </c>
      <c r="BN38" s="78">
        <v>0</v>
      </c>
      <c r="BO38" s="81">
        <v>0</v>
      </c>
      <c r="BP38" s="82">
        <v>0</v>
      </c>
      <c r="BQ38" s="77">
        <v>3770</v>
      </c>
      <c r="BR38" s="78">
        <v>0</v>
      </c>
      <c r="BS38" s="79">
        <v>3770</v>
      </c>
      <c r="BT38" s="80">
        <v>0</v>
      </c>
      <c r="BU38" s="78">
        <v>8245</v>
      </c>
      <c r="BV38" s="78">
        <v>44524</v>
      </c>
      <c r="BW38" s="78">
        <v>63643</v>
      </c>
      <c r="BX38" s="78">
        <v>16944</v>
      </c>
      <c r="BY38" s="78">
        <v>640</v>
      </c>
      <c r="BZ38" s="81">
        <v>133996</v>
      </c>
      <c r="CA38" s="82">
        <v>137766</v>
      </c>
      <c r="CB38" s="77">
        <v>0</v>
      </c>
      <c r="CC38" s="78">
        <v>0</v>
      </c>
      <c r="CD38" s="79">
        <v>0</v>
      </c>
      <c r="CE38" s="80">
        <v>0</v>
      </c>
      <c r="CF38" s="78">
        <v>0</v>
      </c>
      <c r="CG38" s="78">
        <v>0</v>
      </c>
      <c r="CH38" s="78">
        <v>8865</v>
      </c>
      <c r="CI38" s="78">
        <v>0</v>
      </c>
      <c r="CJ38" s="78">
        <v>0</v>
      </c>
      <c r="CK38" s="81">
        <v>8865</v>
      </c>
      <c r="CL38" s="82">
        <v>8865</v>
      </c>
      <c r="CM38" s="77">
        <v>0</v>
      </c>
      <c r="CN38" s="78">
        <v>0</v>
      </c>
      <c r="CO38" s="79">
        <v>0</v>
      </c>
      <c r="CP38" s="80">
        <v>0</v>
      </c>
      <c r="CQ38" s="78">
        <v>0</v>
      </c>
      <c r="CR38" s="78">
        <v>0</v>
      </c>
      <c r="CS38" s="78">
        <v>0</v>
      </c>
      <c r="CT38" s="78">
        <v>0</v>
      </c>
      <c r="CU38" s="78">
        <v>0</v>
      </c>
      <c r="CV38" s="81">
        <v>0</v>
      </c>
      <c r="CW38" s="82">
        <v>0</v>
      </c>
      <c r="CX38" s="77">
        <v>0</v>
      </c>
      <c r="CY38" s="78">
        <v>0</v>
      </c>
      <c r="CZ38" s="79">
        <v>0</v>
      </c>
      <c r="DA38" s="436"/>
      <c r="DB38" s="78">
        <v>0</v>
      </c>
      <c r="DC38" s="78">
        <v>0</v>
      </c>
      <c r="DD38" s="78">
        <v>0</v>
      </c>
      <c r="DE38" s="78">
        <v>0</v>
      </c>
      <c r="DF38" s="78">
        <v>0</v>
      </c>
      <c r="DG38" s="81">
        <v>0</v>
      </c>
      <c r="DH38" s="82">
        <v>0</v>
      </c>
      <c r="DI38" s="77">
        <v>2820</v>
      </c>
      <c r="DJ38" s="78">
        <v>0</v>
      </c>
      <c r="DK38" s="79">
        <v>2820</v>
      </c>
      <c r="DL38" s="80">
        <v>0</v>
      </c>
      <c r="DM38" s="78">
        <v>54288</v>
      </c>
      <c r="DN38" s="78">
        <v>61360</v>
      </c>
      <c r="DO38" s="78">
        <v>467272</v>
      </c>
      <c r="DP38" s="78">
        <v>428975</v>
      </c>
      <c r="DQ38" s="78">
        <v>248094</v>
      </c>
      <c r="DR38" s="81">
        <v>1259989</v>
      </c>
      <c r="DS38" s="83">
        <v>1262809</v>
      </c>
      <c r="DT38" s="77">
        <v>0</v>
      </c>
      <c r="DU38" s="78">
        <v>0</v>
      </c>
      <c r="DV38" s="79">
        <v>0</v>
      </c>
      <c r="DW38" s="436">
        <v>0</v>
      </c>
      <c r="DX38" s="78">
        <v>14065</v>
      </c>
      <c r="DY38" s="78">
        <v>20184</v>
      </c>
      <c r="DZ38" s="78">
        <v>299106</v>
      </c>
      <c r="EA38" s="78">
        <v>406370</v>
      </c>
      <c r="EB38" s="78">
        <v>225170</v>
      </c>
      <c r="EC38" s="81">
        <v>964895</v>
      </c>
      <c r="ED38" s="82">
        <v>964895</v>
      </c>
      <c r="EE38" s="77">
        <v>0</v>
      </c>
      <c r="EF38" s="78">
        <v>0</v>
      </c>
      <c r="EG38" s="79">
        <v>0</v>
      </c>
      <c r="EH38" s="436">
        <v>0</v>
      </c>
      <c r="EI38" s="78">
        <v>21590</v>
      </c>
      <c r="EJ38" s="78">
        <v>13021</v>
      </c>
      <c r="EK38" s="78">
        <v>20099</v>
      </c>
      <c r="EL38" s="78">
        <v>1015</v>
      </c>
      <c r="EM38" s="78">
        <v>203</v>
      </c>
      <c r="EN38" s="81">
        <v>55928</v>
      </c>
      <c r="EO38" s="82">
        <v>55928</v>
      </c>
      <c r="EP38" s="77">
        <v>0</v>
      </c>
      <c r="EQ38" s="78">
        <v>0</v>
      </c>
      <c r="ER38" s="79">
        <v>0</v>
      </c>
      <c r="ES38" s="436"/>
      <c r="ET38" s="78">
        <v>0</v>
      </c>
      <c r="EU38" s="78">
        <v>0</v>
      </c>
      <c r="EV38" s="78">
        <v>0</v>
      </c>
      <c r="EW38" s="78">
        <v>0</v>
      </c>
      <c r="EX38" s="78">
        <v>0</v>
      </c>
      <c r="EY38" s="81">
        <v>0</v>
      </c>
      <c r="EZ38" s="82">
        <v>0</v>
      </c>
      <c r="FA38" s="77">
        <v>0</v>
      </c>
      <c r="FB38" s="78">
        <v>0</v>
      </c>
      <c r="FC38" s="79">
        <v>0</v>
      </c>
      <c r="FD38" s="436">
        <v>0</v>
      </c>
      <c r="FE38" s="78">
        <v>203</v>
      </c>
      <c r="FF38" s="78">
        <v>0</v>
      </c>
      <c r="FG38" s="78">
        <v>43732</v>
      </c>
      <c r="FH38" s="78">
        <v>11150</v>
      </c>
      <c r="FI38" s="78">
        <v>21866</v>
      </c>
      <c r="FJ38" s="81">
        <v>76951</v>
      </c>
      <c r="FK38" s="82">
        <v>76951</v>
      </c>
      <c r="FL38" s="77">
        <v>0</v>
      </c>
      <c r="FM38" s="78">
        <v>0</v>
      </c>
      <c r="FN38" s="79">
        <v>0</v>
      </c>
      <c r="FO38" s="436">
        <v>0</v>
      </c>
      <c r="FP38" s="78">
        <v>0</v>
      </c>
      <c r="FQ38" s="78">
        <v>0</v>
      </c>
      <c r="FR38" s="78">
        <v>0</v>
      </c>
      <c r="FS38" s="78">
        <v>0</v>
      </c>
      <c r="FT38" s="78">
        <v>0</v>
      </c>
      <c r="FU38" s="81">
        <v>0</v>
      </c>
      <c r="FV38" s="82">
        <v>0</v>
      </c>
      <c r="FW38" s="77">
        <v>2820</v>
      </c>
      <c r="FX38" s="78">
        <v>0</v>
      </c>
      <c r="FY38" s="79">
        <v>2820</v>
      </c>
      <c r="FZ38" s="80">
        <v>0</v>
      </c>
      <c r="GA38" s="78">
        <v>18430</v>
      </c>
      <c r="GB38" s="78">
        <v>28155</v>
      </c>
      <c r="GC38" s="78">
        <v>98235</v>
      </c>
      <c r="GD38" s="78">
        <v>10440</v>
      </c>
      <c r="GE38" s="78">
        <v>855</v>
      </c>
      <c r="GF38" s="81">
        <v>156115</v>
      </c>
      <c r="GG38" s="82">
        <v>158935</v>
      </c>
      <c r="GH38" s="77">
        <v>0</v>
      </c>
      <c r="GI38" s="78">
        <v>0</v>
      </c>
      <c r="GJ38" s="79">
        <v>0</v>
      </c>
      <c r="GK38" s="80">
        <v>0</v>
      </c>
      <c r="GL38" s="78">
        <v>0</v>
      </c>
      <c r="GM38" s="78">
        <v>0</v>
      </c>
      <c r="GN38" s="78">
        <v>6100</v>
      </c>
      <c r="GO38" s="78">
        <v>0</v>
      </c>
      <c r="GP38" s="78">
        <v>0</v>
      </c>
      <c r="GQ38" s="81">
        <v>6100</v>
      </c>
      <c r="GR38" s="82">
        <v>6100</v>
      </c>
      <c r="GS38" s="77">
        <v>0</v>
      </c>
      <c r="GT38" s="78">
        <v>0</v>
      </c>
      <c r="GU38" s="79">
        <v>0</v>
      </c>
      <c r="GV38" s="80">
        <v>0</v>
      </c>
      <c r="GW38" s="78">
        <v>0</v>
      </c>
      <c r="GX38" s="78">
        <v>0</v>
      </c>
      <c r="GY38" s="78">
        <v>0</v>
      </c>
      <c r="GZ38" s="78">
        <v>0</v>
      </c>
      <c r="HA38" s="78">
        <v>0</v>
      </c>
      <c r="HB38" s="81">
        <v>0</v>
      </c>
      <c r="HC38" s="82">
        <v>0</v>
      </c>
      <c r="HD38" s="77">
        <v>0</v>
      </c>
      <c r="HE38" s="78">
        <v>0</v>
      </c>
      <c r="HF38" s="79">
        <v>0</v>
      </c>
      <c r="HG38" s="436"/>
      <c r="HH38" s="78">
        <v>0</v>
      </c>
      <c r="HI38" s="78">
        <v>0</v>
      </c>
      <c r="HJ38" s="78">
        <v>0</v>
      </c>
      <c r="HK38" s="78">
        <v>0</v>
      </c>
      <c r="HL38" s="78">
        <v>0</v>
      </c>
      <c r="HM38" s="81">
        <v>0</v>
      </c>
      <c r="HN38" s="82">
        <v>0</v>
      </c>
      <c r="HO38" s="77">
        <v>6590</v>
      </c>
      <c r="HP38" s="78">
        <v>0</v>
      </c>
      <c r="HQ38" s="79">
        <v>6590</v>
      </c>
      <c r="HR38" s="80">
        <v>0</v>
      </c>
      <c r="HS38" s="78">
        <v>220378</v>
      </c>
      <c r="HT38" s="78">
        <v>386074</v>
      </c>
      <c r="HU38" s="78">
        <v>1215140</v>
      </c>
      <c r="HV38" s="78">
        <v>917064</v>
      </c>
      <c r="HW38" s="78">
        <v>491504</v>
      </c>
      <c r="HX38" s="81">
        <v>3230160</v>
      </c>
      <c r="HY38" s="82">
        <v>3236750</v>
      </c>
    </row>
    <row r="39" spans="2:233" s="137" customFormat="1" ht="21" customHeight="1" x14ac:dyDescent="0.2">
      <c r="B39" s="173" t="s">
        <v>36</v>
      </c>
      <c r="C39" s="77">
        <v>0</v>
      </c>
      <c r="D39" s="78">
        <v>0</v>
      </c>
      <c r="E39" s="79">
        <v>0</v>
      </c>
      <c r="F39" s="80">
        <v>0</v>
      </c>
      <c r="G39" s="78">
        <v>91050</v>
      </c>
      <c r="H39" s="78">
        <v>138109</v>
      </c>
      <c r="I39" s="78">
        <v>803895</v>
      </c>
      <c r="J39" s="78">
        <v>992692</v>
      </c>
      <c r="K39" s="78">
        <v>544215</v>
      </c>
      <c r="L39" s="81">
        <v>2569961</v>
      </c>
      <c r="M39" s="82">
        <v>2569961</v>
      </c>
      <c r="N39" s="77">
        <v>0</v>
      </c>
      <c r="O39" s="78">
        <v>0</v>
      </c>
      <c r="P39" s="79">
        <v>0</v>
      </c>
      <c r="Q39" s="436">
        <v>0</v>
      </c>
      <c r="R39" s="78">
        <v>0</v>
      </c>
      <c r="S39" s="78">
        <v>30595</v>
      </c>
      <c r="T39" s="78">
        <v>527925</v>
      </c>
      <c r="U39" s="78">
        <v>674139</v>
      </c>
      <c r="V39" s="78">
        <v>367690</v>
      </c>
      <c r="W39" s="81">
        <v>1600349</v>
      </c>
      <c r="X39" s="82">
        <v>1600349</v>
      </c>
      <c r="Y39" s="77">
        <v>0</v>
      </c>
      <c r="Z39" s="78">
        <v>0</v>
      </c>
      <c r="AA39" s="79">
        <v>0</v>
      </c>
      <c r="AB39" s="436">
        <v>0</v>
      </c>
      <c r="AC39" s="78">
        <v>73515</v>
      </c>
      <c r="AD39" s="78">
        <v>53505</v>
      </c>
      <c r="AE39" s="78">
        <v>257945</v>
      </c>
      <c r="AF39" s="78">
        <v>178309</v>
      </c>
      <c r="AG39" s="78">
        <v>137265</v>
      </c>
      <c r="AH39" s="81">
        <v>700539</v>
      </c>
      <c r="AI39" s="82">
        <v>700539</v>
      </c>
      <c r="AJ39" s="77">
        <v>0</v>
      </c>
      <c r="AK39" s="78">
        <v>0</v>
      </c>
      <c r="AL39" s="79">
        <v>0</v>
      </c>
      <c r="AM39" s="436"/>
      <c r="AN39" s="78">
        <v>0</v>
      </c>
      <c r="AO39" s="78">
        <v>0</v>
      </c>
      <c r="AP39" s="78">
        <v>0</v>
      </c>
      <c r="AQ39" s="78">
        <v>2465</v>
      </c>
      <c r="AR39" s="78">
        <v>2465</v>
      </c>
      <c r="AS39" s="81">
        <v>4930</v>
      </c>
      <c r="AT39" s="82">
        <v>4930</v>
      </c>
      <c r="AU39" s="77">
        <v>0</v>
      </c>
      <c r="AV39" s="78">
        <v>0</v>
      </c>
      <c r="AW39" s="79">
        <v>0</v>
      </c>
      <c r="AX39" s="436"/>
      <c r="AY39" s="78">
        <v>0</v>
      </c>
      <c r="AZ39" s="78">
        <v>0</v>
      </c>
      <c r="BA39" s="78">
        <v>0</v>
      </c>
      <c r="BB39" s="78">
        <v>112375</v>
      </c>
      <c r="BC39" s="78">
        <v>4930</v>
      </c>
      <c r="BD39" s="81">
        <v>117305</v>
      </c>
      <c r="BE39" s="82">
        <v>117305</v>
      </c>
      <c r="BF39" s="77">
        <v>0</v>
      </c>
      <c r="BG39" s="78">
        <v>0</v>
      </c>
      <c r="BH39" s="79">
        <v>0</v>
      </c>
      <c r="BI39" s="436">
        <v>0</v>
      </c>
      <c r="BJ39" s="78">
        <v>0</v>
      </c>
      <c r="BK39" s="78">
        <v>0</v>
      </c>
      <c r="BL39" s="78">
        <v>0</v>
      </c>
      <c r="BM39" s="78">
        <v>0</v>
      </c>
      <c r="BN39" s="78">
        <v>0</v>
      </c>
      <c r="BO39" s="81">
        <v>0</v>
      </c>
      <c r="BP39" s="82">
        <v>0</v>
      </c>
      <c r="BQ39" s="77">
        <v>0</v>
      </c>
      <c r="BR39" s="78">
        <v>0</v>
      </c>
      <c r="BS39" s="79">
        <v>0</v>
      </c>
      <c r="BT39" s="80">
        <v>0</v>
      </c>
      <c r="BU39" s="78">
        <v>13445</v>
      </c>
      <c r="BV39" s="78">
        <v>54009</v>
      </c>
      <c r="BW39" s="78">
        <v>18025</v>
      </c>
      <c r="BX39" s="78">
        <v>25404</v>
      </c>
      <c r="BY39" s="78">
        <v>31865</v>
      </c>
      <c r="BZ39" s="81">
        <v>142748</v>
      </c>
      <c r="CA39" s="82">
        <v>142748</v>
      </c>
      <c r="CB39" s="77">
        <v>0</v>
      </c>
      <c r="CC39" s="78">
        <v>0</v>
      </c>
      <c r="CD39" s="79">
        <v>0</v>
      </c>
      <c r="CE39" s="80">
        <v>0</v>
      </c>
      <c r="CF39" s="78">
        <v>4090</v>
      </c>
      <c r="CG39" s="78">
        <v>0</v>
      </c>
      <c r="CH39" s="78">
        <v>0</v>
      </c>
      <c r="CI39" s="78">
        <v>0</v>
      </c>
      <c r="CJ39" s="78">
        <v>0</v>
      </c>
      <c r="CK39" s="81">
        <v>4090</v>
      </c>
      <c r="CL39" s="82">
        <v>4090</v>
      </c>
      <c r="CM39" s="77">
        <v>0</v>
      </c>
      <c r="CN39" s="78">
        <v>0</v>
      </c>
      <c r="CO39" s="79">
        <v>0</v>
      </c>
      <c r="CP39" s="80">
        <v>0</v>
      </c>
      <c r="CQ39" s="78">
        <v>0</v>
      </c>
      <c r="CR39" s="78">
        <v>0</v>
      </c>
      <c r="CS39" s="78">
        <v>0</v>
      </c>
      <c r="CT39" s="78">
        <v>0</v>
      </c>
      <c r="CU39" s="78">
        <v>0</v>
      </c>
      <c r="CV39" s="81">
        <v>0</v>
      </c>
      <c r="CW39" s="82">
        <v>0</v>
      </c>
      <c r="CX39" s="77">
        <v>0</v>
      </c>
      <c r="CY39" s="78">
        <v>0</v>
      </c>
      <c r="CZ39" s="79">
        <v>0</v>
      </c>
      <c r="DA39" s="436"/>
      <c r="DB39" s="78">
        <v>0</v>
      </c>
      <c r="DC39" s="78">
        <v>0</v>
      </c>
      <c r="DD39" s="78">
        <v>0</v>
      </c>
      <c r="DE39" s="78">
        <v>0</v>
      </c>
      <c r="DF39" s="78">
        <v>0</v>
      </c>
      <c r="DG39" s="81">
        <v>0</v>
      </c>
      <c r="DH39" s="82">
        <v>0</v>
      </c>
      <c r="DI39" s="77">
        <v>0</v>
      </c>
      <c r="DJ39" s="78">
        <v>0</v>
      </c>
      <c r="DK39" s="79">
        <v>0</v>
      </c>
      <c r="DL39" s="80">
        <v>0</v>
      </c>
      <c r="DM39" s="78">
        <v>10326</v>
      </c>
      <c r="DN39" s="78">
        <v>84451</v>
      </c>
      <c r="DO39" s="78">
        <v>672978</v>
      </c>
      <c r="DP39" s="78">
        <v>894747</v>
      </c>
      <c r="DQ39" s="78">
        <v>591936</v>
      </c>
      <c r="DR39" s="81">
        <v>2254438</v>
      </c>
      <c r="DS39" s="83">
        <v>2254438</v>
      </c>
      <c r="DT39" s="77">
        <v>0</v>
      </c>
      <c r="DU39" s="78">
        <v>0</v>
      </c>
      <c r="DV39" s="79">
        <v>0</v>
      </c>
      <c r="DW39" s="436">
        <v>0</v>
      </c>
      <c r="DX39" s="78">
        <v>0</v>
      </c>
      <c r="DY39" s="78">
        <v>14065</v>
      </c>
      <c r="DZ39" s="78">
        <v>634581</v>
      </c>
      <c r="EA39" s="78">
        <v>838679</v>
      </c>
      <c r="EB39" s="78">
        <v>545397</v>
      </c>
      <c r="EC39" s="81">
        <v>2032722</v>
      </c>
      <c r="ED39" s="82">
        <v>2032722</v>
      </c>
      <c r="EE39" s="77">
        <v>0</v>
      </c>
      <c r="EF39" s="78">
        <v>0</v>
      </c>
      <c r="EG39" s="79">
        <v>0</v>
      </c>
      <c r="EH39" s="436">
        <v>0</v>
      </c>
      <c r="EI39" s="78">
        <v>1421</v>
      </c>
      <c r="EJ39" s="78">
        <v>1015</v>
      </c>
      <c r="EK39" s="78">
        <v>3178</v>
      </c>
      <c r="EL39" s="78">
        <v>13143</v>
      </c>
      <c r="EM39" s="78">
        <v>22193</v>
      </c>
      <c r="EN39" s="81">
        <v>40950</v>
      </c>
      <c r="EO39" s="82">
        <v>40950</v>
      </c>
      <c r="EP39" s="77">
        <v>0</v>
      </c>
      <c r="EQ39" s="78">
        <v>0</v>
      </c>
      <c r="ER39" s="79">
        <v>0</v>
      </c>
      <c r="ES39" s="436"/>
      <c r="ET39" s="78">
        <v>0</v>
      </c>
      <c r="EU39" s="78">
        <v>0</v>
      </c>
      <c r="EV39" s="78">
        <v>0</v>
      </c>
      <c r="EW39" s="78">
        <v>0</v>
      </c>
      <c r="EX39" s="78">
        <v>0</v>
      </c>
      <c r="EY39" s="81">
        <v>0</v>
      </c>
      <c r="EZ39" s="82">
        <v>0</v>
      </c>
      <c r="FA39" s="77">
        <v>0</v>
      </c>
      <c r="FB39" s="78">
        <v>0</v>
      </c>
      <c r="FC39" s="79">
        <v>0</v>
      </c>
      <c r="FD39" s="436">
        <v>0</v>
      </c>
      <c r="FE39" s="78">
        <v>0</v>
      </c>
      <c r="FF39" s="78">
        <v>0</v>
      </c>
      <c r="FG39" s="78">
        <v>0</v>
      </c>
      <c r="FH39" s="78">
        <v>11745</v>
      </c>
      <c r="FI39" s="78">
        <v>406</v>
      </c>
      <c r="FJ39" s="81">
        <v>12151</v>
      </c>
      <c r="FK39" s="82">
        <v>12151</v>
      </c>
      <c r="FL39" s="77">
        <v>0</v>
      </c>
      <c r="FM39" s="78">
        <v>0</v>
      </c>
      <c r="FN39" s="79">
        <v>0</v>
      </c>
      <c r="FO39" s="436">
        <v>0</v>
      </c>
      <c r="FP39" s="78">
        <v>0</v>
      </c>
      <c r="FQ39" s="78">
        <v>0</v>
      </c>
      <c r="FR39" s="78">
        <v>0</v>
      </c>
      <c r="FS39" s="78">
        <v>0</v>
      </c>
      <c r="FT39" s="78">
        <v>0</v>
      </c>
      <c r="FU39" s="81">
        <v>0</v>
      </c>
      <c r="FV39" s="82">
        <v>0</v>
      </c>
      <c r="FW39" s="77">
        <v>0</v>
      </c>
      <c r="FX39" s="78">
        <v>0</v>
      </c>
      <c r="FY39" s="79">
        <v>0</v>
      </c>
      <c r="FZ39" s="80">
        <v>0</v>
      </c>
      <c r="GA39" s="78">
        <v>8870</v>
      </c>
      <c r="GB39" s="78">
        <v>69371</v>
      </c>
      <c r="GC39" s="78">
        <v>35219</v>
      </c>
      <c r="GD39" s="78">
        <v>31180</v>
      </c>
      <c r="GE39" s="78">
        <v>23940</v>
      </c>
      <c r="GF39" s="81">
        <v>168580</v>
      </c>
      <c r="GG39" s="82">
        <v>168580</v>
      </c>
      <c r="GH39" s="77">
        <v>0</v>
      </c>
      <c r="GI39" s="78">
        <v>0</v>
      </c>
      <c r="GJ39" s="79">
        <v>0</v>
      </c>
      <c r="GK39" s="80">
        <v>0</v>
      </c>
      <c r="GL39" s="78">
        <v>35</v>
      </c>
      <c r="GM39" s="78">
        <v>0</v>
      </c>
      <c r="GN39" s="78">
        <v>0</v>
      </c>
      <c r="GO39" s="78">
        <v>0</v>
      </c>
      <c r="GP39" s="78">
        <v>0</v>
      </c>
      <c r="GQ39" s="81">
        <v>35</v>
      </c>
      <c r="GR39" s="82">
        <v>35</v>
      </c>
      <c r="GS39" s="77">
        <v>0</v>
      </c>
      <c r="GT39" s="78">
        <v>0</v>
      </c>
      <c r="GU39" s="79">
        <v>0</v>
      </c>
      <c r="GV39" s="80">
        <v>0</v>
      </c>
      <c r="GW39" s="78">
        <v>0</v>
      </c>
      <c r="GX39" s="78">
        <v>0</v>
      </c>
      <c r="GY39" s="78">
        <v>0</v>
      </c>
      <c r="GZ39" s="78">
        <v>0</v>
      </c>
      <c r="HA39" s="78">
        <v>0</v>
      </c>
      <c r="HB39" s="81">
        <v>0</v>
      </c>
      <c r="HC39" s="82">
        <v>0</v>
      </c>
      <c r="HD39" s="77">
        <v>0</v>
      </c>
      <c r="HE39" s="78">
        <v>0</v>
      </c>
      <c r="HF39" s="79">
        <v>0</v>
      </c>
      <c r="HG39" s="436"/>
      <c r="HH39" s="78">
        <v>0</v>
      </c>
      <c r="HI39" s="78">
        <v>0</v>
      </c>
      <c r="HJ39" s="78">
        <v>0</v>
      </c>
      <c r="HK39" s="78">
        <v>0</v>
      </c>
      <c r="HL39" s="78">
        <v>0</v>
      </c>
      <c r="HM39" s="81">
        <v>0</v>
      </c>
      <c r="HN39" s="82">
        <v>0</v>
      </c>
      <c r="HO39" s="77">
        <v>0</v>
      </c>
      <c r="HP39" s="78">
        <v>0</v>
      </c>
      <c r="HQ39" s="79">
        <v>0</v>
      </c>
      <c r="HR39" s="80">
        <v>0</v>
      </c>
      <c r="HS39" s="78">
        <v>101376</v>
      </c>
      <c r="HT39" s="78">
        <v>222560</v>
      </c>
      <c r="HU39" s="78">
        <v>1476873</v>
      </c>
      <c r="HV39" s="78">
        <v>1887439</v>
      </c>
      <c r="HW39" s="78">
        <v>1136151</v>
      </c>
      <c r="HX39" s="81">
        <v>4824399</v>
      </c>
      <c r="HY39" s="82">
        <v>4824399</v>
      </c>
    </row>
    <row r="40" spans="2:233" s="137" customFormat="1" ht="21" customHeight="1" thickBot="1" x14ac:dyDescent="0.25">
      <c r="B40" s="175" t="s">
        <v>37</v>
      </c>
      <c r="C40" s="84">
        <v>0</v>
      </c>
      <c r="D40" s="85">
        <v>0</v>
      </c>
      <c r="E40" s="86">
        <v>0</v>
      </c>
      <c r="F40" s="87">
        <v>0</v>
      </c>
      <c r="G40" s="85">
        <v>0</v>
      </c>
      <c r="H40" s="85">
        <v>30595</v>
      </c>
      <c r="I40" s="85">
        <v>103760</v>
      </c>
      <c r="J40" s="85">
        <v>58580</v>
      </c>
      <c r="K40" s="85">
        <v>61045</v>
      </c>
      <c r="L40" s="88">
        <v>253980</v>
      </c>
      <c r="M40" s="89">
        <v>253980</v>
      </c>
      <c r="N40" s="84">
        <v>0</v>
      </c>
      <c r="O40" s="85">
        <v>0</v>
      </c>
      <c r="P40" s="86">
        <v>0</v>
      </c>
      <c r="Q40" s="437">
        <v>0</v>
      </c>
      <c r="R40" s="85">
        <v>0</v>
      </c>
      <c r="S40" s="85">
        <v>0</v>
      </c>
      <c r="T40" s="85">
        <v>35525</v>
      </c>
      <c r="U40" s="85">
        <v>27985</v>
      </c>
      <c r="V40" s="85">
        <v>37990</v>
      </c>
      <c r="W40" s="88">
        <v>101500</v>
      </c>
      <c r="X40" s="89">
        <v>101500</v>
      </c>
      <c r="Y40" s="84">
        <v>0</v>
      </c>
      <c r="Z40" s="85">
        <v>0</v>
      </c>
      <c r="AA40" s="86">
        <v>0</v>
      </c>
      <c r="AB40" s="437">
        <v>0</v>
      </c>
      <c r="AC40" s="85">
        <v>0</v>
      </c>
      <c r="AD40" s="85">
        <v>30595</v>
      </c>
      <c r="AE40" s="85">
        <v>63655</v>
      </c>
      <c r="AF40" s="85">
        <v>30595</v>
      </c>
      <c r="AG40" s="85">
        <v>23055</v>
      </c>
      <c r="AH40" s="88">
        <v>147900</v>
      </c>
      <c r="AI40" s="89">
        <v>147900</v>
      </c>
      <c r="AJ40" s="84">
        <v>0</v>
      </c>
      <c r="AK40" s="85">
        <v>0</v>
      </c>
      <c r="AL40" s="86">
        <v>0</v>
      </c>
      <c r="AM40" s="437"/>
      <c r="AN40" s="85">
        <v>0</v>
      </c>
      <c r="AO40" s="85">
        <v>0</v>
      </c>
      <c r="AP40" s="85">
        <v>0</v>
      </c>
      <c r="AQ40" s="85">
        <v>0</v>
      </c>
      <c r="AR40" s="85">
        <v>0</v>
      </c>
      <c r="AS40" s="88">
        <v>0</v>
      </c>
      <c r="AT40" s="89">
        <v>0</v>
      </c>
      <c r="AU40" s="84">
        <v>0</v>
      </c>
      <c r="AV40" s="85">
        <v>0</v>
      </c>
      <c r="AW40" s="86">
        <v>0</v>
      </c>
      <c r="AX40" s="437"/>
      <c r="AY40" s="85">
        <v>0</v>
      </c>
      <c r="AZ40" s="85">
        <v>0</v>
      </c>
      <c r="BA40" s="85">
        <v>0</v>
      </c>
      <c r="BB40" s="85">
        <v>0</v>
      </c>
      <c r="BC40" s="85">
        <v>0</v>
      </c>
      <c r="BD40" s="88">
        <v>0</v>
      </c>
      <c r="BE40" s="89">
        <v>0</v>
      </c>
      <c r="BF40" s="84">
        <v>0</v>
      </c>
      <c r="BG40" s="85">
        <v>0</v>
      </c>
      <c r="BH40" s="86">
        <v>0</v>
      </c>
      <c r="BI40" s="437">
        <v>0</v>
      </c>
      <c r="BJ40" s="85">
        <v>0</v>
      </c>
      <c r="BK40" s="85">
        <v>0</v>
      </c>
      <c r="BL40" s="85">
        <v>0</v>
      </c>
      <c r="BM40" s="85">
        <v>0</v>
      </c>
      <c r="BN40" s="85">
        <v>0</v>
      </c>
      <c r="BO40" s="88">
        <v>0</v>
      </c>
      <c r="BP40" s="89">
        <v>0</v>
      </c>
      <c r="BQ40" s="84">
        <v>0</v>
      </c>
      <c r="BR40" s="85">
        <v>0</v>
      </c>
      <c r="BS40" s="86">
        <v>0</v>
      </c>
      <c r="BT40" s="87">
        <v>0</v>
      </c>
      <c r="BU40" s="85">
        <v>0</v>
      </c>
      <c r="BV40" s="85">
        <v>0</v>
      </c>
      <c r="BW40" s="85">
        <v>4580</v>
      </c>
      <c r="BX40" s="85">
        <v>0</v>
      </c>
      <c r="BY40" s="85">
        <v>0</v>
      </c>
      <c r="BZ40" s="88">
        <v>4580</v>
      </c>
      <c r="CA40" s="89">
        <v>4580</v>
      </c>
      <c r="CB40" s="84">
        <v>0</v>
      </c>
      <c r="CC40" s="85">
        <v>0</v>
      </c>
      <c r="CD40" s="86">
        <v>0</v>
      </c>
      <c r="CE40" s="87">
        <v>0</v>
      </c>
      <c r="CF40" s="85">
        <v>0</v>
      </c>
      <c r="CG40" s="85">
        <v>0</v>
      </c>
      <c r="CH40" s="85">
        <v>0</v>
      </c>
      <c r="CI40" s="85">
        <v>0</v>
      </c>
      <c r="CJ40" s="85">
        <v>0</v>
      </c>
      <c r="CK40" s="88">
        <v>0</v>
      </c>
      <c r="CL40" s="89">
        <v>0</v>
      </c>
      <c r="CM40" s="84">
        <v>0</v>
      </c>
      <c r="CN40" s="85">
        <v>0</v>
      </c>
      <c r="CO40" s="86">
        <v>0</v>
      </c>
      <c r="CP40" s="87">
        <v>0</v>
      </c>
      <c r="CQ40" s="85">
        <v>0</v>
      </c>
      <c r="CR40" s="85">
        <v>0</v>
      </c>
      <c r="CS40" s="85">
        <v>0</v>
      </c>
      <c r="CT40" s="85">
        <v>0</v>
      </c>
      <c r="CU40" s="85">
        <v>0</v>
      </c>
      <c r="CV40" s="88">
        <v>0</v>
      </c>
      <c r="CW40" s="89">
        <v>0</v>
      </c>
      <c r="CX40" s="84">
        <v>0</v>
      </c>
      <c r="CY40" s="85">
        <v>0</v>
      </c>
      <c r="CZ40" s="86">
        <v>0</v>
      </c>
      <c r="DA40" s="437"/>
      <c r="DB40" s="85">
        <v>0</v>
      </c>
      <c r="DC40" s="85">
        <v>0</v>
      </c>
      <c r="DD40" s="85">
        <v>0</v>
      </c>
      <c r="DE40" s="85">
        <v>0</v>
      </c>
      <c r="DF40" s="85">
        <v>0</v>
      </c>
      <c r="DG40" s="88">
        <v>0</v>
      </c>
      <c r="DH40" s="89">
        <v>0</v>
      </c>
      <c r="DI40" s="84">
        <v>0</v>
      </c>
      <c r="DJ40" s="85">
        <v>0</v>
      </c>
      <c r="DK40" s="86">
        <v>0</v>
      </c>
      <c r="DL40" s="87">
        <v>0</v>
      </c>
      <c r="DM40" s="85">
        <v>0</v>
      </c>
      <c r="DN40" s="85">
        <v>203</v>
      </c>
      <c r="DO40" s="85">
        <v>58002</v>
      </c>
      <c r="DP40" s="85">
        <v>48517</v>
      </c>
      <c r="DQ40" s="85">
        <v>62582</v>
      </c>
      <c r="DR40" s="88">
        <v>169304</v>
      </c>
      <c r="DS40" s="90">
        <v>169304</v>
      </c>
      <c r="DT40" s="84">
        <v>0</v>
      </c>
      <c r="DU40" s="85">
        <v>0</v>
      </c>
      <c r="DV40" s="86">
        <v>0</v>
      </c>
      <c r="DW40" s="437">
        <v>0</v>
      </c>
      <c r="DX40" s="85">
        <v>0</v>
      </c>
      <c r="DY40" s="85">
        <v>0</v>
      </c>
      <c r="DZ40" s="85">
        <v>54433</v>
      </c>
      <c r="EA40" s="85">
        <v>48314</v>
      </c>
      <c r="EB40" s="85">
        <v>62379</v>
      </c>
      <c r="EC40" s="88">
        <v>165126</v>
      </c>
      <c r="ED40" s="89">
        <v>165126</v>
      </c>
      <c r="EE40" s="84">
        <v>0</v>
      </c>
      <c r="EF40" s="85">
        <v>0</v>
      </c>
      <c r="EG40" s="86">
        <v>0</v>
      </c>
      <c r="EH40" s="437">
        <v>0</v>
      </c>
      <c r="EI40" s="85">
        <v>0</v>
      </c>
      <c r="EJ40" s="85">
        <v>203</v>
      </c>
      <c r="EK40" s="85">
        <v>609</v>
      </c>
      <c r="EL40" s="85">
        <v>203</v>
      </c>
      <c r="EM40" s="85">
        <v>203</v>
      </c>
      <c r="EN40" s="88">
        <v>1218</v>
      </c>
      <c r="EO40" s="89">
        <v>1218</v>
      </c>
      <c r="EP40" s="84">
        <v>0</v>
      </c>
      <c r="EQ40" s="85">
        <v>0</v>
      </c>
      <c r="ER40" s="86">
        <v>0</v>
      </c>
      <c r="ES40" s="437"/>
      <c r="ET40" s="85">
        <v>0</v>
      </c>
      <c r="EU40" s="85">
        <v>0</v>
      </c>
      <c r="EV40" s="85">
        <v>0</v>
      </c>
      <c r="EW40" s="85">
        <v>0</v>
      </c>
      <c r="EX40" s="85">
        <v>0</v>
      </c>
      <c r="EY40" s="88">
        <v>0</v>
      </c>
      <c r="EZ40" s="89">
        <v>0</v>
      </c>
      <c r="FA40" s="84">
        <v>0</v>
      </c>
      <c r="FB40" s="85">
        <v>0</v>
      </c>
      <c r="FC40" s="86">
        <v>0</v>
      </c>
      <c r="FD40" s="437">
        <v>0</v>
      </c>
      <c r="FE40" s="85">
        <v>0</v>
      </c>
      <c r="FF40" s="85">
        <v>0</v>
      </c>
      <c r="FG40" s="85">
        <v>0</v>
      </c>
      <c r="FH40" s="85">
        <v>0</v>
      </c>
      <c r="FI40" s="85">
        <v>0</v>
      </c>
      <c r="FJ40" s="88">
        <v>0</v>
      </c>
      <c r="FK40" s="89">
        <v>0</v>
      </c>
      <c r="FL40" s="84">
        <v>0</v>
      </c>
      <c r="FM40" s="85">
        <v>0</v>
      </c>
      <c r="FN40" s="86">
        <v>0</v>
      </c>
      <c r="FO40" s="437">
        <v>0</v>
      </c>
      <c r="FP40" s="85">
        <v>0</v>
      </c>
      <c r="FQ40" s="85">
        <v>0</v>
      </c>
      <c r="FR40" s="85">
        <v>0</v>
      </c>
      <c r="FS40" s="85">
        <v>0</v>
      </c>
      <c r="FT40" s="85">
        <v>0</v>
      </c>
      <c r="FU40" s="88">
        <v>0</v>
      </c>
      <c r="FV40" s="89">
        <v>0</v>
      </c>
      <c r="FW40" s="84">
        <v>0</v>
      </c>
      <c r="FX40" s="85">
        <v>0</v>
      </c>
      <c r="FY40" s="86">
        <v>0</v>
      </c>
      <c r="FZ40" s="87">
        <v>0</v>
      </c>
      <c r="GA40" s="85">
        <v>0</v>
      </c>
      <c r="GB40" s="85">
        <v>0</v>
      </c>
      <c r="GC40" s="85">
        <v>2960</v>
      </c>
      <c r="GD40" s="85">
        <v>0</v>
      </c>
      <c r="GE40" s="85">
        <v>0</v>
      </c>
      <c r="GF40" s="88">
        <v>2960</v>
      </c>
      <c r="GG40" s="89">
        <v>2960</v>
      </c>
      <c r="GH40" s="84">
        <v>0</v>
      </c>
      <c r="GI40" s="85">
        <v>0</v>
      </c>
      <c r="GJ40" s="86">
        <v>0</v>
      </c>
      <c r="GK40" s="87">
        <v>0</v>
      </c>
      <c r="GL40" s="85">
        <v>0</v>
      </c>
      <c r="GM40" s="85">
        <v>0</v>
      </c>
      <c r="GN40" s="85">
        <v>0</v>
      </c>
      <c r="GO40" s="85">
        <v>0</v>
      </c>
      <c r="GP40" s="85">
        <v>0</v>
      </c>
      <c r="GQ40" s="88">
        <v>0</v>
      </c>
      <c r="GR40" s="89">
        <v>0</v>
      </c>
      <c r="GS40" s="84">
        <v>0</v>
      </c>
      <c r="GT40" s="85">
        <v>0</v>
      </c>
      <c r="GU40" s="86">
        <v>0</v>
      </c>
      <c r="GV40" s="87">
        <v>0</v>
      </c>
      <c r="GW40" s="85">
        <v>0</v>
      </c>
      <c r="GX40" s="85">
        <v>0</v>
      </c>
      <c r="GY40" s="85">
        <v>0</v>
      </c>
      <c r="GZ40" s="85">
        <v>0</v>
      </c>
      <c r="HA40" s="85">
        <v>0</v>
      </c>
      <c r="HB40" s="88">
        <v>0</v>
      </c>
      <c r="HC40" s="89">
        <v>0</v>
      </c>
      <c r="HD40" s="84">
        <v>0</v>
      </c>
      <c r="HE40" s="85">
        <v>0</v>
      </c>
      <c r="HF40" s="86">
        <v>0</v>
      </c>
      <c r="HG40" s="437"/>
      <c r="HH40" s="85">
        <v>0</v>
      </c>
      <c r="HI40" s="85">
        <v>0</v>
      </c>
      <c r="HJ40" s="85">
        <v>0</v>
      </c>
      <c r="HK40" s="85">
        <v>0</v>
      </c>
      <c r="HL40" s="85">
        <v>0</v>
      </c>
      <c r="HM40" s="88">
        <v>0</v>
      </c>
      <c r="HN40" s="89">
        <v>0</v>
      </c>
      <c r="HO40" s="84">
        <v>0</v>
      </c>
      <c r="HP40" s="85">
        <v>0</v>
      </c>
      <c r="HQ40" s="86">
        <v>0</v>
      </c>
      <c r="HR40" s="87">
        <v>0</v>
      </c>
      <c r="HS40" s="85">
        <v>0</v>
      </c>
      <c r="HT40" s="85">
        <v>30798</v>
      </c>
      <c r="HU40" s="85">
        <v>161762</v>
      </c>
      <c r="HV40" s="85">
        <v>107097</v>
      </c>
      <c r="HW40" s="85">
        <v>123627</v>
      </c>
      <c r="HX40" s="88">
        <v>423284</v>
      </c>
      <c r="HY40" s="89">
        <v>423284</v>
      </c>
    </row>
    <row r="41" spans="2:233" x14ac:dyDescent="0.2">
      <c r="B41" s="138" t="s">
        <v>84</v>
      </c>
    </row>
  </sheetData>
  <mergeCells count="88">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138" customWidth="1"/>
    <col min="2" max="2" width="9.77734375" style="138" customWidth="1"/>
    <col min="3" max="11" width="7.88671875" style="137" customWidth="1"/>
    <col min="12" max="13" width="8.77734375" style="137" customWidth="1"/>
    <col min="14" max="33" width="7.88671875" style="137" customWidth="1"/>
    <col min="34" max="34" width="9.109375" style="137" customWidth="1"/>
    <col min="35" max="35" width="8.44140625" style="137" customWidth="1"/>
    <col min="36" max="55" width="7.88671875" style="137" customWidth="1"/>
    <col min="56" max="56" width="9.109375" style="137" customWidth="1"/>
    <col min="57" max="57" width="8.44140625" style="137" customWidth="1"/>
    <col min="58" max="77" width="7.88671875" style="137" customWidth="1"/>
    <col min="78" max="78" width="9.109375" style="137" customWidth="1"/>
    <col min="79" max="79" width="8.44140625" style="137" customWidth="1"/>
    <col min="80" max="86" width="7.88671875" style="137" customWidth="1"/>
    <col min="87" max="93" width="9" style="137"/>
    <col min="94" max="94" width="8.44140625" style="137" customWidth="1"/>
    <col min="95" max="102" width="9" style="137"/>
    <col min="103" max="104" width="9" style="138"/>
    <col min="105" max="105" width="7.77734375" style="138" customWidth="1"/>
    <col min="106" max="115" width="9" style="138"/>
    <col min="116" max="116" width="7.77734375" style="138" customWidth="1"/>
    <col min="117" max="126" width="9" style="138"/>
    <col min="127" max="127" width="7.77734375" style="138" customWidth="1"/>
    <col min="128" max="137" width="9" style="138"/>
    <col min="138" max="138" width="8" style="138" customWidth="1"/>
    <col min="139" max="148" width="9" style="138"/>
    <col min="149" max="149" width="7.77734375" style="138" customWidth="1"/>
    <col min="150" max="159" width="9" style="138"/>
    <col min="160" max="160" width="7.44140625" style="138" customWidth="1"/>
    <col min="161" max="170" width="9" style="138"/>
    <col min="171" max="171" width="7.88671875" style="138" customWidth="1"/>
    <col min="172" max="181" width="9" style="138"/>
    <col min="182" max="182" width="7.21875" style="138" customWidth="1"/>
    <col min="183" max="192" width="9" style="138"/>
    <col min="193" max="193" width="8" style="138" customWidth="1"/>
    <col min="194" max="203" width="9" style="138"/>
    <col min="204" max="204" width="7.88671875" style="138" customWidth="1"/>
    <col min="205" max="214" width="9" style="138"/>
    <col min="215" max="215" width="7.88671875" style="138" customWidth="1"/>
    <col min="216" max="225" width="9" style="138"/>
    <col min="226" max="226" width="7.33203125" style="138" customWidth="1"/>
    <col min="227" max="236" width="9" style="138"/>
    <col min="237" max="237" width="7.6640625" style="138" customWidth="1"/>
    <col min="238" max="247" width="9" style="138"/>
    <col min="248" max="248" width="8" style="138" customWidth="1"/>
    <col min="249" max="258" width="9" style="138"/>
    <col min="259" max="259" width="8" style="138" customWidth="1"/>
    <col min="260" max="269" width="9" style="138"/>
    <col min="270" max="270" width="8" style="138" customWidth="1"/>
    <col min="271" max="280" width="9" style="138"/>
    <col min="281" max="281" width="8" style="138" customWidth="1"/>
    <col min="282" max="291" width="9" style="138"/>
    <col min="292" max="292" width="8.109375" style="138" customWidth="1"/>
    <col min="293" max="16384" width="9" style="138"/>
  </cols>
  <sheetData>
    <row r="1" spans="2:299" ht="24" customHeight="1" x14ac:dyDescent="0.2">
      <c r="B1" s="9" t="s">
        <v>119</v>
      </c>
      <c r="F1" s="464">
        <f>第１表!F2</f>
        <v>6</v>
      </c>
      <c r="G1" s="464"/>
      <c r="H1" s="43">
        <f>第１表!G2</f>
        <v>4</v>
      </c>
      <c r="I1" s="463">
        <f>H1</f>
        <v>4</v>
      </c>
      <c r="J1" s="463"/>
    </row>
    <row r="2" spans="2:299" ht="24" customHeight="1" thickBot="1" x14ac:dyDescent="0.25">
      <c r="B2" s="10" t="s">
        <v>129</v>
      </c>
    </row>
    <row r="3" spans="2:299" ht="21" customHeight="1" thickBot="1" x14ac:dyDescent="0.25">
      <c r="B3" s="450" t="s">
        <v>38</v>
      </c>
      <c r="C3" s="445" t="s">
        <v>96</v>
      </c>
      <c r="D3" s="445"/>
      <c r="E3" s="445"/>
      <c r="F3" s="445"/>
      <c r="G3" s="445"/>
      <c r="H3" s="445"/>
      <c r="I3" s="445"/>
      <c r="J3" s="445"/>
      <c r="K3" s="445"/>
      <c r="L3" s="445"/>
      <c r="M3" s="445"/>
      <c r="N3" s="445"/>
      <c r="O3" s="445"/>
      <c r="P3" s="445"/>
      <c r="Q3" s="445"/>
      <c r="R3" s="445"/>
      <c r="S3" s="445"/>
      <c r="T3" s="445"/>
      <c r="U3" s="445"/>
      <c r="V3" s="445"/>
      <c r="W3" s="445"/>
      <c r="X3" s="445"/>
      <c r="Y3" s="445"/>
      <c r="Z3" s="445"/>
      <c r="AA3" s="445"/>
      <c r="AB3" s="445"/>
      <c r="AC3" s="445"/>
      <c r="AD3" s="445"/>
      <c r="AE3" s="445"/>
      <c r="AF3" s="445"/>
      <c r="AG3" s="445"/>
      <c r="AH3" s="445"/>
      <c r="AI3" s="445"/>
      <c r="AJ3" s="445"/>
      <c r="AK3" s="445"/>
      <c r="AL3" s="445"/>
      <c r="AM3" s="445"/>
      <c r="AN3" s="445"/>
      <c r="AO3" s="445"/>
      <c r="AP3" s="445"/>
      <c r="AQ3" s="445"/>
      <c r="AR3" s="445"/>
      <c r="AS3" s="445"/>
      <c r="AT3" s="445"/>
      <c r="AU3" s="445"/>
      <c r="AV3" s="445"/>
      <c r="AW3" s="445"/>
      <c r="AX3" s="445"/>
      <c r="AY3" s="445"/>
      <c r="AZ3" s="445"/>
      <c r="BA3" s="445"/>
      <c r="BB3" s="445"/>
      <c r="BC3" s="445"/>
      <c r="BD3" s="445"/>
      <c r="BE3" s="445"/>
      <c r="BF3" s="445"/>
      <c r="BG3" s="445"/>
      <c r="BH3" s="445"/>
      <c r="BI3" s="445"/>
      <c r="BJ3" s="445"/>
      <c r="BK3" s="445"/>
      <c r="BL3" s="445"/>
      <c r="BM3" s="445"/>
      <c r="BN3" s="445"/>
      <c r="BO3" s="445"/>
      <c r="BP3" s="445"/>
      <c r="BQ3" s="445"/>
      <c r="BR3" s="445"/>
      <c r="BS3" s="445"/>
      <c r="BT3" s="445"/>
      <c r="BU3" s="445"/>
      <c r="BV3" s="445"/>
      <c r="BW3" s="445"/>
      <c r="BX3" s="445"/>
      <c r="BY3" s="445"/>
      <c r="BZ3" s="445"/>
      <c r="CA3" s="445"/>
      <c r="CB3" s="445"/>
      <c r="CC3" s="445"/>
      <c r="CD3" s="445"/>
      <c r="CE3" s="445"/>
      <c r="CF3" s="445"/>
      <c r="CG3" s="445"/>
      <c r="CH3" s="445"/>
      <c r="CI3" s="445"/>
      <c r="CJ3" s="445"/>
      <c r="CK3" s="445"/>
      <c r="CL3" s="445"/>
      <c r="CM3" s="445"/>
      <c r="CN3" s="445"/>
      <c r="CO3" s="445"/>
      <c r="CP3" s="445"/>
      <c r="CQ3" s="445"/>
      <c r="CR3" s="445"/>
      <c r="CS3" s="445"/>
      <c r="CT3" s="445"/>
      <c r="CU3" s="445"/>
      <c r="CV3" s="445"/>
      <c r="CW3" s="446"/>
      <c r="CX3" s="445" t="s">
        <v>102</v>
      </c>
      <c r="CY3" s="445"/>
      <c r="CZ3" s="445"/>
      <c r="DA3" s="445"/>
      <c r="DB3" s="445"/>
      <c r="DC3" s="445"/>
      <c r="DD3" s="445"/>
      <c r="DE3" s="445"/>
      <c r="DF3" s="445"/>
      <c r="DG3" s="445"/>
      <c r="DH3" s="445"/>
      <c r="DI3" s="445"/>
      <c r="DJ3" s="445"/>
      <c r="DK3" s="445"/>
      <c r="DL3" s="445"/>
      <c r="DM3" s="445"/>
      <c r="DN3" s="445"/>
      <c r="DO3" s="445"/>
      <c r="DP3" s="445"/>
      <c r="DQ3" s="445"/>
      <c r="DR3" s="445"/>
      <c r="DS3" s="445"/>
      <c r="DT3" s="445"/>
      <c r="DU3" s="445"/>
      <c r="DV3" s="445"/>
      <c r="DW3" s="445"/>
      <c r="DX3" s="445"/>
      <c r="DY3" s="445"/>
      <c r="DZ3" s="445"/>
      <c r="EA3" s="445"/>
      <c r="EB3" s="445"/>
      <c r="EC3" s="445"/>
      <c r="ED3" s="445"/>
      <c r="EE3" s="445"/>
      <c r="EF3" s="445"/>
      <c r="EG3" s="445"/>
      <c r="EH3" s="445"/>
      <c r="EI3" s="445"/>
      <c r="EJ3" s="445"/>
      <c r="EK3" s="445"/>
      <c r="EL3" s="445"/>
      <c r="EM3" s="445"/>
      <c r="EN3" s="445"/>
      <c r="EO3" s="445"/>
      <c r="EP3" s="445"/>
      <c r="EQ3" s="445"/>
      <c r="ER3" s="445"/>
      <c r="ES3" s="445"/>
      <c r="ET3" s="445"/>
      <c r="EU3" s="445"/>
      <c r="EV3" s="445"/>
      <c r="EW3" s="445"/>
      <c r="EX3" s="445"/>
      <c r="EY3" s="445"/>
      <c r="EZ3" s="445"/>
      <c r="FA3" s="445"/>
      <c r="FB3" s="445"/>
      <c r="FC3" s="445"/>
      <c r="FD3" s="445"/>
      <c r="FE3" s="445"/>
      <c r="FF3" s="445"/>
      <c r="FG3" s="445"/>
      <c r="FH3" s="445"/>
      <c r="FI3" s="445"/>
      <c r="FJ3" s="445"/>
      <c r="FK3" s="445"/>
      <c r="FL3" s="445"/>
      <c r="FM3" s="445"/>
      <c r="FN3" s="445"/>
      <c r="FO3" s="445"/>
      <c r="FP3" s="445"/>
      <c r="FQ3" s="445"/>
      <c r="FR3" s="445"/>
      <c r="FS3" s="445"/>
      <c r="FT3" s="445"/>
      <c r="FU3" s="445"/>
      <c r="FV3" s="445"/>
      <c r="FW3" s="445"/>
      <c r="FX3" s="445"/>
      <c r="FY3" s="445"/>
      <c r="FZ3" s="445"/>
      <c r="GA3" s="445"/>
      <c r="GB3" s="445"/>
      <c r="GC3" s="445"/>
      <c r="GD3" s="445"/>
      <c r="GE3" s="445"/>
      <c r="GF3" s="445"/>
      <c r="GG3" s="445"/>
      <c r="GH3" s="445"/>
      <c r="GI3" s="445"/>
      <c r="GJ3" s="445"/>
      <c r="GK3" s="445"/>
      <c r="GL3" s="445"/>
      <c r="GM3" s="445"/>
      <c r="GN3" s="445"/>
      <c r="GO3" s="445"/>
      <c r="GP3" s="445"/>
      <c r="GQ3" s="445"/>
      <c r="GR3" s="446"/>
      <c r="GS3" s="445" t="s">
        <v>103</v>
      </c>
      <c r="GT3" s="445"/>
      <c r="GU3" s="445"/>
      <c r="GV3" s="445"/>
      <c r="GW3" s="445"/>
      <c r="GX3" s="445"/>
      <c r="GY3" s="445"/>
      <c r="GZ3" s="445"/>
      <c r="HA3" s="445"/>
      <c r="HB3" s="445"/>
      <c r="HC3" s="445"/>
      <c r="HD3" s="445"/>
      <c r="HE3" s="445"/>
      <c r="HF3" s="445"/>
      <c r="HG3" s="445"/>
      <c r="HH3" s="445"/>
      <c r="HI3" s="445"/>
      <c r="HJ3" s="445"/>
      <c r="HK3" s="445"/>
      <c r="HL3" s="445"/>
      <c r="HM3" s="445"/>
      <c r="HN3" s="445"/>
      <c r="HO3" s="445"/>
      <c r="HP3" s="445"/>
      <c r="HQ3" s="445"/>
      <c r="HR3" s="445"/>
      <c r="HS3" s="445"/>
      <c r="HT3" s="445"/>
      <c r="HU3" s="445"/>
      <c r="HV3" s="445"/>
      <c r="HW3" s="445"/>
      <c r="HX3" s="445"/>
      <c r="HY3" s="445"/>
      <c r="HZ3" s="445"/>
      <c r="IA3" s="445"/>
      <c r="IB3" s="445"/>
      <c r="IC3" s="445"/>
      <c r="ID3" s="445"/>
      <c r="IE3" s="445"/>
      <c r="IF3" s="445"/>
      <c r="IG3" s="445"/>
      <c r="IH3" s="445"/>
      <c r="II3" s="445"/>
      <c r="IJ3" s="445"/>
      <c r="IK3" s="445"/>
      <c r="IL3" s="445"/>
      <c r="IM3" s="445"/>
      <c r="IN3" s="445"/>
      <c r="IO3" s="445"/>
      <c r="IP3" s="445"/>
      <c r="IQ3" s="445"/>
      <c r="IR3" s="445"/>
      <c r="IS3" s="445"/>
      <c r="IT3" s="445"/>
      <c r="IU3" s="445"/>
      <c r="IV3" s="445"/>
      <c r="IW3" s="445"/>
      <c r="IX3" s="445"/>
      <c r="IY3" s="445"/>
      <c r="IZ3" s="445"/>
      <c r="JA3" s="445"/>
      <c r="JB3" s="445"/>
      <c r="JC3" s="445"/>
      <c r="JD3" s="445"/>
      <c r="JE3" s="445"/>
      <c r="JF3" s="445"/>
      <c r="JG3" s="445"/>
      <c r="JH3" s="445"/>
      <c r="JI3" s="445"/>
      <c r="JJ3" s="445"/>
      <c r="JK3" s="445"/>
      <c r="JL3" s="445"/>
      <c r="JM3" s="445"/>
      <c r="JN3" s="445"/>
      <c r="JO3" s="445"/>
      <c r="JP3" s="445"/>
      <c r="JQ3" s="445"/>
      <c r="JR3" s="445"/>
      <c r="JS3" s="445"/>
      <c r="JT3" s="445"/>
      <c r="JU3" s="445"/>
      <c r="JV3" s="445"/>
      <c r="JW3" s="445"/>
      <c r="JX3" s="445"/>
      <c r="JY3" s="445"/>
      <c r="JZ3" s="445"/>
      <c r="KA3" s="445"/>
      <c r="KB3" s="445"/>
      <c r="KC3" s="445"/>
      <c r="KD3" s="445"/>
      <c r="KE3" s="445"/>
      <c r="KF3" s="445"/>
      <c r="KG3" s="445"/>
      <c r="KH3" s="445"/>
      <c r="KI3" s="445"/>
      <c r="KJ3" s="445"/>
      <c r="KK3" s="445"/>
      <c r="KL3" s="445"/>
      <c r="KM3" s="446"/>
    </row>
    <row r="4" spans="2:299" ht="21" customHeight="1" thickBot="1" x14ac:dyDescent="0.25">
      <c r="B4" s="462"/>
      <c r="C4" s="447" t="s">
        <v>39</v>
      </c>
      <c r="D4" s="448"/>
      <c r="E4" s="448"/>
      <c r="F4" s="448"/>
      <c r="G4" s="448"/>
      <c r="H4" s="448"/>
      <c r="I4" s="448"/>
      <c r="J4" s="448"/>
      <c r="K4" s="448"/>
      <c r="L4" s="448"/>
      <c r="M4" s="448"/>
      <c r="N4" s="448"/>
      <c r="O4" s="448"/>
      <c r="P4" s="448"/>
      <c r="Q4" s="448"/>
      <c r="R4" s="448"/>
      <c r="S4" s="448"/>
      <c r="T4" s="448"/>
      <c r="U4" s="448"/>
      <c r="V4" s="448"/>
      <c r="W4" s="448"/>
      <c r="X4" s="448"/>
      <c r="Y4" s="448"/>
      <c r="Z4" s="448"/>
      <c r="AA4" s="448"/>
      <c r="AB4" s="448"/>
      <c r="AC4" s="448"/>
      <c r="AD4" s="448"/>
      <c r="AE4" s="448"/>
      <c r="AF4" s="448"/>
      <c r="AG4" s="448"/>
      <c r="AH4" s="448"/>
      <c r="AI4" s="448"/>
      <c r="AJ4" s="448"/>
      <c r="AK4" s="448"/>
      <c r="AL4" s="448"/>
      <c r="AM4" s="448"/>
      <c r="AN4" s="448"/>
      <c r="AO4" s="448"/>
      <c r="AP4" s="448"/>
      <c r="AQ4" s="448"/>
      <c r="AR4" s="448"/>
      <c r="AS4" s="448"/>
      <c r="AT4" s="448"/>
      <c r="AU4" s="448"/>
      <c r="AV4" s="448"/>
      <c r="AW4" s="448"/>
      <c r="AX4" s="448"/>
      <c r="AY4" s="448"/>
      <c r="AZ4" s="448"/>
      <c r="BA4" s="448"/>
      <c r="BB4" s="448"/>
      <c r="BC4" s="448"/>
      <c r="BD4" s="448"/>
      <c r="BE4" s="448"/>
      <c r="BF4" s="448"/>
      <c r="BG4" s="448"/>
      <c r="BH4" s="448"/>
      <c r="BI4" s="448"/>
      <c r="BJ4" s="448"/>
      <c r="BK4" s="448"/>
      <c r="BL4" s="448"/>
      <c r="BM4" s="448"/>
      <c r="BN4" s="448"/>
      <c r="BO4" s="448"/>
      <c r="BP4" s="448"/>
      <c r="BQ4" s="448"/>
      <c r="BR4" s="448"/>
      <c r="BS4" s="448"/>
      <c r="BT4" s="448"/>
      <c r="BU4" s="448"/>
      <c r="BV4" s="448"/>
      <c r="BW4" s="448"/>
      <c r="BX4" s="448"/>
      <c r="BY4" s="448"/>
      <c r="BZ4" s="448"/>
      <c r="CA4" s="449"/>
      <c r="CB4" s="450" t="s">
        <v>40</v>
      </c>
      <c r="CC4" s="451"/>
      <c r="CD4" s="451"/>
      <c r="CE4" s="451"/>
      <c r="CF4" s="451"/>
      <c r="CG4" s="451"/>
      <c r="CH4" s="451"/>
      <c r="CI4" s="451"/>
      <c r="CJ4" s="451"/>
      <c r="CK4" s="451"/>
      <c r="CL4" s="452"/>
      <c r="CM4" s="450" t="s">
        <v>41</v>
      </c>
      <c r="CN4" s="451"/>
      <c r="CO4" s="451"/>
      <c r="CP4" s="451"/>
      <c r="CQ4" s="451"/>
      <c r="CR4" s="451"/>
      <c r="CS4" s="451"/>
      <c r="CT4" s="451"/>
      <c r="CU4" s="451"/>
      <c r="CV4" s="451"/>
      <c r="CW4" s="452"/>
      <c r="CX4" s="447" t="s">
        <v>39</v>
      </c>
      <c r="CY4" s="448"/>
      <c r="CZ4" s="448"/>
      <c r="DA4" s="448"/>
      <c r="DB4" s="448"/>
      <c r="DC4" s="448"/>
      <c r="DD4" s="448"/>
      <c r="DE4" s="448"/>
      <c r="DF4" s="448"/>
      <c r="DG4" s="448"/>
      <c r="DH4" s="448"/>
      <c r="DI4" s="448"/>
      <c r="DJ4" s="448"/>
      <c r="DK4" s="448"/>
      <c r="DL4" s="448"/>
      <c r="DM4" s="448"/>
      <c r="DN4" s="448"/>
      <c r="DO4" s="448"/>
      <c r="DP4" s="448"/>
      <c r="DQ4" s="448"/>
      <c r="DR4" s="448"/>
      <c r="DS4" s="448"/>
      <c r="DT4" s="448"/>
      <c r="DU4" s="448"/>
      <c r="DV4" s="448"/>
      <c r="DW4" s="448"/>
      <c r="DX4" s="448"/>
      <c r="DY4" s="448"/>
      <c r="DZ4" s="448"/>
      <c r="EA4" s="448"/>
      <c r="EB4" s="448"/>
      <c r="EC4" s="448"/>
      <c r="ED4" s="448"/>
      <c r="EE4" s="448"/>
      <c r="EF4" s="448"/>
      <c r="EG4" s="448"/>
      <c r="EH4" s="448"/>
      <c r="EI4" s="448"/>
      <c r="EJ4" s="448"/>
      <c r="EK4" s="448"/>
      <c r="EL4" s="448"/>
      <c r="EM4" s="448"/>
      <c r="EN4" s="448"/>
      <c r="EO4" s="448"/>
      <c r="EP4" s="448"/>
      <c r="EQ4" s="448"/>
      <c r="ER4" s="448"/>
      <c r="ES4" s="448"/>
      <c r="ET4" s="448"/>
      <c r="EU4" s="448"/>
      <c r="EV4" s="448"/>
      <c r="EW4" s="448"/>
      <c r="EX4" s="448"/>
      <c r="EY4" s="448"/>
      <c r="EZ4" s="448"/>
      <c r="FA4" s="448"/>
      <c r="FB4" s="448"/>
      <c r="FC4" s="448"/>
      <c r="FD4" s="448"/>
      <c r="FE4" s="448"/>
      <c r="FF4" s="448"/>
      <c r="FG4" s="448"/>
      <c r="FH4" s="448"/>
      <c r="FI4" s="448"/>
      <c r="FJ4" s="448"/>
      <c r="FK4" s="448"/>
      <c r="FL4" s="448"/>
      <c r="FM4" s="448"/>
      <c r="FN4" s="448"/>
      <c r="FO4" s="448"/>
      <c r="FP4" s="448"/>
      <c r="FQ4" s="448"/>
      <c r="FR4" s="448"/>
      <c r="FS4" s="448"/>
      <c r="FT4" s="448"/>
      <c r="FU4" s="448"/>
      <c r="FV4" s="449"/>
      <c r="FW4" s="450" t="s">
        <v>40</v>
      </c>
      <c r="FX4" s="451"/>
      <c r="FY4" s="451"/>
      <c r="FZ4" s="451"/>
      <c r="GA4" s="451"/>
      <c r="GB4" s="451"/>
      <c r="GC4" s="451"/>
      <c r="GD4" s="451"/>
      <c r="GE4" s="451"/>
      <c r="GF4" s="451"/>
      <c r="GG4" s="452"/>
      <c r="GH4" s="450" t="s">
        <v>41</v>
      </c>
      <c r="GI4" s="451"/>
      <c r="GJ4" s="451"/>
      <c r="GK4" s="451"/>
      <c r="GL4" s="451"/>
      <c r="GM4" s="451"/>
      <c r="GN4" s="451"/>
      <c r="GO4" s="451"/>
      <c r="GP4" s="451"/>
      <c r="GQ4" s="451"/>
      <c r="GR4" s="452"/>
      <c r="GS4" s="447" t="s">
        <v>39</v>
      </c>
      <c r="GT4" s="448"/>
      <c r="GU4" s="448"/>
      <c r="GV4" s="448"/>
      <c r="GW4" s="448"/>
      <c r="GX4" s="448"/>
      <c r="GY4" s="448"/>
      <c r="GZ4" s="448"/>
      <c r="HA4" s="448"/>
      <c r="HB4" s="448"/>
      <c r="HC4" s="448"/>
      <c r="HD4" s="448"/>
      <c r="HE4" s="448"/>
      <c r="HF4" s="448"/>
      <c r="HG4" s="448"/>
      <c r="HH4" s="448"/>
      <c r="HI4" s="448"/>
      <c r="HJ4" s="448"/>
      <c r="HK4" s="448"/>
      <c r="HL4" s="448"/>
      <c r="HM4" s="448"/>
      <c r="HN4" s="448"/>
      <c r="HO4" s="448"/>
      <c r="HP4" s="448"/>
      <c r="HQ4" s="448"/>
      <c r="HR4" s="448"/>
      <c r="HS4" s="448"/>
      <c r="HT4" s="448"/>
      <c r="HU4" s="448"/>
      <c r="HV4" s="448"/>
      <c r="HW4" s="448"/>
      <c r="HX4" s="448"/>
      <c r="HY4" s="448"/>
      <c r="HZ4" s="448"/>
      <c r="IA4" s="448"/>
      <c r="IB4" s="448"/>
      <c r="IC4" s="448"/>
      <c r="ID4" s="448"/>
      <c r="IE4" s="448"/>
      <c r="IF4" s="448"/>
      <c r="IG4" s="448"/>
      <c r="IH4" s="448"/>
      <c r="II4" s="448"/>
      <c r="IJ4" s="448"/>
      <c r="IK4" s="448"/>
      <c r="IL4" s="448"/>
      <c r="IM4" s="448"/>
      <c r="IN4" s="448"/>
      <c r="IO4" s="448"/>
      <c r="IP4" s="448"/>
      <c r="IQ4" s="448"/>
      <c r="IR4" s="448"/>
      <c r="IS4" s="448"/>
      <c r="IT4" s="448"/>
      <c r="IU4" s="448"/>
      <c r="IV4" s="448"/>
      <c r="IW4" s="448"/>
      <c r="IX4" s="448"/>
      <c r="IY4" s="448"/>
      <c r="IZ4" s="448"/>
      <c r="JA4" s="448"/>
      <c r="JB4" s="448"/>
      <c r="JC4" s="448"/>
      <c r="JD4" s="448"/>
      <c r="JE4" s="448"/>
      <c r="JF4" s="448"/>
      <c r="JG4" s="448"/>
      <c r="JH4" s="448"/>
      <c r="JI4" s="448"/>
      <c r="JJ4" s="448"/>
      <c r="JK4" s="448"/>
      <c r="JL4" s="448"/>
      <c r="JM4" s="448"/>
      <c r="JN4" s="448"/>
      <c r="JO4" s="448"/>
      <c r="JP4" s="448"/>
      <c r="JQ4" s="449"/>
      <c r="JR4" s="450" t="s">
        <v>40</v>
      </c>
      <c r="JS4" s="451"/>
      <c r="JT4" s="451"/>
      <c r="JU4" s="451"/>
      <c r="JV4" s="451"/>
      <c r="JW4" s="451"/>
      <c r="JX4" s="451"/>
      <c r="JY4" s="451"/>
      <c r="JZ4" s="451"/>
      <c r="KA4" s="451"/>
      <c r="KB4" s="452"/>
      <c r="KC4" s="450" t="s">
        <v>41</v>
      </c>
      <c r="KD4" s="451"/>
      <c r="KE4" s="451"/>
      <c r="KF4" s="451"/>
      <c r="KG4" s="451"/>
      <c r="KH4" s="451"/>
      <c r="KI4" s="451"/>
      <c r="KJ4" s="451"/>
      <c r="KK4" s="451"/>
      <c r="KL4" s="451"/>
      <c r="KM4" s="452"/>
    </row>
    <row r="5" spans="2:299" ht="21" customHeight="1" thickBot="1" x14ac:dyDescent="0.25">
      <c r="B5" s="456"/>
      <c r="C5" s="456"/>
      <c r="D5" s="457"/>
      <c r="E5" s="457"/>
      <c r="F5" s="457"/>
      <c r="G5" s="457"/>
      <c r="H5" s="457"/>
      <c r="I5" s="457"/>
      <c r="J5" s="457"/>
      <c r="K5" s="457"/>
      <c r="L5" s="457"/>
      <c r="M5" s="458"/>
      <c r="N5" s="459" t="s">
        <v>97</v>
      </c>
      <c r="O5" s="460"/>
      <c r="P5" s="460"/>
      <c r="Q5" s="460"/>
      <c r="R5" s="460"/>
      <c r="S5" s="460"/>
      <c r="T5" s="460"/>
      <c r="U5" s="460"/>
      <c r="V5" s="460"/>
      <c r="W5" s="460"/>
      <c r="X5" s="461"/>
      <c r="Y5" s="459" t="s">
        <v>98</v>
      </c>
      <c r="Z5" s="460"/>
      <c r="AA5" s="460"/>
      <c r="AB5" s="460"/>
      <c r="AC5" s="460"/>
      <c r="AD5" s="460"/>
      <c r="AE5" s="460"/>
      <c r="AF5" s="460"/>
      <c r="AG5" s="460"/>
      <c r="AH5" s="460"/>
      <c r="AI5" s="461"/>
      <c r="AJ5" s="459" t="s">
        <v>99</v>
      </c>
      <c r="AK5" s="460"/>
      <c r="AL5" s="460"/>
      <c r="AM5" s="460"/>
      <c r="AN5" s="460"/>
      <c r="AO5" s="460"/>
      <c r="AP5" s="460"/>
      <c r="AQ5" s="460"/>
      <c r="AR5" s="460"/>
      <c r="AS5" s="460"/>
      <c r="AT5" s="461"/>
      <c r="AU5" s="459" t="s">
        <v>100</v>
      </c>
      <c r="AV5" s="460"/>
      <c r="AW5" s="460"/>
      <c r="AX5" s="460"/>
      <c r="AY5" s="460"/>
      <c r="AZ5" s="460"/>
      <c r="BA5" s="460"/>
      <c r="BB5" s="460"/>
      <c r="BC5" s="460"/>
      <c r="BD5" s="460"/>
      <c r="BE5" s="461"/>
      <c r="BF5" s="459" t="s">
        <v>163</v>
      </c>
      <c r="BG5" s="460"/>
      <c r="BH5" s="460"/>
      <c r="BI5" s="460"/>
      <c r="BJ5" s="460"/>
      <c r="BK5" s="460"/>
      <c r="BL5" s="460"/>
      <c r="BM5" s="460"/>
      <c r="BN5" s="460"/>
      <c r="BO5" s="460"/>
      <c r="BP5" s="461"/>
      <c r="BQ5" s="459" t="s">
        <v>101</v>
      </c>
      <c r="BR5" s="460"/>
      <c r="BS5" s="460"/>
      <c r="BT5" s="460"/>
      <c r="BU5" s="460"/>
      <c r="BV5" s="460"/>
      <c r="BW5" s="460"/>
      <c r="BX5" s="460"/>
      <c r="BY5" s="460"/>
      <c r="BZ5" s="460"/>
      <c r="CA5" s="461"/>
      <c r="CB5" s="453"/>
      <c r="CC5" s="454"/>
      <c r="CD5" s="454"/>
      <c r="CE5" s="454"/>
      <c r="CF5" s="454"/>
      <c r="CG5" s="454"/>
      <c r="CH5" s="454"/>
      <c r="CI5" s="454"/>
      <c r="CJ5" s="454"/>
      <c r="CK5" s="454"/>
      <c r="CL5" s="455"/>
      <c r="CM5" s="453"/>
      <c r="CN5" s="454"/>
      <c r="CO5" s="454"/>
      <c r="CP5" s="454"/>
      <c r="CQ5" s="454"/>
      <c r="CR5" s="454"/>
      <c r="CS5" s="454"/>
      <c r="CT5" s="454"/>
      <c r="CU5" s="454"/>
      <c r="CV5" s="454"/>
      <c r="CW5" s="455"/>
      <c r="CX5" s="456"/>
      <c r="CY5" s="457"/>
      <c r="CZ5" s="457"/>
      <c r="DA5" s="457"/>
      <c r="DB5" s="457"/>
      <c r="DC5" s="457"/>
      <c r="DD5" s="457"/>
      <c r="DE5" s="457"/>
      <c r="DF5" s="457"/>
      <c r="DG5" s="457"/>
      <c r="DH5" s="458"/>
      <c r="DI5" s="459" t="s">
        <v>97</v>
      </c>
      <c r="DJ5" s="460"/>
      <c r="DK5" s="460"/>
      <c r="DL5" s="460"/>
      <c r="DM5" s="460"/>
      <c r="DN5" s="460"/>
      <c r="DO5" s="460"/>
      <c r="DP5" s="460"/>
      <c r="DQ5" s="460"/>
      <c r="DR5" s="460"/>
      <c r="DS5" s="461"/>
      <c r="DT5" s="459" t="s">
        <v>98</v>
      </c>
      <c r="DU5" s="460"/>
      <c r="DV5" s="460"/>
      <c r="DW5" s="460"/>
      <c r="DX5" s="460"/>
      <c r="DY5" s="460"/>
      <c r="DZ5" s="460"/>
      <c r="EA5" s="460"/>
      <c r="EB5" s="460"/>
      <c r="EC5" s="460"/>
      <c r="ED5" s="461"/>
      <c r="EE5" s="459" t="s">
        <v>99</v>
      </c>
      <c r="EF5" s="460"/>
      <c r="EG5" s="460"/>
      <c r="EH5" s="460"/>
      <c r="EI5" s="460"/>
      <c r="EJ5" s="460"/>
      <c r="EK5" s="460"/>
      <c r="EL5" s="460"/>
      <c r="EM5" s="460"/>
      <c r="EN5" s="460"/>
      <c r="EO5" s="461"/>
      <c r="EP5" s="459" t="s">
        <v>100</v>
      </c>
      <c r="EQ5" s="460"/>
      <c r="ER5" s="460"/>
      <c r="ES5" s="460"/>
      <c r="ET5" s="460"/>
      <c r="EU5" s="460"/>
      <c r="EV5" s="460"/>
      <c r="EW5" s="460"/>
      <c r="EX5" s="460"/>
      <c r="EY5" s="460"/>
      <c r="EZ5" s="461"/>
      <c r="FA5" s="459" t="s">
        <v>163</v>
      </c>
      <c r="FB5" s="460"/>
      <c r="FC5" s="460"/>
      <c r="FD5" s="460"/>
      <c r="FE5" s="460"/>
      <c r="FF5" s="460"/>
      <c r="FG5" s="460"/>
      <c r="FH5" s="460"/>
      <c r="FI5" s="460"/>
      <c r="FJ5" s="460"/>
      <c r="FK5" s="461"/>
      <c r="FL5" s="459" t="s">
        <v>101</v>
      </c>
      <c r="FM5" s="460"/>
      <c r="FN5" s="460"/>
      <c r="FO5" s="460"/>
      <c r="FP5" s="460"/>
      <c r="FQ5" s="460"/>
      <c r="FR5" s="460"/>
      <c r="FS5" s="460"/>
      <c r="FT5" s="460"/>
      <c r="FU5" s="460"/>
      <c r="FV5" s="461"/>
      <c r="FW5" s="453"/>
      <c r="FX5" s="454"/>
      <c r="FY5" s="454"/>
      <c r="FZ5" s="454"/>
      <c r="GA5" s="454"/>
      <c r="GB5" s="454"/>
      <c r="GC5" s="454"/>
      <c r="GD5" s="454"/>
      <c r="GE5" s="454"/>
      <c r="GF5" s="454"/>
      <c r="GG5" s="455"/>
      <c r="GH5" s="453"/>
      <c r="GI5" s="454"/>
      <c r="GJ5" s="454"/>
      <c r="GK5" s="454"/>
      <c r="GL5" s="454"/>
      <c r="GM5" s="454"/>
      <c r="GN5" s="454"/>
      <c r="GO5" s="454"/>
      <c r="GP5" s="454"/>
      <c r="GQ5" s="454"/>
      <c r="GR5" s="455"/>
      <c r="GS5" s="456"/>
      <c r="GT5" s="457"/>
      <c r="GU5" s="457"/>
      <c r="GV5" s="457"/>
      <c r="GW5" s="457"/>
      <c r="GX5" s="457"/>
      <c r="GY5" s="457"/>
      <c r="GZ5" s="457"/>
      <c r="HA5" s="457"/>
      <c r="HB5" s="457"/>
      <c r="HC5" s="458"/>
      <c r="HD5" s="459" t="s">
        <v>97</v>
      </c>
      <c r="HE5" s="460"/>
      <c r="HF5" s="460"/>
      <c r="HG5" s="460"/>
      <c r="HH5" s="460"/>
      <c r="HI5" s="460"/>
      <c r="HJ5" s="460"/>
      <c r="HK5" s="460"/>
      <c r="HL5" s="460"/>
      <c r="HM5" s="460"/>
      <c r="HN5" s="461"/>
      <c r="HO5" s="459" t="s">
        <v>98</v>
      </c>
      <c r="HP5" s="460"/>
      <c r="HQ5" s="460"/>
      <c r="HR5" s="460"/>
      <c r="HS5" s="460"/>
      <c r="HT5" s="460"/>
      <c r="HU5" s="460"/>
      <c r="HV5" s="460"/>
      <c r="HW5" s="460"/>
      <c r="HX5" s="460"/>
      <c r="HY5" s="461"/>
      <c r="HZ5" s="459" t="s">
        <v>99</v>
      </c>
      <c r="IA5" s="460"/>
      <c r="IB5" s="460"/>
      <c r="IC5" s="460"/>
      <c r="ID5" s="460"/>
      <c r="IE5" s="460"/>
      <c r="IF5" s="460"/>
      <c r="IG5" s="460"/>
      <c r="IH5" s="460"/>
      <c r="II5" s="460"/>
      <c r="IJ5" s="461"/>
      <c r="IK5" s="459" t="s">
        <v>100</v>
      </c>
      <c r="IL5" s="460"/>
      <c r="IM5" s="460"/>
      <c r="IN5" s="460"/>
      <c r="IO5" s="460"/>
      <c r="IP5" s="460"/>
      <c r="IQ5" s="460"/>
      <c r="IR5" s="460"/>
      <c r="IS5" s="460"/>
      <c r="IT5" s="460"/>
      <c r="IU5" s="461"/>
      <c r="IV5" s="459" t="s">
        <v>163</v>
      </c>
      <c r="IW5" s="460"/>
      <c r="IX5" s="460"/>
      <c r="IY5" s="460"/>
      <c r="IZ5" s="460"/>
      <c r="JA5" s="460"/>
      <c r="JB5" s="460"/>
      <c r="JC5" s="460"/>
      <c r="JD5" s="460"/>
      <c r="JE5" s="460"/>
      <c r="JF5" s="461"/>
      <c r="JG5" s="459" t="s">
        <v>101</v>
      </c>
      <c r="JH5" s="460"/>
      <c r="JI5" s="460"/>
      <c r="JJ5" s="460"/>
      <c r="JK5" s="460"/>
      <c r="JL5" s="460"/>
      <c r="JM5" s="460"/>
      <c r="JN5" s="460"/>
      <c r="JO5" s="460"/>
      <c r="JP5" s="460"/>
      <c r="JQ5" s="461"/>
      <c r="JR5" s="453"/>
      <c r="JS5" s="454"/>
      <c r="JT5" s="454"/>
      <c r="JU5" s="454"/>
      <c r="JV5" s="454"/>
      <c r="JW5" s="454"/>
      <c r="JX5" s="454"/>
      <c r="JY5" s="454"/>
      <c r="JZ5" s="454"/>
      <c r="KA5" s="454"/>
      <c r="KB5" s="455"/>
      <c r="KC5" s="453"/>
      <c r="KD5" s="454"/>
      <c r="KE5" s="454"/>
      <c r="KF5" s="454"/>
      <c r="KG5" s="454"/>
      <c r="KH5" s="454"/>
      <c r="KI5" s="454"/>
      <c r="KJ5" s="454"/>
      <c r="KK5" s="454"/>
      <c r="KL5" s="454"/>
      <c r="KM5" s="455"/>
    </row>
    <row r="6" spans="2:299" ht="30" customHeight="1" thickBot="1" x14ac:dyDescent="0.25">
      <c r="B6" s="430" t="s">
        <v>42</v>
      </c>
      <c r="C6" s="431" t="s">
        <v>43</v>
      </c>
      <c r="D6" s="432" t="s">
        <v>44</v>
      </c>
      <c r="E6" s="142" t="s">
        <v>45</v>
      </c>
      <c r="F6" s="143" t="s">
        <v>46</v>
      </c>
      <c r="G6" s="432" t="s">
        <v>47</v>
      </c>
      <c r="H6" s="432" t="s">
        <v>48</v>
      </c>
      <c r="I6" s="432" t="s">
        <v>49</v>
      </c>
      <c r="J6" s="432" t="s">
        <v>50</v>
      </c>
      <c r="K6" s="432" t="s">
        <v>51</v>
      </c>
      <c r="L6" s="142" t="s">
        <v>45</v>
      </c>
      <c r="M6" s="428" t="s">
        <v>52</v>
      </c>
      <c r="N6" s="145" t="s">
        <v>43</v>
      </c>
      <c r="O6" s="146" t="s">
        <v>44</v>
      </c>
      <c r="P6" s="147" t="s">
        <v>45</v>
      </c>
      <c r="Q6" s="148" t="s">
        <v>46</v>
      </c>
      <c r="R6" s="146" t="s">
        <v>47</v>
      </c>
      <c r="S6" s="146" t="s">
        <v>48</v>
      </c>
      <c r="T6" s="146" t="s">
        <v>49</v>
      </c>
      <c r="U6" s="146" t="s">
        <v>50</v>
      </c>
      <c r="V6" s="146" t="s">
        <v>51</v>
      </c>
      <c r="W6" s="147" t="s">
        <v>45</v>
      </c>
      <c r="X6" s="429" t="s">
        <v>52</v>
      </c>
      <c r="Y6" s="145" t="s">
        <v>43</v>
      </c>
      <c r="Z6" s="146" t="s">
        <v>44</v>
      </c>
      <c r="AA6" s="147" t="s">
        <v>45</v>
      </c>
      <c r="AB6" s="148" t="s">
        <v>46</v>
      </c>
      <c r="AC6" s="146" t="s">
        <v>47</v>
      </c>
      <c r="AD6" s="146" t="s">
        <v>48</v>
      </c>
      <c r="AE6" s="146" t="s">
        <v>49</v>
      </c>
      <c r="AF6" s="146" t="s">
        <v>50</v>
      </c>
      <c r="AG6" s="146" t="s">
        <v>51</v>
      </c>
      <c r="AH6" s="147" t="s">
        <v>45</v>
      </c>
      <c r="AI6" s="427" t="s">
        <v>52</v>
      </c>
      <c r="AJ6" s="145" t="s">
        <v>43</v>
      </c>
      <c r="AK6" s="146" t="s">
        <v>44</v>
      </c>
      <c r="AL6" s="147" t="s">
        <v>45</v>
      </c>
      <c r="AM6" s="148" t="s">
        <v>46</v>
      </c>
      <c r="AN6" s="146" t="s">
        <v>47</v>
      </c>
      <c r="AO6" s="146" t="s">
        <v>48</v>
      </c>
      <c r="AP6" s="146" t="s">
        <v>49</v>
      </c>
      <c r="AQ6" s="146" t="s">
        <v>50</v>
      </c>
      <c r="AR6" s="146" t="s">
        <v>51</v>
      </c>
      <c r="AS6" s="147" t="s">
        <v>45</v>
      </c>
      <c r="AT6" s="427" t="s">
        <v>52</v>
      </c>
      <c r="AU6" s="145" t="s">
        <v>43</v>
      </c>
      <c r="AV6" s="146" t="s">
        <v>44</v>
      </c>
      <c r="AW6" s="147" t="s">
        <v>45</v>
      </c>
      <c r="AX6" s="148" t="s">
        <v>46</v>
      </c>
      <c r="AY6" s="146" t="s">
        <v>47</v>
      </c>
      <c r="AZ6" s="146" t="s">
        <v>48</v>
      </c>
      <c r="BA6" s="146" t="s">
        <v>49</v>
      </c>
      <c r="BB6" s="146" t="s">
        <v>50</v>
      </c>
      <c r="BC6" s="146" t="s">
        <v>51</v>
      </c>
      <c r="BD6" s="147" t="s">
        <v>45</v>
      </c>
      <c r="BE6" s="427" t="s">
        <v>52</v>
      </c>
      <c r="BF6" s="145" t="s">
        <v>43</v>
      </c>
      <c r="BG6" s="146" t="s">
        <v>44</v>
      </c>
      <c r="BH6" s="147" t="s">
        <v>45</v>
      </c>
      <c r="BI6" s="148" t="s">
        <v>46</v>
      </c>
      <c r="BJ6" s="146" t="s">
        <v>47</v>
      </c>
      <c r="BK6" s="146" t="s">
        <v>48</v>
      </c>
      <c r="BL6" s="146" t="s">
        <v>49</v>
      </c>
      <c r="BM6" s="146" t="s">
        <v>50</v>
      </c>
      <c r="BN6" s="146" t="s">
        <v>51</v>
      </c>
      <c r="BO6" s="147" t="s">
        <v>45</v>
      </c>
      <c r="BP6" s="427" t="s">
        <v>52</v>
      </c>
      <c r="BQ6" s="145" t="s">
        <v>43</v>
      </c>
      <c r="BR6" s="146" t="s">
        <v>44</v>
      </c>
      <c r="BS6" s="147" t="s">
        <v>45</v>
      </c>
      <c r="BT6" s="148" t="s">
        <v>46</v>
      </c>
      <c r="BU6" s="146" t="s">
        <v>47</v>
      </c>
      <c r="BV6" s="146" t="s">
        <v>48</v>
      </c>
      <c r="BW6" s="146" t="s">
        <v>49</v>
      </c>
      <c r="BX6" s="146" t="s">
        <v>50</v>
      </c>
      <c r="BY6" s="146" t="s">
        <v>51</v>
      </c>
      <c r="BZ6" s="147" t="s">
        <v>45</v>
      </c>
      <c r="CA6" s="427" t="s">
        <v>52</v>
      </c>
      <c r="CB6" s="145" t="s">
        <v>43</v>
      </c>
      <c r="CC6" s="146" t="s">
        <v>44</v>
      </c>
      <c r="CD6" s="147" t="s">
        <v>45</v>
      </c>
      <c r="CE6" s="148" t="s">
        <v>46</v>
      </c>
      <c r="CF6" s="146" t="s">
        <v>47</v>
      </c>
      <c r="CG6" s="146" t="s">
        <v>48</v>
      </c>
      <c r="CH6" s="146" t="s">
        <v>49</v>
      </c>
      <c r="CI6" s="146" t="s">
        <v>50</v>
      </c>
      <c r="CJ6" s="146" t="s">
        <v>51</v>
      </c>
      <c r="CK6" s="147" t="s">
        <v>45</v>
      </c>
      <c r="CL6" s="427" t="s">
        <v>52</v>
      </c>
      <c r="CM6" s="145" t="s">
        <v>43</v>
      </c>
      <c r="CN6" s="146" t="s">
        <v>44</v>
      </c>
      <c r="CO6" s="147" t="s">
        <v>45</v>
      </c>
      <c r="CP6" s="148" t="s">
        <v>46</v>
      </c>
      <c r="CQ6" s="146" t="s">
        <v>47</v>
      </c>
      <c r="CR6" s="146" t="s">
        <v>48</v>
      </c>
      <c r="CS6" s="146" t="s">
        <v>49</v>
      </c>
      <c r="CT6" s="146" t="s">
        <v>50</v>
      </c>
      <c r="CU6" s="146" t="s">
        <v>51</v>
      </c>
      <c r="CV6" s="147" t="s">
        <v>45</v>
      </c>
      <c r="CW6" s="427" t="s">
        <v>52</v>
      </c>
      <c r="CX6" s="431" t="s">
        <v>43</v>
      </c>
      <c r="CY6" s="432" t="s">
        <v>44</v>
      </c>
      <c r="CZ6" s="142" t="s">
        <v>45</v>
      </c>
      <c r="DA6" s="143" t="s">
        <v>46</v>
      </c>
      <c r="DB6" s="432" t="s">
        <v>47</v>
      </c>
      <c r="DC6" s="432" t="s">
        <v>48</v>
      </c>
      <c r="DD6" s="432" t="s">
        <v>49</v>
      </c>
      <c r="DE6" s="432" t="s">
        <v>50</v>
      </c>
      <c r="DF6" s="432" t="s">
        <v>51</v>
      </c>
      <c r="DG6" s="142" t="s">
        <v>45</v>
      </c>
      <c r="DH6" s="428" t="s">
        <v>52</v>
      </c>
      <c r="DI6" s="145" t="s">
        <v>43</v>
      </c>
      <c r="DJ6" s="146" t="s">
        <v>44</v>
      </c>
      <c r="DK6" s="147" t="s">
        <v>45</v>
      </c>
      <c r="DL6" s="148" t="s">
        <v>46</v>
      </c>
      <c r="DM6" s="146" t="s">
        <v>47</v>
      </c>
      <c r="DN6" s="146" t="s">
        <v>48</v>
      </c>
      <c r="DO6" s="146" t="s">
        <v>49</v>
      </c>
      <c r="DP6" s="146" t="s">
        <v>50</v>
      </c>
      <c r="DQ6" s="146" t="s">
        <v>51</v>
      </c>
      <c r="DR6" s="147" t="s">
        <v>45</v>
      </c>
      <c r="DS6" s="427" t="s">
        <v>52</v>
      </c>
      <c r="DT6" s="145" t="s">
        <v>43</v>
      </c>
      <c r="DU6" s="146" t="s">
        <v>44</v>
      </c>
      <c r="DV6" s="147" t="s">
        <v>45</v>
      </c>
      <c r="DW6" s="148" t="s">
        <v>46</v>
      </c>
      <c r="DX6" s="146" t="s">
        <v>47</v>
      </c>
      <c r="DY6" s="146" t="s">
        <v>48</v>
      </c>
      <c r="DZ6" s="146" t="s">
        <v>49</v>
      </c>
      <c r="EA6" s="146" t="s">
        <v>50</v>
      </c>
      <c r="EB6" s="146" t="s">
        <v>51</v>
      </c>
      <c r="EC6" s="147" t="s">
        <v>45</v>
      </c>
      <c r="ED6" s="427" t="s">
        <v>52</v>
      </c>
      <c r="EE6" s="145" t="s">
        <v>43</v>
      </c>
      <c r="EF6" s="146" t="s">
        <v>44</v>
      </c>
      <c r="EG6" s="147" t="s">
        <v>45</v>
      </c>
      <c r="EH6" s="148" t="s">
        <v>46</v>
      </c>
      <c r="EI6" s="146" t="s">
        <v>47</v>
      </c>
      <c r="EJ6" s="146" t="s">
        <v>48</v>
      </c>
      <c r="EK6" s="146" t="s">
        <v>49</v>
      </c>
      <c r="EL6" s="146" t="s">
        <v>50</v>
      </c>
      <c r="EM6" s="146" t="s">
        <v>51</v>
      </c>
      <c r="EN6" s="147" t="s">
        <v>45</v>
      </c>
      <c r="EO6" s="427" t="s">
        <v>52</v>
      </c>
      <c r="EP6" s="145" t="s">
        <v>43</v>
      </c>
      <c r="EQ6" s="146" t="s">
        <v>44</v>
      </c>
      <c r="ER6" s="147" t="s">
        <v>45</v>
      </c>
      <c r="ES6" s="148" t="s">
        <v>46</v>
      </c>
      <c r="ET6" s="146" t="s">
        <v>47</v>
      </c>
      <c r="EU6" s="146" t="s">
        <v>48</v>
      </c>
      <c r="EV6" s="146" t="s">
        <v>49</v>
      </c>
      <c r="EW6" s="146" t="s">
        <v>50</v>
      </c>
      <c r="EX6" s="146" t="s">
        <v>51</v>
      </c>
      <c r="EY6" s="147" t="s">
        <v>45</v>
      </c>
      <c r="EZ6" s="427" t="s">
        <v>52</v>
      </c>
      <c r="FA6" s="145" t="s">
        <v>43</v>
      </c>
      <c r="FB6" s="146" t="s">
        <v>44</v>
      </c>
      <c r="FC6" s="147" t="s">
        <v>45</v>
      </c>
      <c r="FD6" s="148" t="s">
        <v>46</v>
      </c>
      <c r="FE6" s="146" t="s">
        <v>47</v>
      </c>
      <c r="FF6" s="146" t="s">
        <v>48</v>
      </c>
      <c r="FG6" s="146" t="s">
        <v>49</v>
      </c>
      <c r="FH6" s="146" t="s">
        <v>50</v>
      </c>
      <c r="FI6" s="146" t="s">
        <v>51</v>
      </c>
      <c r="FJ6" s="147" t="s">
        <v>45</v>
      </c>
      <c r="FK6" s="427" t="s">
        <v>52</v>
      </c>
      <c r="FL6" s="145" t="s">
        <v>43</v>
      </c>
      <c r="FM6" s="146" t="s">
        <v>44</v>
      </c>
      <c r="FN6" s="147" t="s">
        <v>45</v>
      </c>
      <c r="FO6" s="148" t="s">
        <v>46</v>
      </c>
      <c r="FP6" s="146" t="s">
        <v>47</v>
      </c>
      <c r="FQ6" s="146" t="s">
        <v>48</v>
      </c>
      <c r="FR6" s="146" t="s">
        <v>49</v>
      </c>
      <c r="FS6" s="146" t="s">
        <v>50</v>
      </c>
      <c r="FT6" s="146" t="s">
        <v>51</v>
      </c>
      <c r="FU6" s="147" t="s">
        <v>45</v>
      </c>
      <c r="FV6" s="427" t="s">
        <v>52</v>
      </c>
      <c r="FW6" s="145" t="s">
        <v>43</v>
      </c>
      <c r="FX6" s="146" t="s">
        <v>44</v>
      </c>
      <c r="FY6" s="147" t="s">
        <v>45</v>
      </c>
      <c r="FZ6" s="148" t="s">
        <v>46</v>
      </c>
      <c r="GA6" s="146" t="s">
        <v>47</v>
      </c>
      <c r="GB6" s="146" t="s">
        <v>48</v>
      </c>
      <c r="GC6" s="146" t="s">
        <v>49</v>
      </c>
      <c r="GD6" s="146" t="s">
        <v>50</v>
      </c>
      <c r="GE6" s="146" t="s">
        <v>51</v>
      </c>
      <c r="GF6" s="147" t="s">
        <v>45</v>
      </c>
      <c r="GG6" s="427" t="s">
        <v>52</v>
      </c>
      <c r="GH6" s="145" t="s">
        <v>43</v>
      </c>
      <c r="GI6" s="146" t="s">
        <v>44</v>
      </c>
      <c r="GJ6" s="147" t="s">
        <v>45</v>
      </c>
      <c r="GK6" s="148" t="s">
        <v>46</v>
      </c>
      <c r="GL6" s="146" t="s">
        <v>47</v>
      </c>
      <c r="GM6" s="146" t="s">
        <v>48</v>
      </c>
      <c r="GN6" s="146" t="s">
        <v>49</v>
      </c>
      <c r="GO6" s="146" t="s">
        <v>50</v>
      </c>
      <c r="GP6" s="146" t="s">
        <v>51</v>
      </c>
      <c r="GQ6" s="147" t="s">
        <v>45</v>
      </c>
      <c r="GR6" s="427" t="s">
        <v>52</v>
      </c>
      <c r="GS6" s="431" t="s">
        <v>43</v>
      </c>
      <c r="GT6" s="432" t="s">
        <v>44</v>
      </c>
      <c r="GU6" s="142" t="s">
        <v>45</v>
      </c>
      <c r="GV6" s="143" t="s">
        <v>46</v>
      </c>
      <c r="GW6" s="432" t="s">
        <v>47</v>
      </c>
      <c r="GX6" s="432" t="s">
        <v>48</v>
      </c>
      <c r="GY6" s="432" t="s">
        <v>49</v>
      </c>
      <c r="GZ6" s="432" t="s">
        <v>50</v>
      </c>
      <c r="HA6" s="432" t="s">
        <v>51</v>
      </c>
      <c r="HB6" s="142" t="s">
        <v>45</v>
      </c>
      <c r="HC6" s="428" t="s">
        <v>52</v>
      </c>
      <c r="HD6" s="145" t="s">
        <v>43</v>
      </c>
      <c r="HE6" s="146" t="s">
        <v>44</v>
      </c>
      <c r="HF6" s="147" t="s">
        <v>45</v>
      </c>
      <c r="HG6" s="148" t="s">
        <v>46</v>
      </c>
      <c r="HH6" s="146" t="s">
        <v>47</v>
      </c>
      <c r="HI6" s="146" t="s">
        <v>48</v>
      </c>
      <c r="HJ6" s="146" t="s">
        <v>49</v>
      </c>
      <c r="HK6" s="146" t="s">
        <v>50</v>
      </c>
      <c r="HL6" s="146" t="s">
        <v>51</v>
      </c>
      <c r="HM6" s="147" t="s">
        <v>45</v>
      </c>
      <c r="HN6" s="427" t="s">
        <v>52</v>
      </c>
      <c r="HO6" s="145" t="s">
        <v>43</v>
      </c>
      <c r="HP6" s="146" t="s">
        <v>44</v>
      </c>
      <c r="HQ6" s="147" t="s">
        <v>45</v>
      </c>
      <c r="HR6" s="148" t="s">
        <v>46</v>
      </c>
      <c r="HS6" s="146" t="s">
        <v>47</v>
      </c>
      <c r="HT6" s="146" t="s">
        <v>48</v>
      </c>
      <c r="HU6" s="146" t="s">
        <v>49</v>
      </c>
      <c r="HV6" s="146" t="s">
        <v>50</v>
      </c>
      <c r="HW6" s="146" t="s">
        <v>51</v>
      </c>
      <c r="HX6" s="147" t="s">
        <v>45</v>
      </c>
      <c r="HY6" s="427" t="s">
        <v>52</v>
      </c>
      <c r="HZ6" s="145" t="s">
        <v>43</v>
      </c>
      <c r="IA6" s="146" t="s">
        <v>44</v>
      </c>
      <c r="IB6" s="147" t="s">
        <v>45</v>
      </c>
      <c r="IC6" s="148" t="s">
        <v>46</v>
      </c>
      <c r="ID6" s="146" t="s">
        <v>47</v>
      </c>
      <c r="IE6" s="146" t="s">
        <v>48</v>
      </c>
      <c r="IF6" s="146" t="s">
        <v>49</v>
      </c>
      <c r="IG6" s="146" t="s">
        <v>50</v>
      </c>
      <c r="IH6" s="146" t="s">
        <v>51</v>
      </c>
      <c r="II6" s="147" t="s">
        <v>45</v>
      </c>
      <c r="IJ6" s="427" t="s">
        <v>52</v>
      </c>
      <c r="IK6" s="145" t="s">
        <v>43</v>
      </c>
      <c r="IL6" s="146" t="s">
        <v>44</v>
      </c>
      <c r="IM6" s="147" t="s">
        <v>45</v>
      </c>
      <c r="IN6" s="148" t="s">
        <v>46</v>
      </c>
      <c r="IO6" s="146" t="s">
        <v>47</v>
      </c>
      <c r="IP6" s="146" t="s">
        <v>48</v>
      </c>
      <c r="IQ6" s="146" t="s">
        <v>49</v>
      </c>
      <c r="IR6" s="146" t="s">
        <v>50</v>
      </c>
      <c r="IS6" s="146" t="s">
        <v>51</v>
      </c>
      <c r="IT6" s="147" t="s">
        <v>45</v>
      </c>
      <c r="IU6" s="427" t="s">
        <v>52</v>
      </c>
      <c r="IV6" s="145" t="s">
        <v>43</v>
      </c>
      <c r="IW6" s="146" t="s">
        <v>44</v>
      </c>
      <c r="IX6" s="147" t="s">
        <v>45</v>
      </c>
      <c r="IY6" s="148" t="s">
        <v>46</v>
      </c>
      <c r="IZ6" s="146" t="s">
        <v>47</v>
      </c>
      <c r="JA6" s="146" t="s">
        <v>48</v>
      </c>
      <c r="JB6" s="146" t="s">
        <v>49</v>
      </c>
      <c r="JC6" s="146" t="s">
        <v>50</v>
      </c>
      <c r="JD6" s="146" t="s">
        <v>51</v>
      </c>
      <c r="JE6" s="147" t="s">
        <v>45</v>
      </c>
      <c r="JF6" s="427" t="s">
        <v>52</v>
      </c>
      <c r="JG6" s="145" t="s">
        <v>43</v>
      </c>
      <c r="JH6" s="146" t="s">
        <v>44</v>
      </c>
      <c r="JI6" s="147" t="s">
        <v>45</v>
      </c>
      <c r="JJ6" s="148" t="s">
        <v>46</v>
      </c>
      <c r="JK6" s="146" t="s">
        <v>47</v>
      </c>
      <c r="JL6" s="146" t="s">
        <v>48</v>
      </c>
      <c r="JM6" s="146" t="s">
        <v>49</v>
      </c>
      <c r="JN6" s="146" t="s">
        <v>50</v>
      </c>
      <c r="JO6" s="146" t="s">
        <v>51</v>
      </c>
      <c r="JP6" s="147" t="s">
        <v>45</v>
      </c>
      <c r="JQ6" s="427" t="s">
        <v>52</v>
      </c>
      <c r="JR6" s="145" t="s">
        <v>43</v>
      </c>
      <c r="JS6" s="146" t="s">
        <v>44</v>
      </c>
      <c r="JT6" s="147" t="s">
        <v>45</v>
      </c>
      <c r="JU6" s="148" t="s">
        <v>46</v>
      </c>
      <c r="JV6" s="146" t="s">
        <v>47</v>
      </c>
      <c r="JW6" s="146" t="s">
        <v>48</v>
      </c>
      <c r="JX6" s="146" t="s">
        <v>49</v>
      </c>
      <c r="JY6" s="146" t="s">
        <v>50</v>
      </c>
      <c r="JZ6" s="146" t="s">
        <v>51</v>
      </c>
      <c r="KA6" s="147" t="s">
        <v>45</v>
      </c>
      <c r="KB6" s="427" t="s">
        <v>52</v>
      </c>
      <c r="KC6" s="145" t="s">
        <v>43</v>
      </c>
      <c r="KD6" s="146" t="s">
        <v>44</v>
      </c>
      <c r="KE6" s="147" t="s">
        <v>45</v>
      </c>
      <c r="KF6" s="148" t="s">
        <v>46</v>
      </c>
      <c r="KG6" s="146" t="s">
        <v>47</v>
      </c>
      <c r="KH6" s="146" t="s">
        <v>48</v>
      </c>
      <c r="KI6" s="146" t="s">
        <v>49</v>
      </c>
      <c r="KJ6" s="146" t="s">
        <v>50</v>
      </c>
      <c r="KK6" s="146" t="s">
        <v>51</v>
      </c>
      <c r="KL6" s="147" t="s">
        <v>45</v>
      </c>
      <c r="KM6" s="427" t="s">
        <v>52</v>
      </c>
    </row>
    <row r="7" spans="2:299" s="137" customFormat="1" ht="21" customHeight="1" x14ac:dyDescent="0.2">
      <c r="B7" s="151" t="s">
        <v>4</v>
      </c>
      <c r="C7" s="152">
        <v>4211</v>
      </c>
      <c r="D7" s="153">
        <v>4067</v>
      </c>
      <c r="E7" s="154">
        <v>8278</v>
      </c>
      <c r="F7" s="438">
        <v>0</v>
      </c>
      <c r="G7" s="153">
        <v>5780</v>
      </c>
      <c r="H7" s="153">
        <v>5229</v>
      </c>
      <c r="I7" s="153">
        <v>3365</v>
      </c>
      <c r="J7" s="153">
        <v>2777</v>
      </c>
      <c r="K7" s="153">
        <v>1550</v>
      </c>
      <c r="L7" s="155">
        <v>18701</v>
      </c>
      <c r="M7" s="156">
        <v>26979</v>
      </c>
      <c r="N7" s="157">
        <v>62</v>
      </c>
      <c r="O7" s="158">
        <v>55</v>
      </c>
      <c r="P7" s="159">
        <v>117</v>
      </c>
      <c r="Q7" s="438">
        <v>0</v>
      </c>
      <c r="R7" s="158">
        <v>82</v>
      </c>
      <c r="S7" s="158">
        <v>86</v>
      </c>
      <c r="T7" s="158">
        <v>66</v>
      </c>
      <c r="U7" s="158">
        <v>44</v>
      </c>
      <c r="V7" s="158">
        <v>40</v>
      </c>
      <c r="W7" s="159">
        <v>318</v>
      </c>
      <c r="X7" s="160">
        <v>435</v>
      </c>
      <c r="Y7" s="157">
        <v>163</v>
      </c>
      <c r="Z7" s="158">
        <v>168</v>
      </c>
      <c r="AA7" s="159">
        <v>331</v>
      </c>
      <c r="AB7" s="438">
        <v>0</v>
      </c>
      <c r="AC7" s="158">
        <v>204</v>
      </c>
      <c r="AD7" s="158">
        <v>233</v>
      </c>
      <c r="AE7" s="158">
        <v>141</v>
      </c>
      <c r="AF7" s="158">
        <v>124</v>
      </c>
      <c r="AG7" s="158">
        <v>108</v>
      </c>
      <c r="AH7" s="159">
        <v>810</v>
      </c>
      <c r="AI7" s="160">
        <v>1141</v>
      </c>
      <c r="AJ7" s="157">
        <v>315</v>
      </c>
      <c r="AK7" s="158">
        <v>335</v>
      </c>
      <c r="AL7" s="159">
        <v>650</v>
      </c>
      <c r="AM7" s="438">
        <v>0</v>
      </c>
      <c r="AN7" s="158">
        <v>477</v>
      </c>
      <c r="AO7" s="158">
        <v>393</v>
      </c>
      <c r="AP7" s="158">
        <v>247</v>
      </c>
      <c r="AQ7" s="158">
        <v>226</v>
      </c>
      <c r="AR7" s="158">
        <v>140</v>
      </c>
      <c r="AS7" s="159">
        <v>1483</v>
      </c>
      <c r="AT7" s="160">
        <v>2133</v>
      </c>
      <c r="AU7" s="157">
        <v>843</v>
      </c>
      <c r="AV7" s="158">
        <v>781</v>
      </c>
      <c r="AW7" s="159">
        <v>1624</v>
      </c>
      <c r="AX7" s="438">
        <v>0</v>
      </c>
      <c r="AY7" s="158">
        <v>1092</v>
      </c>
      <c r="AZ7" s="158">
        <v>947</v>
      </c>
      <c r="BA7" s="158">
        <v>588</v>
      </c>
      <c r="BB7" s="158">
        <v>429</v>
      </c>
      <c r="BC7" s="158">
        <v>275</v>
      </c>
      <c r="BD7" s="159">
        <v>3331</v>
      </c>
      <c r="BE7" s="160">
        <v>4955</v>
      </c>
      <c r="BF7" s="157">
        <v>1483</v>
      </c>
      <c r="BG7" s="158">
        <v>1327</v>
      </c>
      <c r="BH7" s="159">
        <v>2810</v>
      </c>
      <c r="BI7" s="438">
        <v>0</v>
      </c>
      <c r="BJ7" s="158">
        <v>1857</v>
      </c>
      <c r="BK7" s="158">
        <v>1546</v>
      </c>
      <c r="BL7" s="158">
        <v>914</v>
      </c>
      <c r="BM7" s="158">
        <v>797</v>
      </c>
      <c r="BN7" s="158">
        <v>415</v>
      </c>
      <c r="BO7" s="159">
        <v>5529</v>
      </c>
      <c r="BP7" s="160">
        <v>8339</v>
      </c>
      <c r="BQ7" s="157">
        <v>1345</v>
      </c>
      <c r="BR7" s="158">
        <v>1401</v>
      </c>
      <c r="BS7" s="159">
        <v>2746</v>
      </c>
      <c r="BT7" s="438">
        <v>0</v>
      </c>
      <c r="BU7" s="158">
        <v>2068</v>
      </c>
      <c r="BV7" s="158">
        <v>2024</v>
      </c>
      <c r="BW7" s="158">
        <v>1409</v>
      </c>
      <c r="BX7" s="158">
        <v>1157</v>
      </c>
      <c r="BY7" s="158">
        <v>572</v>
      </c>
      <c r="BZ7" s="159">
        <v>7230</v>
      </c>
      <c r="CA7" s="160">
        <v>9976</v>
      </c>
      <c r="CB7" s="157">
        <v>0</v>
      </c>
      <c r="CC7" s="158">
        <v>0</v>
      </c>
      <c r="CD7" s="159">
        <v>0</v>
      </c>
      <c r="CE7" s="438">
        <v>0</v>
      </c>
      <c r="CF7" s="158">
        <v>0</v>
      </c>
      <c r="CG7" s="158">
        <v>0</v>
      </c>
      <c r="CH7" s="158">
        <v>0</v>
      </c>
      <c r="CI7" s="158">
        <v>0</v>
      </c>
      <c r="CJ7" s="158">
        <v>0</v>
      </c>
      <c r="CK7" s="159">
        <v>0</v>
      </c>
      <c r="CL7" s="160">
        <v>0</v>
      </c>
      <c r="CM7" s="157">
        <v>4211</v>
      </c>
      <c r="CN7" s="158">
        <v>4067</v>
      </c>
      <c r="CO7" s="159">
        <v>8278</v>
      </c>
      <c r="CP7" s="438">
        <v>0</v>
      </c>
      <c r="CQ7" s="158">
        <v>5780</v>
      </c>
      <c r="CR7" s="158">
        <v>5229</v>
      </c>
      <c r="CS7" s="158">
        <v>3365</v>
      </c>
      <c r="CT7" s="158">
        <v>2777</v>
      </c>
      <c r="CU7" s="158">
        <v>1550</v>
      </c>
      <c r="CV7" s="159">
        <v>18701</v>
      </c>
      <c r="CW7" s="160">
        <v>26979</v>
      </c>
      <c r="CX7" s="161">
        <v>590</v>
      </c>
      <c r="CY7" s="153">
        <v>733</v>
      </c>
      <c r="CZ7" s="154">
        <v>1323</v>
      </c>
      <c r="DA7" s="438">
        <v>0</v>
      </c>
      <c r="DB7" s="153">
        <v>844</v>
      </c>
      <c r="DC7" s="153">
        <v>750</v>
      </c>
      <c r="DD7" s="153">
        <v>527</v>
      </c>
      <c r="DE7" s="153">
        <v>540</v>
      </c>
      <c r="DF7" s="153">
        <v>345</v>
      </c>
      <c r="DG7" s="155">
        <v>3006</v>
      </c>
      <c r="DH7" s="156">
        <v>4329</v>
      </c>
      <c r="DI7" s="157">
        <v>13</v>
      </c>
      <c r="DJ7" s="158">
        <v>21</v>
      </c>
      <c r="DK7" s="159">
        <v>34</v>
      </c>
      <c r="DL7" s="438">
        <v>0</v>
      </c>
      <c r="DM7" s="158">
        <v>16</v>
      </c>
      <c r="DN7" s="158">
        <v>16</v>
      </c>
      <c r="DO7" s="158">
        <v>10</v>
      </c>
      <c r="DP7" s="158">
        <v>5</v>
      </c>
      <c r="DQ7" s="158">
        <v>5</v>
      </c>
      <c r="DR7" s="159">
        <v>52</v>
      </c>
      <c r="DS7" s="160">
        <v>86</v>
      </c>
      <c r="DT7" s="157">
        <v>40</v>
      </c>
      <c r="DU7" s="158">
        <v>50</v>
      </c>
      <c r="DV7" s="159">
        <v>90</v>
      </c>
      <c r="DW7" s="438">
        <v>0</v>
      </c>
      <c r="DX7" s="158">
        <v>28</v>
      </c>
      <c r="DY7" s="158">
        <v>29</v>
      </c>
      <c r="DZ7" s="158">
        <v>24</v>
      </c>
      <c r="EA7" s="158">
        <v>21</v>
      </c>
      <c r="EB7" s="158">
        <v>16</v>
      </c>
      <c r="EC7" s="159">
        <v>118</v>
      </c>
      <c r="ED7" s="160">
        <v>208</v>
      </c>
      <c r="EE7" s="157">
        <v>83</v>
      </c>
      <c r="EF7" s="158">
        <v>90</v>
      </c>
      <c r="EG7" s="159">
        <v>173</v>
      </c>
      <c r="EH7" s="438">
        <v>0</v>
      </c>
      <c r="EI7" s="158">
        <v>80</v>
      </c>
      <c r="EJ7" s="158">
        <v>53</v>
      </c>
      <c r="EK7" s="158">
        <v>27</v>
      </c>
      <c r="EL7" s="158">
        <v>27</v>
      </c>
      <c r="EM7" s="158">
        <v>29</v>
      </c>
      <c r="EN7" s="159">
        <v>216</v>
      </c>
      <c r="EO7" s="160">
        <v>389</v>
      </c>
      <c r="EP7" s="157">
        <v>163</v>
      </c>
      <c r="EQ7" s="158">
        <v>168</v>
      </c>
      <c r="ER7" s="159">
        <v>331</v>
      </c>
      <c r="ES7" s="438">
        <v>0</v>
      </c>
      <c r="ET7" s="158">
        <v>187</v>
      </c>
      <c r="EU7" s="158">
        <v>117</v>
      </c>
      <c r="EV7" s="158">
        <v>74</v>
      </c>
      <c r="EW7" s="158">
        <v>51</v>
      </c>
      <c r="EX7" s="158">
        <v>34</v>
      </c>
      <c r="EY7" s="159">
        <v>463</v>
      </c>
      <c r="EZ7" s="160">
        <v>794</v>
      </c>
      <c r="FA7" s="157">
        <v>172</v>
      </c>
      <c r="FB7" s="158">
        <v>211</v>
      </c>
      <c r="FC7" s="159">
        <v>383</v>
      </c>
      <c r="FD7" s="438">
        <v>0</v>
      </c>
      <c r="FE7" s="158">
        <v>249</v>
      </c>
      <c r="FF7" s="158">
        <v>221</v>
      </c>
      <c r="FG7" s="158">
        <v>120</v>
      </c>
      <c r="FH7" s="158">
        <v>126</v>
      </c>
      <c r="FI7" s="158">
        <v>84</v>
      </c>
      <c r="FJ7" s="159">
        <v>800</v>
      </c>
      <c r="FK7" s="160">
        <v>1183</v>
      </c>
      <c r="FL7" s="157">
        <v>119</v>
      </c>
      <c r="FM7" s="158">
        <v>193</v>
      </c>
      <c r="FN7" s="159">
        <v>312</v>
      </c>
      <c r="FO7" s="438">
        <v>0</v>
      </c>
      <c r="FP7" s="158">
        <v>284</v>
      </c>
      <c r="FQ7" s="158">
        <v>314</v>
      </c>
      <c r="FR7" s="158">
        <v>272</v>
      </c>
      <c r="FS7" s="158">
        <v>310</v>
      </c>
      <c r="FT7" s="158">
        <v>177</v>
      </c>
      <c r="FU7" s="159">
        <v>1357</v>
      </c>
      <c r="FV7" s="160">
        <v>1669</v>
      </c>
      <c r="FW7" s="157">
        <v>0</v>
      </c>
      <c r="FX7" s="158">
        <v>0</v>
      </c>
      <c r="FY7" s="159">
        <v>0</v>
      </c>
      <c r="FZ7" s="438">
        <v>0</v>
      </c>
      <c r="GA7" s="158">
        <v>0</v>
      </c>
      <c r="GB7" s="158">
        <v>0</v>
      </c>
      <c r="GC7" s="158">
        <v>0</v>
      </c>
      <c r="GD7" s="158">
        <v>0</v>
      </c>
      <c r="GE7" s="158">
        <v>0</v>
      </c>
      <c r="GF7" s="159">
        <v>0</v>
      </c>
      <c r="GG7" s="160">
        <v>0</v>
      </c>
      <c r="GH7" s="157">
        <v>590</v>
      </c>
      <c r="GI7" s="158">
        <v>733</v>
      </c>
      <c r="GJ7" s="159">
        <v>1323</v>
      </c>
      <c r="GK7" s="438">
        <v>0</v>
      </c>
      <c r="GL7" s="158">
        <v>844</v>
      </c>
      <c r="GM7" s="158">
        <v>750</v>
      </c>
      <c r="GN7" s="158">
        <v>527</v>
      </c>
      <c r="GO7" s="158">
        <v>540</v>
      </c>
      <c r="GP7" s="158">
        <v>345</v>
      </c>
      <c r="GQ7" s="159">
        <v>3006</v>
      </c>
      <c r="GR7" s="160">
        <v>4329</v>
      </c>
      <c r="GS7" s="161">
        <v>4801</v>
      </c>
      <c r="GT7" s="153">
        <v>4800</v>
      </c>
      <c r="GU7" s="154">
        <v>9601</v>
      </c>
      <c r="GV7" s="438">
        <v>0</v>
      </c>
      <c r="GW7" s="153">
        <v>6624</v>
      </c>
      <c r="GX7" s="153">
        <v>5979</v>
      </c>
      <c r="GY7" s="153">
        <v>3892</v>
      </c>
      <c r="GZ7" s="153">
        <v>3317</v>
      </c>
      <c r="HA7" s="153">
        <v>1895</v>
      </c>
      <c r="HB7" s="155">
        <v>21707</v>
      </c>
      <c r="HC7" s="156">
        <v>31308</v>
      </c>
      <c r="HD7" s="157">
        <v>75</v>
      </c>
      <c r="HE7" s="158">
        <v>76</v>
      </c>
      <c r="HF7" s="159">
        <v>151</v>
      </c>
      <c r="HG7" s="438">
        <v>0</v>
      </c>
      <c r="HH7" s="158">
        <v>98</v>
      </c>
      <c r="HI7" s="158">
        <v>102</v>
      </c>
      <c r="HJ7" s="158">
        <v>76</v>
      </c>
      <c r="HK7" s="158">
        <v>49</v>
      </c>
      <c r="HL7" s="158">
        <v>45</v>
      </c>
      <c r="HM7" s="159">
        <v>370</v>
      </c>
      <c r="HN7" s="160">
        <v>521</v>
      </c>
      <c r="HO7" s="157">
        <v>203</v>
      </c>
      <c r="HP7" s="158">
        <v>218</v>
      </c>
      <c r="HQ7" s="159">
        <v>421</v>
      </c>
      <c r="HR7" s="438">
        <v>0</v>
      </c>
      <c r="HS7" s="158">
        <v>232</v>
      </c>
      <c r="HT7" s="158">
        <v>262</v>
      </c>
      <c r="HU7" s="158">
        <v>165</v>
      </c>
      <c r="HV7" s="158">
        <v>145</v>
      </c>
      <c r="HW7" s="158">
        <v>124</v>
      </c>
      <c r="HX7" s="159">
        <v>928</v>
      </c>
      <c r="HY7" s="160">
        <v>1349</v>
      </c>
      <c r="HZ7" s="157">
        <v>398</v>
      </c>
      <c r="IA7" s="158">
        <v>425</v>
      </c>
      <c r="IB7" s="159">
        <v>823</v>
      </c>
      <c r="IC7" s="438">
        <v>0</v>
      </c>
      <c r="ID7" s="158">
        <v>557</v>
      </c>
      <c r="IE7" s="158">
        <v>446</v>
      </c>
      <c r="IF7" s="158">
        <v>274</v>
      </c>
      <c r="IG7" s="158">
        <v>253</v>
      </c>
      <c r="IH7" s="158">
        <v>169</v>
      </c>
      <c r="II7" s="159">
        <v>1699</v>
      </c>
      <c r="IJ7" s="160">
        <v>2522</v>
      </c>
      <c r="IK7" s="157">
        <v>1006</v>
      </c>
      <c r="IL7" s="158">
        <v>949</v>
      </c>
      <c r="IM7" s="159">
        <v>1955</v>
      </c>
      <c r="IN7" s="438">
        <v>0</v>
      </c>
      <c r="IO7" s="158">
        <v>1279</v>
      </c>
      <c r="IP7" s="158">
        <v>1064</v>
      </c>
      <c r="IQ7" s="158">
        <v>662</v>
      </c>
      <c r="IR7" s="158">
        <v>480</v>
      </c>
      <c r="IS7" s="158">
        <v>309</v>
      </c>
      <c r="IT7" s="159">
        <v>3794</v>
      </c>
      <c r="IU7" s="160">
        <v>5749</v>
      </c>
      <c r="IV7" s="157">
        <v>1655</v>
      </c>
      <c r="IW7" s="158">
        <v>1538</v>
      </c>
      <c r="IX7" s="159">
        <v>3193</v>
      </c>
      <c r="IY7" s="438">
        <v>0</v>
      </c>
      <c r="IZ7" s="158">
        <v>2106</v>
      </c>
      <c r="JA7" s="158">
        <v>1767</v>
      </c>
      <c r="JB7" s="158">
        <v>1034</v>
      </c>
      <c r="JC7" s="158">
        <v>923</v>
      </c>
      <c r="JD7" s="158">
        <v>499</v>
      </c>
      <c r="JE7" s="159">
        <v>6329</v>
      </c>
      <c r="JF7" s="160">
        <v>9522</v>
      </c>
      <c r="JG7" s="157">
        <v>1464</v>
      </c>
      <c r="JH7" s="158">
        <v>1594</v>
      </c>
      <c r="JI7" s="159">
        <v>3058</v>
      </c>
      <c r="JJ7" s="438">
        <v>0</v>
      </c>
      <c r="JK7" s="158">
        <v>2352</v>
      </c>
      <c r="JL7" s="158">
        <v>2338</v>
      </c>
      <c r="JM7" s="158">
        <v>1681</v>
      </c>
      <c r="JN7" s="158">
        <v>1467</v>
      </c>
      <c r="JO7" s="158">
        <v>749</v>
      </c>
      <c r="JP7" s="159">
        <v>8587</v>
      </c>
      <c r="JQ7" s="160">
        <v>11645</v>
      </c>
      <c r="JR7" s="157">
        <v>0</v>
      </c>
      <c r="JS7" s="158">
        <v>0</v>
      </c>
      <c r="JT7" s="159">
        <v>0</v>
      </c>
      <c r="JU7" s="438">
        <v>0</v>
      </c>
      <c r="JV7" s="158">
        <v>0</v>
      </c>
      <c r="JW7" s="158">
        <v>0</v>
      </c>
      <c r="JX7" s="158">
        <v>0</v>
      </c>
      <c r="JY7" s="158">
        <v>0</v>
      </c>
      <c r="JZ7" s="158">
        <v>0</v>
      </c>
      <c r="KA7" s="159">
        <v>0</v>
      </c>
      <c r="KB7" s="160">
        <v>0</v>
      </c>
      <c r="KC7" s="157">
        <v>4801</v>
      </c>
      <c r="KD7" s="158">
        <v>4800</v>
      </c>
      <c r="KE7" s="159">
        <v>9601</v>
      </c>
      <c r="KF7" s="438">
        <v>0</v>
      </c>
      <c r="KG7" s="158">
        <v>6624</v>
      </c>
      <c r="KH7" s="158">
        <v>5979</v>
      </c>
      <c r="KI7" s="158">
        <v>3892</v>
      </c>
      <c r="KJ7" s="158">
        <v>3317</v>
      </c>
      <c r="KK7" s="158">
        <v>1895</v>
      </c>
      <c r="KL7" s="159">
        <v>21707</v>
      </c>
      <c r="KM7" s="160">
        <v>31308</v>
      </c>
    </row>
    <row r="8" spans="2:299" s="137" customFormat="1" ht="21" customHeight="1" x14ac:dyDescent="0.2">
      <c r="B8" s="162" t="s">
        <v>5</v>
      </c>
      <c r="C8" s="163">
        <v>1780</v>
      </c>
      <c r="D8" s="164">
        <v>2070</v>
      </c>
      <c r="E8" s="165">
        <v>3850</v>
      </c>
      <c r="F8" s="439">
        <v>0</v>
      </c>
      <c r="G8" s="164">
        <v>2094</v>
      </c>
      <c r="H8" s="164">
        <v>2465</v>
      </c>
      <c r="I8" s="164">
        <v>1504</v>
      </c>
      <c r="J8" s="164">
        <v>1225</v>
      </c>
      <c r="K8" s="164">
        <v>664</v>
      </c>
      <c r="L8" s="166">
        <v>7952</v>
      </c>
      <c r="M8" s="167">
        <v>11802</v>
      </c>
      <c r="N8" s="168">
        <v>22</v>
      </c>
      <c r="O8" s="169">
        <v>27</v>
      </c>
      <c r="P8" s="170">
        <v>49</v>
      </c>
      <c r="Q8" s="439">
        <v>0</v>
      </c>
      <c r="R8" s="169">
        <v>27</v>
      </c>
      <c r="S8" s="169">
        <v>41</v>
      </c>
      <c r="T8" s="169">
        <v>30</v>
      </c>
      <c r="U8" s="169">
        <v>17</v>
      </c>
      <c r="V8" s="169">
        <v>19</v>
      </c>
      <c r="W8" s="170">
        <v>134</v>
      </c>
      <c r="X8" s="171">
        <v>183</v>
      </c>
      <c r="Y8" s="168">
        <v>57</v>
      </c>
      <c r="Z8" s="169">
        <v>85</v>
      </c>
      <c r="AA8" s="170">
        <v>142</v>
      </c>
      <c r="AB8" s="439">
        <v>0</v>
      </c>
      <c r="AC8" s="169">
        <v>57</v>
      </c>
      <c r="AD8" s="169">
        <v>116</v>
      </c>
      <c r="AE8" s="169">
        <v>63</v>
      </c>
      <c r="AF8" s="169">
        <v>57</v>
      </c>
      <c r="AG8" s="169">
        <v>38</v>
      </c>
      <c r="AH8" s="170">
        <v>331</v>
      </c>
      <c r="AI8" s="171">
        <v>473</v>
      </c>
      <c r="AJ8" s="168">
        <v>141</v>
      </c>
      <c r="AK8" s="169">
        <v>164</v>
      </c>
      <c r="AL8" s="170">
        <v>305</v>
      </c>
      <c r="AM8" s="439">
        <v>0</v>
      </c>
      <c r="AN8" s="169">
        <v>158</v>
      </c>
      <c r="AO8" s="169">
        <v>165</v>
      </c>
      <c r="AP8" s="169">
        <v>111</v>
      </c>
      <c r="AQ8" s="169">
        <v>88</v>
      </c>
      <c r="AR8" s="169">
        <v>64</v>
      </c>
      <c r="AS8" s="170">
        <v>586</v>
      </c>
      <c r="AT8" s="171">
        <v>891</v>
      </c>
      <c r="AU8" s="168">
        <v>335</v>
      </c>
      <c r="AV8" s="169">
        <v>385</v>
      </c>
      <c r="AW8" s="170">
        <v>720</v>
      </c>
      <c r="AX8" s="439">
        <v>0</v>
      </c>
      <c r="AY8" s="169">
        <v>367</v>
      </c>
      <c r="AZ8" s="169">
        <v>406</v>
      </c>
      <c r="BA8" s="169">
        <v>245</v>
      </c>
      <c r="BB8" s="169">
        <v>180</v>
      </c>
      <c r="BC8" s="169">
        <v>118</v>
      </c>
      <c r="BD8" s="170">
        <v>1316</v>
      </c>
      <c r="BE8" s="171">
        <v>2036</v>
      </c>
      <c r="BF8" s="168">
        <v>633</v>
      </c>
      <c r="BG8" s="169">
        <v>646</v>
      </c>
      <c r="BH8" s="170">
        <v>1279</v>
      </c>
      <c r="BI8" s="439">
        <v>0</v>
      </c>
      <c r="BJ8" s="169">
        <v>681</v>
      </c>
      <c r="BK8" s="169">
        <v>737</v>
      </c>
      <c r="BL8" s="169">
        <v>393</v>
      </c>
      <c r="BM8" s="169">
        <v>362</v>
      </c>
      <c r="BN8" s="169">
        <v>182</v>
      </c>
      <c r="BO8" s="170">
        <v>2355</v>
      </c>
      <c r="BP8" s="171">
        <v>3634</v>
      </c>
      <c r="BQ8" s="168">
        <v>592</v>
      </c>
      <c r="BR8" s="169">
        <v>763</v>
      </c>
      <c r="BS8" s="170">
        <v>1355</v>
      </c>
      <c r="BT8" s="439">
        <v>0</v>
      </c>
      <c r="BU8" s="169">
        <v>804</v>
      </c>
      <c r="BV8" s="169">
        <v>1000</v>
      </c>
      <c r="BW8" s="169">
        <v>662</v>
      </c>
      <c r="BX8" s="169">
        <v>521</v>
      </c>
      <c r="BY8" s="169">
        <v>243</v>
      </c>
      <c r="BZ8" s="170">
        <v>3230</v>
      </c>
      <c r="CA8" s="171">
        <v>4585</v>
      </c>
      <c r="CB8" s="168">
        <v>0</v>
      </c>
      <c r="CC8" s="169">
        <v>0</v>
      </c>
      <c r="CD8" s="170">
        <v>0</v>
      </c>
      <c r="CE8" s="439">
        <v>0</v>
      </c>
      <c r="CF8" s="169">
        <v>0</v>
      </c>
      <c r="CG8" s="169">
        <v>0</v>
      </c>
      <c r="CH8" s="169">
        <v>0</v>
      </c>
      <c r="CI8" s="169">
        <v>0</v>
      </c>
      <c r="CJ8" s="169">
        <v>0</v>
      </c>
      <c r="CK8" s="170">
        <v>0</v>
      </c>
      <c r="CL8" s="171">
        <v>0</v>
      </c>
      <c r="CM8" s="168">
        <v>1780</v>
      </c>
      <c r="CN8" s="169">
        <v>2070</v>
      </c>
      <c r="CO8" s="170">
        <v>3850</v>
      </c>
      <c r="CP8" s="439">
        <v>0</v>
      </c>
      <c r="CQ8" s="169">
        <v>2094</v>
      </c>
      <c r="CR8" s="169">
        <v>2465</v>
      </c>
      <c r="CS8" s="169">
        <v>1504</v>
      </c>
      <c r="CT8" s="169">
        <v>1225</v>
      </c>
      <c r="CU8" s="169">
        <v>664</v>
      </c>
      <c r="CV8" s="170">
        <v>7952</v>
      </c>
      <c r="CW8" s="171">
        <v>11802</v>
      </c>
      <c r="CX8" s="172">
        <v>248</v>
      </c>
      <c r="CY8" s="164">
        <v>352</v>
      </c>
      <c r="CZ8" s="165">
        <v>600</v>
      </c>
      <c r="DA8" s="439">
        <v>0</v>
      </c>
      <c r="DB8" s="164">
        <v>309</v>
      </c>
      <c r="DC8" s="164">
        <v>352</v>
      </c>
      <c r="DD8" s="164">
        <v>236</v>
      </c>
      <c r="DE8" s="164">
        <v>240</v>
      </c>
      <c r="DF8" s="164">
        <v>158</v>
      </c>
      <c r="DG8" s="166">
        <v>1295</v>
      </c>
      <c r="DH8" s="167">
        <v>1895</v>
      </c>
      <c r="DI8" s="168">
        <v>5</v>
      </c>
      <c r="DJ8" s="169">
        <v>12</v>
      </c>
      <c r="DK8" s="170">
        <v>17</v>
      </c>
      <c r="DL8" s="439">
        <v>0</v>
      </c>
      <c r="DM8" s="169">
        <v>4</v>
      </c>
      <c r="DN8" s="169">
        <v>7</v>
      </c>
      <c r="DO8" s="169">
        <v>3</v>
      </c>
      <c r="DP8" s="169">
        <v>3</v>
      </c>
      <c r="DQ8" s="169">
        <v>1</v>
      </c>
      <c r="DR8" s="170">
        <v>18</v>
      </c>
      <c r="DS8" s="171">
        <v>35</v>
      </c>
      <c r="DT8" s="168">
        <v>14</v>
      </c>
      <c r="DU8" s="169">
        <v>23</v>
      </c>
      <c r="DV8" s="170">
        <v>37</v>
      </c>
      <c r="DW8" s="439">
        <v>0</v>
      </c>
      <c r="DX8" s="169">
        <v>11</v>
      </c>
      <c r="DY8" s="169">
        <v>13</v>
      </c>
      <c r="DZ8" s="169">
        <v>14</v>
      </c>
      <c r="EA8" s="169">
        <v>8</v>
      </c>
      <c r="EB8" s="169">
        <v>9</v>
      </c>
      <c r="EC8" s="170">
        <v>55</v>
      </c>
      <c r="ED8" s="171">
        <v>92</v>
      </c>
      <c r="EE8" s="168">
        <v>25</v>
      </c>
      <c r="EF8" s="169">
        <v>49</v>
      </c>
      <c r="EG8" s="170">
        <v>74</v>
      </c>
      <c r="EH8" s="439">
        <v>0</v>
      </c>
      <c r="EI8" s="169">
        <v>32</v>
      </c>
      <c r="EJ8" s="169">
        <v>23</v>
      </c>
      <c r="EK8" s="169">
        <v>12</v>
      </c>
      <c r="EL8" s="169">
        <v>12</v>
      </c>
      <c r="EM8" s="169">
        <v>13</v>
      </c>
      <c r="EN8" s="170">
        <v>92</v>
      </c>
      <c r="EO8" s="171">
        <v>166</v>
      </c>
      <c r="EP8" s="168">
        <v>65</v>
      </c>
      <c r="EQ8" s="169">
        <v>88</v>
      </c>
      <c r="ER8" s="170">
        <v>153</v>
      </c>
      <c r="ES8" s="439">
        <v>0</v>
      </c>
      <c r="ET8" s="169">
        <v>74</v>
      </c>
      <c r="EU8" s="169">
        <v>47</v>
      </c>
      <c r="EV8" s="169">
        <v>29</v>
      </c>
      <c r="EW8" s="169">
        <v>30</v>
      </c>
      <c r="EX8" s="169">
        <v>14</v>
      </c>
      <c r="EY8" s="170">
        <v>194</v>
      </c>
      <c r="EZ8" s="171">
        <v>347</v>
      </c>
      <c r="FA8" s="168">
        <v>86</v>
      </c>
      <c r="FB8" s="169">
        <v>93</v>
      </c>
      <c r="FC8" s="170">
        <v>179</v>
      </c>
      <c r="FD8" s="439">
        <v>0</v>
      </c>
      <c r="FE8" s="169">
        <v>98</v>
      </c>
      <c r="FF8" s="169">
        <v>109</v>
      </c>
      <c r="FG8" s="169">
        <v>55</v>
      </c>
      <c r="FH8" s="169">
        <v>59</v>
      </c>
      <c r="FI8" s="169">
        <v>32</v>
      </c>
      <c r="FJ8" s="170">
        <v>353</v>
      </c>
      <c r="FK8" s="171">
        <v>532</v>
      </c>
      <c r="FL8" s="168">
        <v>53</v>
      </c>
      <c r="FM8" s="169">
        <v>87</v>
      </c>
      <c r="FN8" s="170">
        <v>140</v>
      </c>
      <c r="FO8" s="439">
        <v>0</v>
      </c>
      <c r="FP8" s="169">
        <v>90</v>
      </c>
      <c r="FQ8" s="169">
        <v>153</v>
      </c>
      <c r="FR8" s="169">
        <v>123</v>
      </c>
      <c r="FS8" s="169">
        <v>128</v>
      </c>
      <c r="FT8" s="169">
        <v>89</v>
      </c>
      <c r="FU8" s="170">
        <v>583</v>
      </c>
      <c r="FV8" s="171">
        <v>723</v>
      </c>
      <c r="FW8" s="168">
        <v>0</v>
      </c>
      <c r="FX8" s="169">
        <v>0</v>
      </c>
      <c r="FY8" s="170">
        <v>0</v>
      </c>
      <c r="FZ8" s="439">
        <v>0</v>
      </c>
      <c r="GA8" s="169">
        <v>0</v>
      </c>
      <c r="GB8" s="169">
        <v>0</v>
      </c>
      <c r="GC8" s="169">
        <v>0</v>
      </c>
      <c r="GD8" s="169">
        <v>0</v>
      </c>
      <c r="GE8" s="169">
        <v>0</v>
      </c>
      <c r="GF8" s="170">
        <v>0</v>
      </c>
      <c r="GG8" s="171">
        <v>0</v>
      </c>
      <c r="GH8" s="168">
        <v>248</v>
      </c>
      <c r="GI8" s="169">
        <v>352</v>
      </c>
      <c r="GJ8" s="170">
        <v>600</v>
      </c>
      <c r="GK8" s="439">
        <v>0</v>
      </c>
      <c r="GL8" s="169">
        <v>309</v>
      </c>
      <c r="GM8" s="169">
        <v>352</v>
      </c>
      <c r="GN8" s="169">
        <v>236</v>
      </c>
      <c r="GO8" s="169">
        <v>240</v>
      </c>
      <c r="GP8" s="169">
        <v>158</v>
      </c>
      <c r="GQ8" s="170">
        <v>1295</v>
      </c>
      <c r="GR8" s="171">
        <v>1895</v>
      </c>
      <c r="GS8" s="172">
        <v>2028</v>
      </c>
      <c r="GT8" s="164">
        <v>2422</v>
      </c>
      <c r="GU8" s="165">
        <v>4450</v>
      </c>
      <c r="GV8" s="439">
        <v>0</v>
      </c>
      <c r="GW8" s="164">
        <v>2403</v>
      </c>
      <c r="GX8" s="164">
        <v>2817</v>
      </c>
      <c r="GY8" s="164">
        <v>1740</v>
      </c>
      <c r="GZ8" s="164">
        <v>1465</v>
      </c>
      <c r="HA8" s="164">
        <v>822</v>
      </c>
      <c r="HB8" s="166">
        <v>9247</v>
      </c>
      <c r="HC8" s="167">
        <v>13697</v>
      </c>
      <c r="HD8" s="168">
        <v>27</v>
      </c>
      <c r="HE8" s="169">
        <v>39</v>
      </c>
      <c r="HF8" s="170">
        <v>66</v>
      </c>
      <c r="HG8" s="439">
        <v>0</v>
      </c>
      <c r="HH8" s="169">
        <v>31</v>
      </c>
      <c r="HI8" s="169">
        <v>48</v>
      </c>
      <c r="HJ8" s="169">
        <v>33</v>
      </c>
      <c r="HK8" s="169">
        <v>20</v>
      </c>
      <c r="HL8" s="169">
        <v>20</v>
      </c>
      <c r="HM8" s="170">
        <v>152</v>
      </c>
      <c r="HN8" s="171">
        <v>218</v>
      </c>
      <c r="HO8" s="168">
        <v>71</v>
      </c>
      <c r="HP8" s="169">
        <v>108</v>
      </c>
      <c r="HQ8" s="170">
        <v>179</v>
      </c>
      <c r="HR8" s="439">
        <v>0</v>
      </c>
      <c r="HS8" s="169">
        <v>68</v>
      </c>
      <c r="HT8" s="169">
        <v>129</v>
      </c>
      <c r="HU8" s="169">
        <v>77</v>
      </c>
      <c r="HV8" s="169">
        <v>65</v>
      </c>
      <c r="HW8" s="169">
        <v>47</v>
      </c>
      <c r="HX8" s="170">
        <v>386</v>
      </c>
      <c r="HY8" s="171">
        <v>565</v>
      </c>
      <c r="HZ8" s="168">
        <v>166</v>
      </c>
      <c r="IA8" s="169">
        <v>213</v>
      </c>
      <c r="IB8" s="170">
        <v>379</v>
      </c>
      <c r="IC8" s="439">
        <v>0</v>
      </c>
      <c r="ID8" s="169">
        <v>190</v>
      </c>
      <c r="IE8" s="169">
        <v>188</v>
      </c>
      <c r="IF8" s="169">
        <v>123</v>
      </c>
      <c r="IG8" s="169">
        <v>100</v>
      </c>
      <c r="IH8" s="169">
        <v>77</v>
      </c>
      <c r="II8" s="170">
        <v>678</v>
      </c>
      <c r="IJ8" s="171">
        <v>1057</v>
      </c>
      <c r="IK8" s="168">
        <v>400</v>
      </c>
      <c r="IL8" s="169">
        <v>473</v>
      </c>
      <c r="IM8" s="170">
        <v>873</v>
      </c>
      <c r="IN8" s="439">
        <v>0</v>
      </c>
      <c r="IO8" s="169">
        <v>441</v>
      </c>
      <c r="IP8" s="169">
        <v>453</v>
      </c>
      <c r="IQ8" s="169">
        <v>274</v>
      </c>
      <c r="IR8" s="169">
        <v>210</v>
      </c>
      <c r="IS8" s="169">
        <v>132</v>
      </c>
      <c r="IT8" s="170">
        <v>1510</v>
      </c>
      <c r="IU8" s="171">
        <v>2383</v>
      </c>
      <c r="IV8" s="168">
        <v>719</v>
      </c>
      <c r="IW8" s="169">
        <v>739</v>
      </c>
      <c r="IX8" s="170">
        <v>1458</v>
      </c>
      <c r="IY8" s="439">
        <v>0</v>
      </c>
      <c r="IZ8" s="169">
        <v>779</v>
      </c>
      <c r="JA8" s="169">
        <v>846</v>
      </c>
      <c r="JB8" s="169">
        <v>448</v>
      </c>
      <c r="JC8" s="169">
        <v>421</v>
      </c>
      <c r="JD8" s="169">
        <v>214</v>
      </c>
      <c r="JE8" s="170">
        <v>2708</v>
      </c>
      <c r="JF8" s="171">
        <v>4166</v>
      </c>
      <c r="JG8" s="168">
        <v>645</v>
      </c>
      <c r="JH8" s="169">
        <v>850</v>
      </c>
      <c r="JI8" s="170">
        <v>1495</v>
      </c>
      <c r="JJ8" s="439">
        <v>0</v>
      </c>
      <c r="JK8" s="169">
        <v>894</v>
      </c>
      <c r="JL8" s="169">
        <v>1153</v>
      </c>
      <c r="JM8" s="169">
        <v>785</v>
      </c>
      <c r="JN8" s="169">
        <v>649</v>
      </c>
      <c r="JO8" s="169">
        <v>332</v>
      </c>
      <c r="JP8" s="170">
        <v>3813</v>
      </c>
      <c r="JQ8" s="171">
        <v>5308</v>
      </c>
      <c r="JR8" s="168">
        <v>0</v>
      </c>
      <c r="JS8" s="169">
        <v>0</v>
      </c>
      <c r="JT8" s="170">
        <v>0</v>
      </c>
      <c r="JU8" s="439">
        <v>0</v>
      </c>
      <c r="JV8" s="169">
        <v>0</v>
      </c>
      <c r="JW8" s="169">
        <v>0</v>
      </c>
      <c r="JX8" s="169">
        <v>0</v>
      </c>
      <c r="JY8" s="169">
        <v>0</v>
      </c>
      <c r="JZ8" s="169">
        <v>0</v>
      </c>
      <c r="KA8" s="170">
        <v>0</v>
      </c>
      <c r="KB8" s="171">
        <v>0</v>
      </c>
      <c r="KC8" s="168">
        <v>2028</v>
      </c>
      <c r="KD8" s="169">
        <v>2422</v>
      </c>
      <c r="KE8" s="170">
        <v>4450</v>
      </c>
      <c r="KF8" s="439">
        <v>0</v>
      </c>
      <c r="KG8" s="169">
        <v>2403</v>
      </c>
      <c r="KH8" s="169">
        <v>2817</v>
      </c>
      <c r="KI8" s="169">
        <v>1740</v>
      </c>
      <c r="KJ8" s="169">
        <v>1465</v>
      </c>
      <c r="KK8" s="169">
        <v>822</v>
      </c>
      <c r="KL8" s="170">
        <v>9247</v>
      </c>
      <c r="KM8" s="171">
        <v>13697</v>
      </c>
    </row>
    <row r="9" spans="2:299" s="137" customFormat="1" ht="21" customHeight="1" x14ac:dyDescent="0.2">
      <c r="B9" s="173" t="s">
        <v>6</v>
      </c>
      <c r="C9" s="163">
        <v>477</v>
      </c>
      <c r="D9" s="164">
        <v>376</v>
      </c>
      <c r="E9" s="165">
        <v>853</v>
      </c>
      <c r="F9" s="439">
        <v>0</v>
      </c>
      <c r="G9" s="164">
        <v>799</v>
      </c>
      <c r="H9" s="164">
        <v>639</v>
      </c>
      <c r="I9" s="164">
        <v>361</v>
      </c>
      <c r="J9" s="164">
        <v>329</v>
      </c>
      <c r="K9" s="164">
        <v>190</v>
      </c>
      <c r="L9" s="166">
        <v>2318</v>
      </c>
      <c r="M9" s="167">
        <v>3171</v>
      </c>
      <c r="N9" s="168">
        <v>14</v>
      </c>
      <c r="O9" s="169">
        <v>9</v>
      </c>
      <c r="P9" s="170">
        <v>23</v>
      </c>
      <c r="Q9" s="439">
        <v>0</v>
      </c>
      <c r="R9" s="169">
        <v>11</v>
      </c>
      <c r="S9" s="169">
        <v>13</v>
      </c>
      <c r="T9" s="169">
        <v>10</v>
      </c>
      <c r="U9" s="169">
        <v>3</v>
      </c>
      <c r="V9" s="169">
        <v>2</v>
      </c>
      <c r="W9" s="170">
        <v>39</v>
      </c>
      <c r="X9" s="171">
        <v>62</v>
      </c>
      <c r="Y9" s="168">
        <v>31</v>
      </c>
      <c r="Z9" s="169">
        <v>20</v>
      </c>
      <c r="AA9" s="170">
        <v>51</v>
      </c>
      <c r="AB9" s="439">
        <v>0</v>
      </c>
      <c r="AC9" s="169">
        <v>34</v>
      </c>
      <c r="AD9" s="169">
        <v>20</v>
      </c>
      <c r="AE9" s="169">
        <v>11</v>
      </c>
      <c r="AF9" s="169">
        <v>20</v>
      </c>
      <c r="AG9" s="169">
        <v>20</v>
      </c>
      <c r="AH9" s="170">
        <v>105</v>
      </c>
      <c r="AI9" s="171">
        <v>156</v>
      </c>
      <c r="AJ9" s="168">
        <v>34</v>
      </c>
      <c r="AK9" s="169">
        <v>35</v>
      </c>
      <c r="AL9" s="170">
        <v>69</v>
      </c>
      <c r="AM9" s="439">
        <v>0</v>
      </c>
      <c r="AN9" s="169">
        <v>73</v>
      </c>
      <c r="AO9" s="169">
        <v>57</v>
      </c>
      <c r="AP9" s="169">
        <v>22</v>
      </c>
      <c r="AQ9" s="169">
        <v>26</v>
      </c>
      <c r="AR9" s="169">
        <v>15</v>
      </c>
      <c r="AS9" s="170">
        <v>193</v>
      </c>
      <c r="AT9" s="171">
        <v>262</v>
      </c>
      <c r="AU9" s="168">
        <v>87</v>
      </c>
      <c r="AV9" s="169">
        <v>65</v>
      </c>
      <c r="AW9" s="170">
        <v>152</v>
      </c>
      <c r="AX9" s="439">
        <v>0</v>
      </c>
      <c r="AY9" s="169">
        <v>141</v>
      </c>
      <c r="AZ9" s="169">
        <v>114</v>
      </c>
      <c r="BA9" s="169">
        <v>68</v>
      </c>
      <c r="BB9" s="169">
        <v>38</v>
      </c>
      <c r="BC9" s="169">
        <v>30</v>
      </c>
      <c r="BD9" s="170">
        <v>391</v>
      </c>
      <c r="BE9" s="171">
        <v>543</v>
      </c>
      <c r="BF9" s="168">
        <v>156</v>
      </c>
      <c r="BG9" s="169">
        <v>119</v>
      </c>
      <c r="BH9" s="170">
        <v>275</v>
      </c>
      <c r="BI9" s="439">
        <v>0</v>
      </c>
      <c r="BJ9" s="169">
        <v>243</v>
      </c>
      <c r="BK9" s="169">
        <v>201</v>
      </c>
      <c r="BL9" s="169">
        <v>98</v>
      </c>
      <c r="BM9" s="169">
        <v>88</v>
      </c>
      <c r="BN9" s="169">
        <v>54</v>
      </c>
      <c r="BO9" s="170">
        <v>684</v>
      </c>
      <c r="BP9" s="171">
        <v>959</v>
      </c>
      <c r="BQ9" s="168">
        <v>155</v>
      </c>
      <c r="BR9" s="169">
        <v>128</v>
      </c>
      <c r="BS9" s="170">
        <v>283</v>
      </c>
      <c r="BT9" s="439">
        <v>0</v>
      </c>
      <c r="BU9" s="169">
        <v>297</v>
      </c>
      <c r="BV9" s="169">
        <v>234</v>
      </c>
      <c r="BW9" s="169">
        <v>152</v>
      </c>
      <c r="BX9" s="169">
        <v>154</v>
      </c>
      <c r="BY9" s="169">
        <v>69</v>
      </c>
      <c r="BZ9" s="170">
        <v>906</v>
      </c>
      <c r="CA9" s="171">
        <v>1189</v>
      </c>
      <c r="CB9" s="168">
        <v>0</v>
      </c>
      <c r="CC9" s="169">
        <v>0</v>
      </c>
      <c r="CD9" s="170">
        <v>0</v>
      </c>
      <c r="CE9" s="439">
        <v>0</v>
      </c>
      <c r="CF9" s="169">
        <v>0</v>
      </c>
      <c r="CG9" s="169">
        <v>0</v>
      </c>
      <c r="CH9" s="169">
        <v>0</v>
      </c>
      <c r="CI9" s="169">
        <v>0</v>
      </c>
      <c r="CJ9" s="169">
        <v>0</v>
      </c>
      <c r="CK9" s="170">
        <v>0</v>
      </c>
      <c r="CL9" s="171">
        <v>0</v>
      </c>
      <c r="CM9" s="168">
        <v>477</v>
      </c>
      <c r="CN9" s="169">
        <v>376</v>
      </c>
      <c r="CO9" s="170">
        <v>853</v>
      </c>
      <c r="CP9" s="439">
        <v>0</v>
      </c>
      <c r="CQ9" s="169">
        <v>799</v>
      </c>
      <c r="CR9" s="169">
        <v>639</v>
      </c>
      <c r="CS9" s="169">
        <v>361</v>
      </c>
      <c r="CT9" s="169">
        <v>329</v>
      </c>
      <c r="CU9" s="169">
        <v>190</v>
      </c>
      <c r="CV9" s="170">
        <v>2318</v>
      </c>
      <c r="CW9" s="171">
        <v>3171</v>
      </c>
      <c r="CX9" s="172">
        <v>86</v>
      </c>
      <c r="CY9" s="164">
        <v>107</v>
      </c>
      <c r="CZ9" s="165">
        <v>193</v>
      </c>
      <c r="DA9" s="439">
        <v>0</v>
      </c>
      <c r="DB9" s="164">
        <v>136</v>
      </c>
      <c r="DC9" s="164">
        <v>105</v>
      </c>
      <c r="DD9" s="164">
        <v>74</v>
      </c>
      <c r="DE9" s="164">
        <v>80</v>
      </c>
      <c r="DF9" s="164">
        <v>53</v>
      </c>
      <c r="DG9" s="166">
        <v>448</v>
      </c>
      <c r="DH9" s="167">
        <v>641</v>
      </c>
      <c r="DI9" s="168">
        <v>2</v>
      </c>
      <c r="DJ9" s="169">
        <v>2</v>
      </c>
      <c r="DK9" s="170">
        <v>4</v>
      </c>
      <c r="DL9" s="439">
        <v>0</v>
      </c>
      <c r="DM9" s="169">
        <v>2</v>
      </c>
      <c r="DN9" s="169">
        <v>1</v>
      </c>
      <c r="DO9" s="169">
        <v>3</v>
      </c>
      <c r="DP9" s="169">
        <v>1</v>
      </c>
      <c r="DQ9" s="169">
        <v>0</v>
      </c>
      <c r="DR9" s="170">
        <v>7</v>
      </c>
      <c r="DS9" s="171">
        <v>11</v>
      </c>
      <c r="DT9" s="168">
        <v>4</v>
      </c>
      <c r="DU9" s="169">
        <v>6</v>
      </c>
      <c r="DV9" s="170">
        <v>10</v>
      </c>
      <c r="DW9" s="439">
        <v>0</v>
      </c>
      <c r="DX9" s="169">
        <v>8</v>
      </c>
      <c r="DY9" s="169">
        <v>2</v>
      </c>
      <c r="DZ9" s="169">
        <v>2</v>
      </c>
      <c r="EA9" s="169">
        <v>3</v>
      </c>
      <c r="EB9" s="169">
        <v>1</v>
      </c>
      <c r="EC9" s="170">
        <v>16</v>
      </c>
      <c r="ED9" s="171">
        <v>26</v>
      </c>
      <c r="EE9" s="168">
        <v>16</v>
      </c>
      <c r="EF9" s="169">
        <v>8</v>
      </c>
      <c r="EG9" s="170">
        <v>24</v>
      </c>
      <c r="EH9" s="439">
        <v>0</v>
      </c>
      <c r="EI9" s="169">
        <v>12</v>
      </c>
      <c r="EJ9" s="169">
        <v>7</v>
      </c>
      <c r="EK9" s="169">
        <v>4</v>
      </c>
      <c r="EL9" s="169">
        <v>3</v>
      </c>
      <c r="EM9" s="169">
        <v>4</v>
      </c>
      <c r="EN9" s="170">
        <v>30</v>
      </c>
      <c r="EO9" s="171">
        <v>54</v>
      </c>
      <c r="EP9" s="168">
        <v>29</v>
      </c>
      <c r="EQ9" s="169">
        <v>23</v>
      </c>
      <c r="ER9" s="170">
        <v>52</v>
      </c>
      <c r="ES9" s="439">
        <v>0</v>
      </c>
      <c r="ET9" s="169">
        <v>30</v>
      </c>
      <c r="EU9" s="169">
        <v>16</v>
      </c>
      <c r="EV9" s="169">
        <v>10</v>
      </c>
      <c r="EW9" s="169">
        <v>6</v>
      </c>
      <c r="EX9" s="169">
        <v>9</v>
      </c>
      <c r="EY9" s="170">
        <v>71</v>
      </c>
      <c r="EZ9" s="171">
        <v>123</v>
      </c>
      <c r="FA9" s="168">
        <v>20</v>
      </c>
      <c r="FB9" s="169">
        <v>34</v>
      </c>
      <c r="FC9" s="170">
        <v>54</v>
      </c>
      <c r="FD9" s="439">
        <v>0</v>
      </c>
      <c r="FE9" s="169">
        <v>37</v>
      </c>
      <c r="FF9" s="169">
        <v>36</v>
      </c>
      <c r="FG9" s="169">
        <v>16</v>
      </c>
      <c r="FH9" s="169">
        <v>17</v>
      </c>
      <c r="FI9" s="169">
        <v>16</v>
      </c>
      <c r="FJ9" s="170">
        <v>122</v>
      </c>
      <c r="FK9" s="171">
        <v>176</v>
      </c>
      <c r="FL9" s="168">
        <v>15</v>
      </c>
      <c r="FM9" s="169">
        <v>34</v>
      </c>
      <c r="FN9" s="170">
        <v>49</v>
      </c>
      <c r="FO9" s="439">
        <v>0</v>
      </c>
      <c r="FP9" s="169">
        <v>47</v>
      </c>
      <c r="FQ9" s="169">
        <v>43</v>
      </c>
      <c r="FR9" s="169">
        <v>39</v>
      </c>
      <c r="FS9" s="169">
        <v>50</v>
      </c>
      <c r="FT9" s="169">
        <v>23</v>
      </c>
      <c r="FU9" s="170">
        <v>202</v>
      </c>
      <c r="FV9" s="171">
        <v>251</v>
      </c>
      <c r="FW9" s="168">
        <v>0</v>
      </c>
      <c r="FX9" s="169">
        <v>0</v>
      </c>
      <c r="FY9" s="170">
        <v>0</v>
      </c>
      <c r="FZ9" s="439">
        <v>0</v>
      </c>
      <c r="GA9" s="169">
        <v>0</v>
      </c>
      <c r="GB9" s="169">
        <v>0</v>
      </c>
      <c r="GC9" s="169">
        <v>0</v>
      </c>
      <c r="GD9" s="169">
        <v>0</v>
      </c>
      <c r="GE9" s="169">
        <v>0</v>
      </c>
      <c r="GF9" s="170">
        <v>0</v>
      </c>
      <c r="GG9" s="171">
        <v>0</v>
      </c>
      <c r="GH9" s="168">
        <v>86</v>
      </c>
      <c r="GI9" s="169">
        <v>107</v>
      </c>
      <c r="GJ9" s="170">
        <v>193</v>
      </c>
      <c r="GK9" s="439">
        <v>0</v>
      </c>
      <c r="GL9" s="169">
        <v>136</v>
      </c>
      <c r="GM9" s="169">
        <v>105</v>
      </c>
      <c r="GN9" s="169">
        <v>74</v>
      </c>
      <c r="GO9" s="169">
        <v>80</v>
      </c>
      <c r="GP9" s="169">
        <v>53</v>
      </c>
      <c r="GQ9" s="170">
        <v>448</v>
      </c>
      <c r="GR9" s="171">
        <v>641</v>
      </c>
      <c r="GS9" s="172">
        <v>563</v>
      </c>
      <c r="GT9" s="164">
        <v>483</v>
      </c>
      <c r="GU9" s="165">
        <v>1046</v>
      </c>
      <c r="GV9" s="439">
        <v>0</v>
      </c>
      <c r="GW9" s="164">
        <v>935</v>
      </c>
      <c r="GX9" s="164">
        <v>744</v>
      </c>
      <c r="GY9" s="164">
        <v>435</v>
      </c>
      <c r="GZ9" s="164">
        <v>409</v>
      </c>
      <c r="HA9" s="164">
        <v>243</v>
      </c>
      <c r="HB9" s="166">
        <v>2766</v>
      </c>
      <c r="HC9" s="167">
        <v>3812</v>
      </c>
      <c r="HD9" s="168">
        <v>16</v>
      </c>
      <c r="HE9" s="169">
        <v>11</v>
      </c>
      <c r="HF9" s="170">
        <v>27</v>
      </c>
      <c r="HG9" s="439">
        <v>0</v>
      </c>
      <c r="HH9" s="169">
        <v>13</v>
      </c>
      <c r="HI9" s="169">
        <v>14</v>
      </c>
      <c r="HJ9" s="169">
        <v>13</v>
      </c>
      <c r="HK9" s="169">
        <v>4</v>
      </c>
      <c r="HL9" s="169">
        <v>2</v>
      </c>
      <c r="HM9" s="170">
        <v>46</v>
      </c>
      <c r="HN9" s="171">
        <v>73</v>
      </c>
      <c r="HO9" s="168">
        <v>35</v>
      </c>
      <c r="HP9" s="169">
        <v>26</v>
      </c>
      <c r="HQ9" s="170">
        <v>61</v>
      </c>
      <c r="HR9" s="439">
        <v>0</v>
      </c>
      <c r="HS9" s="169">
        <v>42</v>
      </c>
      <c r="HT9" s="169">
        <v>22</v>
      </c>
      <c r="HU9" s="169">
        <v>13</v>
      </c>
      <c r="HV9" s="169">
        <v>23</v>
      </c>
      <c r="HW9" s="169">
        <v>21</v>
      </c>
      <c r="HX9" s="170">
        <v>121</v>
      </c>
      <c r="HY9" s="171">
        <v>182</v>
      </c>
      <c r="HZ9" s="168">
        <v>50</v>
      </c>
      <c r="IA9" s="169">
        <v>43</v>
      </c>
      <c r="IB9" s="170">
        <v>93</v>
      </c>
      <c r="IC9" s="439">
        <v>0</v>
      </c>
      <c r="ID9" s="169">
        <v>85</v>
      </c>
      <c r="IE9" s="169">
        <v>64</v>
      </c>
      <c r="IF9" s="169">
        <v>26</v>
      </c>
      <c r="IG9" s="169">
        <v>29</v>
      </c>
      <c r="IH9" s="169">
        <v>19</v>
      </c>
      <c r="II9" s="170">
        <v>223</v>
      </c>
      <c r="IJ9" s="171">
        <v>316</v>
      </c>
      <c r="IK9" s="168">
        <v>116</v>
      </c>
      <c r="IL9" s="169">
        <v>88</v>
      </c>
      <c r="IM9" s="170">
        <v>204</v>
      </c>
      <c r="IN9" s="439">
        <v>0</v>
      </c>
      <c r="IO9" s="169">
        <v>171</v>
      </c>
      <c r="IP9" s="169">
        <v>130</v>
      </c>
      <c r="IQ9" s="169">
        <v>78</v>
      </c>
      <c r="IR9" s="169">
        <v>44</v>
      </c>
      <c r="IS9" s="169">
        <v>39</v>
      </c>
      <c r="IT9" s="170">
        <v>462</v>
      </c>
      <c r="IU9" s="171">
        <v>666</v>
      </c>
      <c r="IV9" s="168">
        <v>176</v>
      </c>
      <c r="IW9" s="169">
        <v>153</v>
      </c>
      <c r="IX9" s="170">
        <v>329</v>
      </c>
      <c r="IY9" s="439">
        <v>0</v>
      </c>
      <c r="IZ9" s="169">
        <v>280</v>
      </c>
      <c r="JA9" s="169">
        <v>237</v>
      </c>
      <c r="JB9" s="169">
        <v>114</v>
      </c>
      <c r="JC9" s="169">
        <v>105</v>
      </c>
      <c r="JD9" s="169">
        <v>70</v>
      </c>
      <c r="JE9" s="170">
        <v>806</v>
      </c>
      <c r="JF9" s="171">
        <v>1135</v>
      </c>
      <c r="JG9" s="168">
        <v>170</v>
      </c>
      <c r="JH9" s="169">
        <v>162</v>
      </c>
      <c r="JI9" s="170">
        <v>332</v>
      </c>
      <c r="JJ9" s="439">
        <v>0</v>
      </c>
      <c r="JK9" s="169">
        <v>344</v>
      </c>
      <c r="JL9" s="169">
        <v>277</v>
      </c>
      <c r="JM9" s="169">
        <v>191</v>
      </c>
      <c r="JN9" s="169">
        <v>204</v>
      </c>
      <c r="JO9" s="169">
        <v>92</v>
      </c>
      <c r="JP9" s="170">
        <v>1108</v>
      </c>
      <c r="JQ9" s="171">
        <v>1440</v>
      </c>
      <c r="JR9" s="168">
        <v>0</v>
      </c>
      <c r="JS9" s="169">
        <v>0</v>
      </c>
      <c r="JT9" s="170">
        <v>0</v>
      </c>
      <c r="JU9" s="439">
        <v>0</v>
      </c>
      <c r="JV9" s="169">
        <v>0</v>
      </c>
      <c r="JW9" s="169">
        <v>0</v>
      </c>
      <c r="JX9" s="169">
        <v>0</v>
      </c>
      <c r="JY9" s="169">
        <v>0</v>
      </c>
      <c r="JZ9" s="169">
        <v>0</v>
      </c>
      <c r="KA9" s="170">
        <v>0</v>
      </c>
      <c r="KB9" s="171">
        <v>0</v>
      </c>
      <c r="KC9" s="168">
        <v>563</v>
      </c>
      <c r="KD9" s="169">
        <v>483</v>
      </c>
      <c r="KE9" s="170">
        <v>1046</v>
      </c>
      <c r="KF9" s="439">
        <v>0</v>
      </c>
      <c r="KG9" s="169">
        <v>935</v>
      </c>
      <c r="KH9" s="169">
        <v>744</v>
      </c>
      <c r="KI9" s="169">
        <v>435</v>
      </c>
      <c r="KJ9" s="169">
        <v>409</v>
      </c>
      <c r="KK9" s="169">
        <v>243</v>
      </c>
      <c r="KL9" s="170">
        <v>2766</v>
      </c>
      <c r="KM9" s="171">
        <v>3812</v>
      </c>
    </row>
    <row r="10" spans="2:299" s="137" customFormat="1" ht="21" customHeight="1" x14ac:dyDescent="0.2">
      <c r="B10" s="173" t="s">
        <v>14</v>
      </c>
      <c r="C10" s="163">
        <v>273</v>
      </c>
      <c r="D10" s="164">
        <v>330</v>
      </c>
      <c r="E10" s="165">
        <v>603</v>
      </c>
      <c r="F10" s="439">
        <v>0</v>
      </c>
      <c r="G10" s="164">
        <v>390</v>
      </c>
      <c r="H10" s="164">
        <v>400</v>
      </c>
      <c r="I10" s="164">
        <v>278</v>
      </c>
      <c r="J10" s="164">
        <v>220</v>
      </c>
      <c r="K10" s="164">
        <v>125</v>
      </c>
      <c r="L10" s="166">
        <v>1413</v>
      </c>
      <c r="M10" s="167">
        <v>2016</v>
      </c>
      <c r="N10" s="168">
        <v>5</v>
      </c>
      <c r="O10" s="169">
        <v>3</v>
      </c>
      <c r="P10" s="170">
        <v>8</v>
      </c>
      <c r="Q10" s="439">
        <v>0</v>
      </c>
      <c r="R10" s="169">
        <v>6</v>
      </c>
      <c r="S10" s="169">
        <v>7</v>
      </c>
      <c r="T10" s="169">
        <v>4</v>
      </c>
      <c r="U10" s="169">
        <v>9</v>
      </c>
      <c r="V10" s="169">
        <v>5</v>
      </c>
      <c r="W10" s="170">
        <v>31</v>
      </c>
      <c r="X10" s="171">
        <v>39</v>
      </c>
      <c r="Y10" s="168">
        <v>12</v>
      </c>
      <c r="Z10" s="169">
        <v>18</v>
      </c>
      <c r="AA10" s="170">
        <v>30</v>
      </c>
      <c r="AB10" s="439">
        <v>0</v>
      </c>
      <c r="AC10" s="169">
        <v>15</v>
      </c>
      <c r="AD10" s="169">
        <v>22</v>
      </c>
      <c r="AE10" s="169">
        <v>14</v>
      </c>
      <c r="AF10" s="169">
        <v>6</v>
      </c>
      <c r="AG10" s="169">
        <v>12</v>
      </c>
      <c r="AH10" s="170">
        <v>69</v>
      </c>
      <c r="AI10" s="171">
        <v>99</v>
      </c>
      <c r="AJ10" s="168">
        <v>23</v>
      </c>
      <c r="AK10" s="169">
        <v>43</v>
      </c>
      <c r="AL10" s="170">
        <v>66</v>
      </c>
      <c r="AM10" s="439">
        <v>0</v>
      </c>
      <c r="AN10" s="169">
        <v>33</v>
      </c>
      <c r="AO10" s="169">
        <v>30</v>
      </c>
      <c r="AP10" s="169">
        <v>23</v>
      </c>
      <c r="AQ10" s="169">
        <v>18</v>
      </c>
      <c r="AR10" s="169">
        <v>11</v>
      </c>
      <c r="AS10" s="170">
        <v>115</v>
      </c>
      <c r="AT10" s="171">
        <v>181</v>
      </c>
      <c r="AU10" s="168">
        <v>71</v>
      </c>
      <c r="AV10" s="169">
        <v>77</v>
      </c>
      <c r="AW10" s="170">
        <v>148</v>
      </c>
      <c r="AX10" s="439">
        <v>0</v>
      </c>
      <c r="AY10" s="169">
        <v>83</v>
      </c>
      <c r="AZ10" s="169">
        <v>87</v>
      </c>
      <c r="BA10" s="169">
        <v>59</v>
      </c>
      <c r="BB10" s="169">
        <v>49</v>
      </c>
      <c r="BC10" s="169">
        <v>14</v>
      </c>
      <c r="BD10" s="170">
        <v>292</v>
      </c>
      <c r="BE10" s="171">
        <v>440</v>
      </c>
      <c r="BF10" s="168">
        <v>82</v>
      </c>
      <c r="BG10" s="169">
        <v>101</v>
      </c>
      <c r="BH10" s="170">
        <v>183</v>
      </c>
      <c r="BI10" s="439">
        <v>0</v>
      </c>
      <c r="BJ10" s="169">
        <v>122</v>
      </c>
      <c r="BK10" s="169">
        <v>129</v>
      </c>
      <c r="BL10" s="169">
        <v>68</v>
      </c>
      <c r="BM10" s="169">
        <v>67</v>
      </c>
      <c r="BN10" s="169">
        <v>24</v>
      </c>
      <c r="BO10" s="170">
        <v>410</v>
      </c>
      <c r="BP10" s="171">
        <v>593</v>
      </c>
      <c r="BQ10" s="168">
        <v>80</v>
      </c>
      <c r="BR10" s="169">
        <v>88</v>
      </c>
      <c r="BS10" s="170">
        <v>168</v>
      </c>
      <c r="BT10" s="439">
        <v>0</v>
      </c>
      <c r="BU10" s="169">
        <v>131</v>
      </c>
      <c r="BV10" s="169">
        <v>125</v>
      </c>
      <c r="BW10" s="169">
        <v>110</v>
      </c>
      <c r="BX10" s="169">
        <v>71</v>
      </c>
      <c r="BY10" s="169">
        <v>59</v>
      </c>
      <c r="BZ10" s="170">
        <v>496</v>
      </c>
      <c r="CA10" s="171">
        <v>664</v>
      </c>
      <c r="CB10" s="168">
        <v>0</v>
      </c>
      <c r="CC10" s="169">
        <v>0</v>
      </c>
      <c r="CD10" s="170">
        <v>0</v>
      </c>
      <c r="CE10" s="439">
        <v>0</v>
      </c>
      <c r="CF10" s="169">
        <v>0</v>
      </c>
      <c r="CG10" s="169">
        <v>0</v>
      </c>
      <c r="CH10" s="169">
        <v>0</v>
      </c>
      <c r="CI10" s="169">
        <v>0</v>
      </c>
      <c r="CJ10" s="169">
        <v>0</v>
      </c>
      <c r="CK10" s="170">
        <v>0</v>
      </c>
      <c r="CL10" s="171">
        <v>0</v>
      </c>
      <c r="CM10" s="168">
        <v>273</v>
      </c>
      <c r="CN10" s="169">
        <v>330</v>
      </c>
      <c r="CO10" s="170">
        <v>603</v>
      </c>
      <c r="CP10" s="439">
        <v>0</v>
      </c>
      <c r="CQ10" s="169">
        <v>390</v>
      </c>
      <c r="CR10" s="169">
        <v>400</v>
      </c>
      <c r="CS10" s="169">
        <v>278</v>
      </c>
      <c r="CT10" s="169">
        <v>220</v>
      </c>
      <c r="CU10" s="169">
        <v>125</v>
      </c>
      <c r="CV10" s="170">
        <v>1413</v>
      </c>
      <c r="CW10" s="171">
        <v>2016</v>
      </c>
      <c r="CX10" s="172">
        <v>37</v>
      </c>
      <c r="CY10" s="164">
        <v>51</v>
      </c>
      <c r="CZ10" s="165">
        <v>88</v>
      </c>
      <c r="DA10" s="439">
        <v>0</v>
      </c>
      <c r="DB10" s="164">
        <v>49</v>
      </c>
      <c r="DC10" s="164">
        <v>50</v>
      </c>
      <c r="DD10" s="164">
        <v>41</v>
      </c>
      <c r="DE10" s="164">
        <v>29</v>
      </c>
      <c r="DF10" s="164">
        <v>18</v>
      </c>
      <c r="DG10" s="166">
        <v>187</v>
      </c>
      <c r="DH10" s="167">
        <v>275</v>
      </c>
      <c r="DI10" s="168">
        <v>0</v>
      </c>
      <c r="DJ10" s="169">
        <v>1</v>
      </c>
      <c r="DK10" s="170">
        <v>1</v>
      </c>
      <c r="DL10" s="439">
        <v>0</v>
      </c>
      <c r="DM10" s="169">
        <v>0</v>
      </c>
      <c r="DN10" s="169">
        <v>1</v>
      </c>
      <c r="DO10" s="169">
        <v>2</v>
      </c>
      <c r="DP10" s="169">
        <v>0</v>
      </c>
      <c r="DQ10" s="169">
        <v>0</v>
      </c>
      <c r="DR10" s="170">
        <v>3</v>
      </c>
      <c r="DS10" s="171">
        <v>4</v>
      </c>
      <c r="DT10" s="168">
        <v>2</v>
      </c>
      <c r="DU10" s="169">
        <v>2</v>
      </c>
      <c r="DV10" s="170">
        <v>4</v>
      </c>
      <c r="DW10" s="439">
        <v>0</v>
      </c>
      <c r="DX10" s="169">
        <v>2</v>
      </c>
      <c r="DY10" s="169">
        <v>4</v>
      </c>
      <c r="DZ10" s="169">
        <v>1</v>
      </c>
      <c r="EA10" s="169">
        <v>1</v>
      </c>
      <c r="EB10" s="169">
        <v>1</v>
      </c>
      <c r="EC10" s="170">
        <v>9</v>
      </c>
      <c r="ED10" s="171">
        <v>13</v>
      </c>
      <c r="EE10" s="168">
        <v>7</v>
      </c>
      <c r="EF10" s="169">
        <v>6</v>
      </c>
      <c r="EG10" s="170">
        <v>13</v>
      </c>
      <c r="EH10" s="439">
        <v>0</v>
      </c>
      <c r="EI10" s="169">
        <v>7</v>
      </c>
      <c r="EJ10" s="169">
        <v>4</v>
      </c>
      <c r="EK10" s="169">
        <v>4</v>
      </c>
      <c r="EL10" s="169">
        <v>2</v>
      </c>
      <c r="EM10" s="169">
        <v>3</v>
      </c>
      <c r="EN10" s="170">
        <v>20</v>
      </c>
      <c r="EO10" s="171">
        <v>33</v>
      </c>
      <c r="EP10" s="168">
        <v>12</v>
      </c>
      <c r="EQ10" s="169">
        <v>13</v>
      </c>
      <c r="ER10" s="170">
        <v>25</v>
      </c>
      <c r="ES10" s="439">
        <v>0</v>
      </c>
      <c r="ET10" s="169">
        <v>14</v>
      </c>
      <c r="EU10" s="169">
        <v>13</v>
      </c>
      <c r="EV10" s="169">
        <v>9</v>
      </c>
      <c r="EW10" s="169">
        <v>3</v>
      </c>
      <c r="EX10" s="169">
        <v>1</v>
      </c>
      <c r="EY10" s="170">
        <v>40</v>
      </c>
      <c r="EZ10" s="171">
        <v>65</v>
      </c>
      <c r="FA10" s="168">
        <v>11</v>
      </c>
      <c r="FB10" s="169">
        <v>15</v>
      </c>
      <c r="FC10" s="170">
        <v>26</v>
      </c>
      <c r="FD10" s="439">
        <v>0</v>
      </c>
      <c r="FE10" s="169">
        <v>16</v>
      </c>
      <c r="FF10" s="169">
        <v>11</v>
      </c>
      <c r="FG10" s="169">
        <v>9</v>
      </c>
      <c r="FH10" s="169">
        <v>8</v>
      </c>
      <c r="FI10" s="169">
        <v>6</v>
      </c>
      <c r="FJ10" s="170">
        <v>50</v>
      </c>
      <c r="FK10" s="171">
        <v>76</v>
      </c>
      <c r="FL10" s="168">
        <v>5</v>
      </c>
      <c r="FM10" s="169">
        <v>14</v>
      </c>
      <c r="FN10" s="170">
        <v>19</v>
      </c>
      <c r="FO10" s="439">
        <v>0</v>
      </c>
      <c r="FP10" s="169">
        <v>10</v>
      </c>
      <c r="FQ10" s="169">
        <v>17</v>
      </c>
      <c r="FR10" s="169">
        <v>16</v>
      </c>
      <c r="FS10" s="169">
        <v>15</v>
      </c>
      <c r="FT10" s="169">
        <v>7</v>
      </c>
      <c r="FU10" s="170">
        <v>65</v>
      </c>
      <c r="FV10" s="171">
        <v>84</v>
      </c>
      <c r="FW10" s="168">
        <v>0</v>
      </c>
      <c r="FX10" s="169">
        <v>0</v>
      </c>
      <c r="FY10" s="170">
        <v>0</v>
      </c>
      <c r="FZ10" s="439">
        <v>0</v>
      </c>
      <c r="GA10" s="169">
        <v>0</v>
      </c>
      <c r="GB10" s="169">
        <v>0</v>
      </c>
      <c r="GC10" s="169">
        <v>0</v>
      </c>
      <c r="GD10" s="169">
        <v>0</v>
      </c>
      <c r="GE10" s="169">
        <v>0</v>
      </c>
      <c r="GF10" s="170">
        <v>0</v>
      </c>
      <c r="GG10" s="171">
        <v>0</v>
      </c>
      <c r="GH10" s="168">
        <v>37</v>
      </c>
      <c r="GI10" s="169">
        <v>51</v>
      </c>
      <c r="GJ10" s="170">
        <v>88</v>
      </c>
      <c r="GK10" s="439">
        <v>0</v>
      </c>
      <c r="GL10" s="169">
        <v>49</v>
      </c>
      <c r="GM10" s="169">
        <v>50</v>
      </c>
      <c r="GN10" s="169">
        <v>41</v>
      </c>
      <c r="GO10" s="169">
        <v>29</v>
      </c>
      <c r="GP10" s="169">
        <v>18</v>
      </c>
      <c r="GQ10" s="170">
        <v>187</v>
      </c>
      <c r="GR10" s="171">
        <v>275</v>
      </c>
      <c r="GS10" s="172">
        <v>310</v>
      </c>
      <c r="GT10" s="164">
        <v>381</v>
      </c>
      <c r="GU10" s="165">
        <v>691</v>
      </c>
      <c r="GV10" s="439">
        <v>0</v>
      </c>
      <c r="GW10" s="164">
        <v>439</v>
      </c>
      <c r="GX10" s="164">
        <v>450</v>
      </c>
      <c r="GY10" s="164">
        <v>319</v>
      </c>
      <c r="GZ10" s="164">
        <v>249</v>
      </c>
      <c r="HA10" s="164">
        <v>143</v>
      </c>
      <c r="HB10" s="166">
        <v>1600</v>
      </c>
      <c r="HC10" s="167">
        <v>2291</v>
      </c>
      <c r="HD10" s="168">
        <v>5</v>
      </c>
      <c r="HE10" s="169">
        <v>4</v>
      </c>
      <c r="HF10" s="170">
        <v>9</v>
      </c>
      <c r="HG10" s="439">
        <v>0</v>
      </c>
      <c r="HH10" s="169">
        <v>6</v>
      </c>
      <c r="HI10" s="169">
        <v>8</v>
      </c>
      <c r="HJ10" s="169">
        <v>6</v>
      </c>
      <c r="HK10" s="169">
        <v>9</v>
      </c>
      <c r="HL10" s="169">
        <v>5</v>
      </c>
      <c r="HM10" s="170">
        <v>34</v>
      </c>
      <c r="HN10" s="171">
        <v>43</v>
      </c>
      <c r="HO10" s="168">
        <v>14</v>
      </c>
      <c r="HP10" s="169">
        <v>20</v>
      </c>
      <c r="HQ10" s="170">
        <v>34</v>
      </c>
      <c r="HR10" s="439">
        <v>0</v>
      </c>
      <c r="HS10" s="169">
        <v>17</v>
      </c>
      <c r="HT10" s="169">
        <v>26</v>
      </c>
      <c r="HU10" s="169">
        <v>15</v>
      </c>
      <c r="HV10" s="169">
        <v>7</v>
      </c>
      <c r="HW10" s="169">
        <v>13</v>
      </c>
      <c r="HX10" s="170">
        <v>78</v>
      </c>
      <c r="HY10" s="171">
        <v>112</v>
      </c>
      <c r="HZ10" s="168">
        <v>30</v>
      </c>
      <c r="IA10" s="169">
        <v>49</v>
      </c>
      <c r="IB10" s="170">
        <v>79</v>
      </c>
      <c r="IC10" s="439">
        <v>0</v>
      </c>
      <c r="ID10" s="169">
        <v>40</v>
      </c>
      <c r="IE10" s="169">
        <v>34</v>
      </c>
      <c r="IF10" s="169">
        <v>27</v>
      </c>
      <c r="IG10" s="169">
        <v>20</v>
      </c>
      <c r="IH10" s="169">
        <v>14</v>
      </c>
      <c r="II10" s="170">
        <v>135</v>
      </c>
      <c r="IJ10" s="171">
        <v>214</v>
      </c>
      <c r="IK10" s="168">
        <v>83</v>
      </c>
      <c r="IL10" s="169">
        <v>90</v>
      </c>
      <c r="IM10" s="170">
        <v>173</v>
      </c>
      <c r="IN10" s="439">
        <v>0</v>
      </c>
      <c r="IO10" s="169">
        <v>97</v>
      </c>
      <c r="IP10" s="169">
        <v>100</v>
      </c>
      <c r="IQ10" s="169">
        <v>68</v>
      </c>
      <c r="IR10" s="169">
        <v>52</v>
      </c>
      <c r="IS10" s="169">
        <v>15</v>
      </c>
      <c r="IT10" s="170">
        <v>332</v>
      </c>
      <c r="IU10" s="171">
        <v>505</v>
      </c>
      <c r="IV10" s="168">
        <v>93</v>
      </c>
      <c r="IW10" s="169">
        <v>116</v>
      </c>
      <c r="IX10" s="170">
        <v>209</v>
      </c>
      <c r="IY10" s="439">
        <v>0</v>
      </c>
      <c r="IZ10" s="169">
        <v>138</v>
      </c>
      <c r="JA10" s="169">
        <v>140</v>
      </c>
      <c r="JB10" s="169">
        <v>77</v>
      </c>
      <c r="JC10" s="169">
        <v>75</v>
      </c>
      <c r="JD10" s="169">
        <v>30</v>
      </c>
      <c r="JE10" s="170">
        <v>460</v>
      </c>
      <c r="JF10" s="171">
        <v>669</v>
      </c>
      <c r="JG10" s="168">
        <v>85</v>
      </c>
      <c r="JH10" s="169">
        <v>102</v>
      </c>
      <c r="JI10" s="170">
        <v>187</v>
      </c>
      <c r="JJ10" s="439">
        <v>0</v>
      </c>
      <c r="JK10" s="169">
        <v>141</v>
      </c>
      <c r="JL10" s="169">
        <v>142</v>
      </c>
      <c r="JM10" s="169">
        <v>126</v>
      </c>
      <c r="JN10" s="169">
        <v>86</v>
      </c>
      <c r="JO10" s="169">
        <v>66</v>
      </c>
      <c r="JP10" s="170">
        <v>561</v>
      </c>
      <c r="JQ10" s="171">
        <v>748</v>
      </c>
      <c r="JR10" s="168">
        <v>0</v>
      </c>
      <c r="JS10" s="169">
        <v>0</v>
      </c>
      <c r="JT10" s="170">
        <v>0</v>
      </c>
      <c r="JU10" s="439">
        <v>0</v>
      </c>
      <c r="JV10" s="169">
        <v>0</v>
      </c>
      <c r="JW10" s="169">
        <v>0</v>
      </c>
      <c r="JX10" s="169">
        <v>0</v>
      </c>
      <c r="JY10" s="169">
        <v>0</v>
      </c>
      <c r="JZ10" s="169">
        <v>0</v>
      </c>
      <c r="KA10" s="170">
        <v>0</v>
      </c>
      <c r="KB10" s="171">
        <v>0</v>
      </c>
      <c r="KC10" s="168">
        <v>310</v>
      </c>
      <c r="KD10" s="169">
        <v>381</v>
      </c>
      <c r="KE10" s="170">
        <v>691</v>
      </c>
      <c r="KF10" s="439">
        <v>0</v>
      </c>
      <c r="KG10" s="169">
        <v>439</v>
      </c>
      <c r="KH10" s="169">
        <v>450</v>
      </c>
      <c r="KI10" s="169">
        <v>319</v>
      </c>
      <c r="KJ10" s="169">
        <v>249</v>
      </c>
      <c r="KK10" s="169">
        <v>143</v>
      </c>
      <c r="KL10" s="170">
        <v>1600</v>
      </c>
      <c r="KM10" s="171">
        <v>2291</v>
      </c>
    </row>
    <row r="11" spans="2:299" s="137" customFormat="1" ht="21" customHeight="1" x14ac:dyDescent="0.2">
      <c r="B11" s="173" t="s">
        <v>7</v>
      </c>
      <c r="C11" s="163">
        <v>236</v>
      </c>
      <c r="D11" s="164">
        <v>179</v>
      </c>
      <c r="E11" s="165">
        <v>415</v>
      </c>
      <c r="F11" s="439">
        <v>0</v>
      </c>
      <c r="G11" s="164">
        <v>501</v>
      </c>
      <c r="H11" s="164">
        <v>313</v>
      </c>
      <c r="I11" s="164">
        <v>184</v>
      </c>
      <c r="J11" s="164">
        <v>159</v>
      </c>
      <c r="K11" s="164">
        <v>81</v>
      </c>
      <c r="L11" s="166">
        <v>1238</v>
      </c>
      <c r="M11" s="167">
        <v>1653</v>
      </c>
      <c r="N11" s="168">
        <v>3</v>
      </c>
      <c r="O11" s="169">
        <v>1</v>
      </c>
      <c r="P11" s="170">
        <v>4</v>
      </c>
      <c r="Q11" s="439">
        <v>0</v>
      </c>
      <c r="R11" s="169">
        <v>6</v>
      </c>
      <c r="S11" s="169">
        <v>3</v>
      </c>
      <c r="T11" s="169">
        <v>2</v>
      </c>
      <c r="U11" s="169">
        <v>2</v>
      </c>
      <c r="V11" s="169">
        <v>2</v>
      </c>
      <c r="W11" s="170">
        <v>15</v>
      </c>
      <c r="X11" s="171">
        <v>19</v>
      </c>
      <c r="Y11" s="168">
        <v>7</v>
      </c>
      <c r="Z11" s="169">
        <v>7</v>
      </c>
      <c r="AA11" s="170">
        <v>14</v>
      </c>
      <c r="AB11" s="439">
        <v>0</v>
      </c>
      <c r="AC11" s="169">
        <v>16</v>
      </c>
      <c r="AD11" s="169">
        <v>9</v>
      </c>
      <c r="AE11" s="169">
        <v>9</v>
      </c>
      <c r="AF11" s="169">
        <v>4</v>
      </c>
      <c r="AG11" s="169">
        <v>3</v>
      </c>
      <c r="AH11" s="170">
        <v>41</v>
      </c>
      <c r="AI11" s="171">
        <v>55</v>
      </c>
      <c r="AJ11" s="168">
        <v>16</v>
      </c>
      <c r="AK11" s="169">
        <v>9</v>
      </c>
      <c r="AL11" s="170">
        <v>25</v>
      </c>
      <c r="AM11" s="439">
        <v>0</v>
      </c>
      <c r="AN11" s="169">
        <v>43</v>
      </c>
      <c r="AO11" s="169">
        <v>29</v>
      </c>
      <c r="AP11" s="169">
        <v>11</v>
      </c>
      <c r="AQ11" s="169">
        <v>13</v>
      </c>
      <c r="AR11" s="169">
        <v>6</v>
      </c>
      <c r="AS11" s="170">
        <v>102</v>
      </c>
      <c r="AT11" s="171">
        <v>127</v>
      </c>
      <c r="AU11" s="168">
        <v>48</v>
      </c>
      <c r="AV11" s="169">
        <v>37</v>
      </c>
      <c r="AW11" s="170">
        <v>85</v>
      </c>
      <c r="AX11" s="439">
        <v>0</v>
      </c>
      <c r="AY11" s="169">
        <v>95</v>
      </c>
      <c r="AZ11" s="169">
        <v>59</v>
      </c>
      <c r="BA11" s="169">
        <v>34</v>
      </c>
      <c r="BB11" s="169">
        <v>24</v>
      </c>
      <c r="BC11" s="169">
        <v>19</v>
      </c>
      <c r="BD11" s="170">
        <v>231</v>
      </c>
      <c r="BE11" s="171">
        <v>316</v>
      </c>
      <c r="BF11" s="168">
        <v>84</v>
      </c>
      <c r="BG11" s="169">
        <v>60</v>
      </c>
      <c r="BH11" s="170">
        <v>144</v>
      </c>
      <c r="BI11" s="439">
        <v>0</v>
      </c>
      <c r="BJ11" s="169">
        <v>175</v>
      </c>
      <c r="BK11" s="169">
        <v>98</v>
      </c>
      <c r="BL11" s="169">
        <v>53</v>
      </c>
      <c r="BM11" s="169">
        <v>52</v>
      </c>
      <c r="BN11" s="169">
        <v>24</v>
      </c>
      <c r="BO11" s="170">
        <v>402</v>
      </c>
      <c r="BP11" s="171">
        <v>546</v>
      </c>
      <c r="BQ11" s="168">
        <v>78</v>
      </c>
      <c r="BR11" s="169">
        <v>65</v>
      </c>
      <c r="BS11" s="170">
        <v>143</v>
      </c>
      <c r="BT11" s="439">
        <v>0</v>
      </c>
      <c r="BU11" s="169">
        <v>166</v>
      </c>
      <c r="BV11" s="169">
        <v>115</v>
      </c>
      <c r="BW11" s="169">
        <v>75</v>
      </c>
      <c r="BX11" s="169">
        <v>64</v>
      </c>
      <c r="BY11" s="169">
        <v>27</v>
      </c>
      <c r="BZ11" s="170">
        <v>447</v>
      </c>
      <c r="CA11" s="171">
        <v>590</v>
      </c>
      <c r="CB11" s="168">
        <v>0</v>
      </c>
      <c r="CC11" s="169">
        <v>0</v>
      </c>
      <c r="CD11" s="170">
        <v>0</v>
      </c>
      <c r="CE11" s="439">
        <v>0</v>
      </c>
      <c r="CF11" s="169">
        <v>0</v>
      </c>
      <c r="CG11" s="169">
        <v>0</v>
      </c>
      <c r="CH11" s="169">
        <v>0</v>
      </c>
      <c r="CI11" s="169">
        <v>0</v>
      </c>
      <c r="CJ11" s="169">
        <v>0</v>
      </c>
      <c r="CK11" s="170">
        <v>0</v>
      </c>
      <c r="CL11" s="171">
        <v>0</v>
      </c>
      <c r="CM11" s="168">
        <v>236</v>
      </c>
      <c r="CN11" s="169">
        <v>179</v>
      </c>
      <c r="CO11" s="170">
        <v>415</v>
      </c>
      <c r="CP11" s="439">
        <v>0</v>
      </c>
      <c r="CQ11" s="169">
        <v>501</v>
      </c>
      <c r="CR11" s="169">
        <v>313</v>
      </c>
      <c r="CS11" s="169">
        <v>184</v>
      </c>
      <c r="CT11" s="169">
        <v>159</v>
      </c>
      <c r="CU11" s="169">
        <v>81</v>
      </c>
      <c r="CV11" s="170">
        <v>1238</v>
      </c>
      <c r="CW11" s="171">
        <v>1653</v>
      </c>
      <c r="CX11" s="172">
        <v>29</v>
      </c>
      <c r="CY11" s="164">
        <v>35</v>
      </c>
      <c r="CZ11" s="165">
        <v>64</v>
      </c>
      <c r="DA11" s="439">
        <v>0</v>
      </c>
      <c r="DB11" s="164">
        <v>73</v>
      </c>
      <c r="DC11" s="164">
        <v>36</v>
      </c>
      <c r="DD11" s="164">
        <v>29</v>
      </c>
      <c r="DE11" s="164">
        <v>19</v>
      </c>
      <c r="DF11" s="164">
        <v>13</v>
      </c>
      <c r="DG11" s="166">
        <v>170</v>
      </c>
      <c r="DH11" s="167">
        <v>234</v>
      </c>
      <c r="DI11" s="168">
        <v>1</v>
      </c>
      <c r="DJ11" s="169">
        <v>0</v>
      </c>
      <c r="DK11" s="170">
        <v>1</v>
      </c>
      <c r="DL11" s="439">
        <v>0</v>
      </c>
      <c r="DM11" s="169">
        <v>1</v>
      </c>
      <c r="DN11" s="169">
        <v>0</v>
      </c>
      <c r="DO11" s="169">
        <v>0</v>
      </c>
      <c r="DP11" s="169">
        <v>0</v>
      </c>
      <c r="DQ11" s="169">
        <v>0</v>
      </c>
      <c r="DR11" s="170">
        <v>1</v>
      </c>
      <c r="DS11" s="171">
        <v>2</v>
      </c>
      <c r="DT11" s="168">
        <v>5</v>
      </c>
      <c r="DU11" s="169">
        <v>2</v>
      </c>
      <c r="DV11" s="170">
        <v>7</v>
      </c>
      <c r="DW11" s="439">
        <v>0</v>
      </c>
      <c r="DX11" s="169">
        <v>1</v>
      </c>
      <c r="DY11" s="169">
        <v>0</v>
      </c>
      <c r="DZ11" s="169">
        <v>0</v>
      </c>
      <c r="EA11" s="169">
        <v>0</v>
      </c>
      <c r="EB11" s="169">
        <v>1</v>
      </c>
      <c r="EC11" s="170">
        <v>2</v>
      </c>
      <c r="ED11" s="171">
        <v>9</v>
      </c>
      <c r="EE11" s="168">
        <v>6</v>
      </c>
      <c r="EF11" s="169">
        <v>5</v>
      </c>
      <c r="EG11" s="170">
        <v>11</v>
      </c>
      <c r="EH11" s="439">
        <v>0</v>
      </c>
      <c r="EI11" s="169">
        <v>8</v>
      </c>
      <c r="EJ11" s="169">
        <v>3</v>
      </c>
      <c r="EK11" s="169">
        <v>1</v>
      </c>
      <c r="EL11" s="169">
        <v>2</v>
      </c>
      <c r="EM11" s="169">
        <v>1</v>
      </c>
      <c r="EN11" s="170">
        <v>15</v>
      </c>
      <c r="EO11" s="171">
        <v>26</v>
      </c>
      <c r="EP11" s="168">
        <v>5</v>
      </c>
      <c r="EQ11" s="169">
        <v>8</v>
      </c>
      <c r="ER11" s="170">
        <v>13</v>
      </c>
      <c r="ES11" s="439">
        <v>0</v>
      </c>
      <c r="ET11" s="169">
        <v>14</v>
      </c>
      <c r="EU11" s="169">
        <v>7</v>
      </c>
      <c r="EV11" s="169">
        <v>2</v>
      </c>
      <c r="EW11" s="169">
        <v>0</v>
      </c>
      <c r="EX11" s="169">
        <v>1</v>
      </c>
      <c r="EY11" s="170">
        <v>24</v>
      </c>
      <c r="EZ11" s="171">
        <v>37</v>
      </c>
      <c r="FA11" s="168">
        <v>5</v>
      </c>
      <c r="FB11" s="169">
        <v>12</v>
      </c>
      <c r="FC11" s="170">
        <v>17</v>
      </c>
      <c r="FD11" s="439">
        <v>0</v>
      </c>
      <c r="FE11" s="169">
        <v>19</v>
      </c>
      <c r="FF11" s="169">
        <v>5</v>
      </c>
      <c r="FG11" s="169">
        <v>11</v>
      </c>
      <c r="FH11" s="169">
        <v>5</v>
      </c>
      <c r="FI11" s="169">
        <v>5</v>
      </c>
      <c r="FJ11" s="170">
        <v>45</v>
      </c>
      <c r="FK11" s="171">
        <v>62</v>
      </c>
      <c r="FL11" s="168">
        <v>7</v>
      </c>
      <c r="FM11" s="169">
        <v>8</v>
      </c>
      <c r="FN11" s="170">
        <v>15</v>
      </c>
      <c r="FO11" s="439">
        <v>0</v>
      </c>
      <c r="FP11" s="169">
        <v>30</v>
      </c>
      <c r="FQ11" s="169">
        <v>21</v>
      </c>
      <c r="FR11" s="169">
        <v>15</v>
      </c>
      <c r="FS11" s="169">
        <v>12</v>
      </c>
      <c r="FT11" s="169">
        <v>5</v>
      </c>
      <c r="FU11" s="170">
        <v>83</v>
      </c>
      <c r="FV11" s="171">
        <v>98</v>
      </c>
      <c r="FW11" s="168">
        <v>0</v>
      </c>
      <c r="FX11" s="169">
        <v>0</v>
      </c>
      <c r="FY11" s="170">
        <v>0</v>
      </c>
      <c r="FZ11" s="439">
        <v>0</v>
      </c>
      <c r="GA11" s="169">
        <v>0</v>
      </c>
      <c r="GB11" s="169">
        <v>0</v>
      </c>
      <c r="GC11" s="169">
        <v>0</v>
      </c>
      <c r="GD11" s="169">
        <v>0</v>
      </c>
      <c r="GE11" s="169">
        <v>0</v>
      </c>
      <c r="GF11" s="170">
        <v>0</v>
      </c>
      <c r="GG11" s="171">
        <v>0</v>
      </c>
      <c r="GH11" s="168">
        <v>29</v>
      </c>
      <c r="GI11" s="169">
        <v>35</v>
      </c>
      <c r="GJ11" s="170">
        <v>64</v>
      </c>
      <c r="GK11" s="439">
        <v>0</v>
      </c>
      <c r="GL11" s="169">
        <v>73</v>
      </c>
      <c r="GM11" s="169">
        <v>36</v>
      </c>
      <c r="GN11" s="169">
        <v>29</v>
      </c>
      <c r="GO11" s="169">
        <v>19</v>
      </c>
      <c r="GP11" s="169">
        <v>13</v>
      </c>
      <c r="GQ11" s="170">
        <v>170</v>
      </c>
      <c r="GR11" s="171">
        <v>234</v>
      </c>
      <c r="GS11" s="172">
        <v>265</v>
      </c>
      <c r="GT11" s="164">
        <v>214</v>
      </c>
      <c r="GU11" s="165">
        <v>479</v>
      </c>
      <c r="GV11" s="439">
        <v>0</v>
      </c>
      <c r="GW11" s="164">
        <v>574</v>
      </c>
      <c r="GX11" s="164">
        <v>349</v>
      </c>
      <c r="GY11" s="164">
        <v>213</v>
      </c>
      <c r="GZ11" s="164">
        <v>178</v>
      </c>
      <c r="HA11" s="164">
        <v>94</v>
      </c>
      <c r="HB11" s="166">
        <v>1408</v>
      </c>
      <c r="HC11" s="167">
        <v>1887</v>
      </c>
      <c r="HD11" s="168">
        <v>4</v>
      </c>
      <c r="HE11" s="169">
        <v>1</v>
      </c>
      <c r="HF11" s="170">
        <v>5</v>
      </c>
      <c r="HG11" s="439">
        <v>0</v>
      </c>
      <c r="HH11" s="169">
        <v>7</v>
      </c>
      <c r="HI11" s="169">
        <v>3</v>
      </c>
      <c r="HJ11" s="169">
        <v>2</v>
      </c>
      <c r="HK11" s="169">
        <v>2</v>
      </c>
      <c r="HL11" s="169">
        <v>2</v>
      </c>
      <c r="HM11" s="170">
        <v>16</v>
      </c>
      <c r="HN11" s="171">
        <v>21</v>
      </c>
      <c r="HO11" s="168">
        <v>12</v>
      </c>
      <c r="HP11" s="169">
        <v>9</v>
      </c>
      <c r="HQ11" s="170">
        <v>21</v>
      </c>
      <c r="HR11" s="439">
        <v>0</v>
      </c>
      <c r="HS11" s="169">
        <v>17</v>
      </c>
      <c r="HT11" s="169">
        <v>9</v>
      </c>
      <c r="HU11" s="169">
        <v>9</v>
      </c>
      <c r="HV11" s="169">
        <v>4</v>
      </c>
      <c r="HW11" s="169">
        <v>4</v>
      </c>
      <c r="HX11" s="170">
        <v>43</v>
      </c>
      <c r="HY11" s="171">
        <v>64</v>
      </c>
      <c r="HZ11" s="168">
        <v>22</v>
      </c>
      <c r="IA11" s="169">
        <v>14</v>
      </c>
      <c r="IB11" s="170">
        <v>36</v>
      </c>
      <c r="IC11" s="439">
        <v>0</v>
      </c>
      <c r="ID11" s="169">
        <v>51</v>
      </c>
      <c r="IE11" s="169">
        <v>32</v>
      </c>
      <c r="IF11" s="169">
        <v>12</v>
      </c>
      <c r="IG11" s="169">
        <v>15</v>
      </c>
      <c r="IH11" s="169">
        <v>7</v>
      </c>
      <c r="II11" s="170">
        <v>117</v>
      </c>
      <c r="IJ11" s="171">
        <v>153</v>
      </c>
      <c r="IK11" s="168">
        <v>53</v>
      </c>
      <c r="IL11" s="169">
        <v>45</v>
      </c>
      <c r="IM11" s="170">
        <v>98</v>
      </c>
      <c r="IN11" s="439">
        <v>0</v>
      </c>
      <c r="IO11" s="169">
        <v>109</v>
      </c>
      <c r="IP11" s="169">
        <v>66</v>
      </c>
      <c r="IQ11" s="169">
        <v>36</v>
      </c>
      <c r="IR11" s="169">
        <v>24</v>
      </c>
      <c r="IS11" s="169">
        <v>20</v>
      </c>
      <c r="IT11" s="170">
        <v>255</v>
      </c>
      <c r="IU11" s="171">
        <v>353</v>
      </c>
      <c r="IV11" s="168">
        <v>89</v>
      </c>
      <c r="IW11" s="169">
        <v>72</v>
      </c>
      <c r="IX11" s="170">
        <v>161</v>
      </c>
      <c r="IY11" s="439">
        <v>0</v>
      </c>
      <c r="IZ11" s="169">
        <v>194</v>
      </c>
      <c r="JA11" s="169">
        <v>103</v>
      </c>
      <c r="JB11" s="169">
        <v>64</v>
      </c>
      <c r="JC11" s="169">
        <v>57</v>
      </c>
      <c r="JD11" s="169">
        <v>29</v>
      </c>
      <c r="JE11" s="170">
        <v>447</v>
      </c>
      <c r="JF11" s="171">
        <v>608</v>
      </c>
      <c r="JG11" s="168">
        <v>85</v>
      </c>
      <c r="JH11" s="169">
        <v>73</v>
      </c>
      <c r="JI11" s="170">
        <v>158</v>
      </c>
      <c r="JJ11" s="439">
        <v>0</v>
      </c>
      <c r="JK11" s="169">
        <v>196</v>
      </c>
      <c r="JL11" s="169">
        <v>136</v>
      </c>
      <c r="JM11" s="169">
        <v>90</v>
      </c>
      <c r="JN11" s="169">
        <v>76</v>
      </c>
      <c r="JO11" s="169">
        <v>32</v>
      </c>
      <c r="JP11" s="170">
        <v>530</v>
      </c>
      <c r="JQ11" s="171">
        <v>688</v>
      </c>
      <c r="JR11" s="168">
        <v>0</v>
      </c>
      <c r="JS11" s="169">
        <v>0</v>
      </c>
      <c r="JT11" s="170">
        <v>0</v>
      </c>
      <c r="JU11" s="439">
        <v>0</v>
      </c>
      <c r="JV11" s="169">
        <v>0</v>
      </c>
      <c r="JW11" s="169">
        <v>0</v>
      </c>
      <c r="JX11" s="169">
        <v>0</v>
      </c>
      <c r="JY11" s="169">
        <v>0</v>
      </c>
      <c r="JZ11" s="169">
        <v>0</v>
      </c>
      <c r="KA11" s="170">
        <v>0</v>
      </c>
      <c r="KB11" s="171">
        <v>0</v>
      </c>
      <c r="KC11" s="168">
        <v>265</v>
      </c>
      <c r="KD11" s="169">
        <v>214</v>
      </c>
      <c r="KE11" s="170">
        <v>479</v>
      </c>
      <c r="KF11" s="439">
        <v>0</v>
      </c>
      <c r="KG11" s="169">
        <v>574</v>
      </c>
      <c r="KH11" s="169">
        <v>349</v>
      </c>
      <c r="KI11" s="169">
        <v>213</v>
      </c>
      <c r="KJ11" s="169">
        <v>178</v>
      </c>
      <c r="KK11" s="169">
        <v>94</v>
      </c>
      <c r="KL11" s="170">
        <v>1408</v>
      </c>
      <c r="KM11" s="171">
        <v>1887</v>
      </c>
    </row>
    <row r="12" spans="2:299" s="137" customFormat="1" ht="21" customHeight="1" x14ac:dyDescent="0.2">
      <c r="B12" s="173" t="s">
        <v>8</v>
      </c>
      <c r="C12" s="163">
        <v>102</v>
      </c>
      <c r="D12" s="164">
        <v>66</v>
      </c>
      <c r="E12" s="165">
        <v>168</v>
      </c>
      <c r="F12" s="439">
        <v>0</v>
      </c>
      <c r="G12" s="164">
        <v>150</v>
      </c>
      <c r="H12" s="164">
        <v>111</v>
      </c>
      <c r="I12" s="164">
        <v>91</v>
      </c>
      <c r="J12" s="164">
        <v>58</v>
      </c>
      <c r="K12" s="164">
        <v>45</v>
      </c>
      <c r="L12" s="166">
        <v>455</v>
      </c>
      <c r="M12" s="167">
        <v>623</v>
      </c>
      <c r="N12" s="168">
        <v>1</v>
      </c>
      <c r="O12" s="169">
        <v>2</v>
      </c>
      <c r="P12" s="170">
        <v>3</v>
      </c>
      <c r="Q12" s="439">
        <v>0</v>
      </c>
      <c r="R12" s="169">
        <v>3</v>
      </c>
      <c r="S12" s="169">
        <v>2</v>
      </c>
      <c r="T12" s="169">
        <v>3</v>
      </c>
      <c r="U12" s="169">
        <v>0</v>
      </c>
      <c r="V12" s="169">
        <v>0</v>
      </c>
      <c r="W12" s="170">
        <v>8</v>
      </c>
      <c r="X12" s="171">
        <v>11</v>
      </c>
      <c r="Y12" s="168">
        <v>3</v>
      </c>
      <c r="Z12" s="169">
        <v>2</v>
      </c>
      <c r="AA12" s="170">
        <v>5</v>
      </c>
      <c r="AB12" s="439">
        <v>0</v>
      </c>
      <c r="AC12" s="169">
        <v>11</v>
      </c>
      <c r="AD12" s="169">
        <v>7</v>
      </c>
      <c r="AE12" s="169">
        <v>3</v>
      </c>
      <c r="AF12" s="169">
        <v>4</v>
      </c>
      <c r="AG12" s="169">
        <v>5</v>
      </c>
      <c r="AH12" s="170">
        <v>30</v>
      </c>
      <c r="AI12" s="171">
        <v>35</v>
      </c>
      <c r="AJ12" s="168">
        <v>3</v>
      </c>
      <c r="AK12" s="169">
        <v>5</v>
      </c>
      <c r="AL12" s="170">
        <v>8</v>
      </c>
      <c r="AM12" s="439">
        <v>0</v>
      </c>
      <c r="AN12" s="169">
        <v>12</v>
      </c>
      <c r="AO12" s="169">
        <v>15</v>
      </c>
      <c r="AP12" s="169">
        <v>1</v>
      </c>
      <c r="AQ12" s="169">
        <v>9</v>
      </c>
      <c r="AR12" s="169">
        <v>3</v>
      </c>
      <c r="AS12" s="170">
        <v>40</v>
      </c>
      <c r="AT12" s="171">
        <v>48</v>
      </c>
      <c r="AU12" s="168">
        <v>18</v>
      </c>
      <c r="AV12" s="169">
        <v>7</v>
      </c>
      <c r="AW12" s="170">
        <v>25</v>
      </c>
      <c r="AX12" s="439">
        <v>0</v>
      </c>
      <c r="AY12" s="169">
        <v>37</v>
      </c>
      <c r="AZ12" s="169">
        <v>23</v>
      </c>
      <c r="BA12" s="169">
        <v>13</v>
      </c>
      <c r="BB12" s="169">
        <v>9</v>
      </c>
      <c r="BC12" s="169">
        <v>9</v>
      </c>
      <c r="BD12" s="170">
        <v>91</v>
      </c>
      <c r="BE12" s="171">
        <v>116</v>
      </c>
      <c r="BF12" s="168">
        <v>40</v>
      </c>
      <c r="BG12" s="169">
        <v>22</v>
      </c>
      <c r="BH12" s="170">
        <v>62</v>
      </c>
      <c r="BI12" s="439">
        <v>0</v>
      </c>
      <c r="BJ12" s="169">
        <v>38</v>
      </c>
      <c r="BK12" s="169">
        <v>21</v>
      </c>
      <c r="BL12" s="169">
        <v>26</v>
      </c>
      <c r="BM12" s="169">
        <v>11</v>
      </c>
      <c r="BN12" s="169">
        <v>13</v>
      </c>
      <c r="BO12" s="170">
        <v>109</v>
      </c>
      <c r="BP12" s="171">
        <v>171</v>
      </c>
      <c r="BQ12" s="168">
        <v>37</v>
      </c>
      <c r="BR12" s="169">
        <v>28</v>
      </c>
      <c r="BS12" s="170">
        <v>65</v>
      </c>
      <c r="BT12" s="439">
        <v>0</v>
      </c>
      <c r="BU12" s="169">
        <v>49</v>
      </c>
      <c r="BV12" s="169">
        <v>43</v>
      </c>
      <c r="BW12" s="169">
        <v>45</v>
      </c>
      <c r="BX12" s="169">
        <v>25</v>
      </c>
      <c r="BY12" s="169">
        <v>15</v>
      </c>
      <c r="BZ12" s="170">
        <v>177</v>
      </c>
      <c r="CA12" s="171">
        <v>242</v>
      </c>
      <c r="CB12" s="168">
        <v>0</v>
      </c>
      <c r="CC12" s="169">
        <v>0</v>
      </c>
      <c r="CD12" s="170">
        <v>0</v>
      </c>
      <c r="CE12" s="439">
        <v>0</v>
      </c>
      <c r="CF12" s="169">
        <v>0</v>
      </c>
      <c r="CG12" s="169">
        <v>0</v>
      </c>
      <c r="CH12" s="169">
        <v>0</v>
      </c>
      <c r="CI12" s="169">
        <v>0</v>
      </c>
      <c r="CJ12" s="169">
        <v>0</v>
      </c>
      <c r="CK12" s="170">
        <v>0</v>
      </c>
      <c r="CL12" s="171">
        <v>0</v>
      </c>
      <c r="CM12" s="168">
        <v>102</v>
      </c>
      <c r="CN12" s="169">
        <v>66</v>
      </c>
      <c r="CO12" s="170">
        <v>168</v>
      </c>
      <c r="CP12" s="439">
        <v>0</v>
      </c>
      <c r="CQ12" s="169">
        <v>150</v>
      </c>
      <c r="CR12" s="169">
        <v>111</v>
      </c>
      <c r="CS12" s="169">
        <v>91</v>
      </c>
      <c r="CT12" s="169">
        <v>58</v>
      </c>
      <c r="CU12" s="169">
        <v>45</v>
      </c>
      <c r="CV12" s="170">
        <v>455</v>
      </c>
      <c r="CW12" s="171">
        <v>623</v>
      </c>
      <c r="CX12" s="172">
        <v>13</v>
      </c>
      <c r="CY12" s="164">
        <v>6</v>
      </c>
      <c r="CZ12" s="165">
        <v>19</v>
      </c>
      <c r="DA12" s="439">
        <v>0</v>
      </c>
      <c r="DB12" s="164">
        <v>25</v>
      </c>
      <c r="DC12" s="164">
        <v>29</v>
      </c>
      <c r="DD12" s="164">
        <v>22</v>
      </c>
      <c r="DE12" s="164">
        <v>9</v>
      </c>
      <c r="DF12" s="164">
        <v>5</v>
      </c>
      <c r="DG12" s="166">
        <v>90</v>
      </c>
      <c r="DH12" s="167">
        <v>109</v>
      </c>
      <c r="DI12" s="168">
        <v>2</v>
      </c>
      <c r="DJ12" s="169">
        <v>0</v>
      </c>
      <c r="DK12" s="170">
        <v>2</v>
      </c>
      <c r="DL12" s="439">
        <v>0</v>
      </c>
      <c r="DM12" s="169">
        <v>0</v>
      </c>
      <c r="DN12" s="169">
        <v>1</v>
      </c>
      <c r="DO12" s="169">
        <v>0</v>
      </c>
      <c r="DP12" s="169">
        <v>0</v>
      </c>
      <c r="DQ12" s="169">
        <v>0</v>
      </c>
      <c r="DR12" s="170">
        <v>1</v>
      </c>
      <c r="DS12" s="171">
        <v>3</v>
      </c>
      <c r="DT12" s="168">
        <v>1</v>
      </c>
      <c r="DU12" s="169">
        <v>1</v>
      </c>
      <c r="DV12" s="170">
        <v>2</v>
      </c>
      <c r="DW12" s="439">
        <v>0</v>
      </c>
      <c r="DX12" s="169">
        <v>1</v>
      </c>
      <c r="DY12" s="169">
        <v>3</v>
      </c>
      <c r="DZ12" s="169">
        <v>1</v>
      </c>
      <c r="EA12" s="169">
        <v>0</v>
      </c>
      <c r="EB12" s="169">
        <v>0</v>
      </c>
      <c r="EC12" s="170">
        <v>5</v>
      </c>
      <c r="ED12" s="171">
        <v>7</v>
      </c>
      <c r="EE12" s="168">
        <v>0</v>
      </c>
      <c r="EF12" s="169">
        <v>0</v>
      </c>
      <c r="EG12" s="170">
        <v>0</v>
      </c>
      <c r="EH12" s="439">
        <v>0</v>
      </c>
      <c r="EI12" s="169">
        <v>1</v>
      </c>
      <c r="EJ12" s="169">
        <v>4</v>
      </c>
      <c r="EK12" s="169">
        <v>1</v>
      </c>
      <c r="EL12" s="169">
        <v>1</v>
      </c>
      <c r="EM12" s="169">
        <v>1</v>
      </c>
      <c r="EN12" s="170">
        <v>8</v>
      </c>
      <c r="EO12" s="171">
        <v>8</v>
      </c>
      <c r="EP12" s="168">
        <v>2</v>
      </c>
      <c r="EQ12" s="169">
        <v>0</v>
      </c>
      <c r="ER12" s="170">
        <v>2</v>
      </c>
      <c r="ES12" s="439">
        <v>0</v>
      </c>
      <c r="ET12" s="169">
        <v>4</v>
      </c>
      <c r="EU12" s="169">
        <v>6</v>
      </c>
      <c r="EV12" s="169">
        <v>4</v>
      </c>
      <c r="EW12" s="169">
        <v>0</v>
      </c>
      <c r="EX12" s="169">
        <v>0</v>
      </c>
      <c r="EY12" s="170">
        <v>14</v>
      </c>
      <c r="EZ12" s="171">
        <v>16</v>
      </c>
      <c r="FA12" s="168">
        <v>4</v>
      </c>
      <c r="FB12" s="169">
        <v>3</v>
      </c>
      <c r="FC12" s="170">
        <v>7</v>
      </c>
      <c r="FD12" s="439">
        <v>0</v>
      </c>
      <c r="FE12" s="169">
        <v>9</v>
      </c>
      <c r="FF12" s="169">
        <v>6</v>
      </c>
      <c r="FG12" s="169">
        <v>3</v>
      </c>
      <c r="FH12" s="169">
        <v>1</v>
      </c>
      <c r="FI12" s="169">
        <v>1</v>
      </c>
      <c r="FJ12" s="170">
        <v>20</v>
      </c>
      <c r="FK12" s="171">
        <v>27</v>
      </c>
      <c r="FL12" s="168">
        <v>4</v>
      </c>
      <c r="FM12" s="169">
        <v>2</v>
      </c>
      <c r="FN12" s="170">
        <v>6</v>
      </c>
      <c r="FO12" s="439">
        <v>0</v>
      </c>
      <c r="FP12" s="169">
        <v>10</v>
      </c>
      <c r="FQ12" s="169">
        <v>9</v>
      </c>
      <c r="FR12" s="169">
        <v>13</v>
      </c>
      <c r="FS12" s="169">
        <v>7</v>
      </c>
      <c r="FT12" s="169">
        <v>3</v>
      </c>
      <c r="FU12" s="170">
        <v>42</v>
      </c>
      <c r="FV12" s="171">
        <v>48</v>
      </c>
      <c r="FW12" s="168">
        <v>0</v>
      </c>
      <c r="FX12" s="169">
        <v>0</v>
      </c>
      <c r="FY12" s="170">
        <v>0</v>
      </c>
      <c r="FZ12" s="439">
        <v>0</v>
      </c>
      <c r="GA12" s="169">
        <v>0</v>
      </c>
      <c r="GB12" s="169">
        <v>0</v>
      </c>
      <c r="GC12" s="169">
        <v>0</v>
      </c>
      <c r="GD12" s="169">
        <v>0</v>
      </c>
      <c r="GE12" s="169">
        <v>0</v>
      </c>
      <c r="GF12" s="170">
        <v>0</v>
      </c>
      <c r="GG12" s="171">
        <v>0</v>
      </c>
      <c r="GH12" s="168">
        <v>13</v>
      </c>
      <c r="GI12" s="169">
        <v>6</v>
      </c>
      <c r="GJ12" s="170">
        <v>19</v>
      </c>
      <c r="GK12" s="439">
        <v>0</v>
      </c>
      <c r="GL12" s="169">
        <v>25</v>
      </c>
      <c r="GM12" s="169">
        <v>29</v>
      </c>
      <c r="GN12" s="169">
        <v>22</v>
      </c>
      <c r="GO12" s="169">
        <v>9</v>
      </c>
      <c r="GP12" s="169">
        <v>5</v>
      </c>
      <c r="GQ12" s="170">
        <v>90</v>
      </c>
      <c r="GR12" s="171">
        <v>109</v>
      </c>
      <c r="GS12" s="172">
        <v>115</v>
      </c>
      <c r="GT12" s="164">
        <v>72</v>
      </c>
      <c r="GU12" s="165">
        <v>187</v>
      </c>
      <c r="GV12" s="439">
        <v>0</v>
      </c>
      <c r="GW12" s="164">
        <v>175</v>
      </c>
      <c r="GX12" s="164">
        <v>140</v>
      </c>
      <c r="GY12" s="164">
        <v>113</v>
      </c>
      <c r="GZ12" s="164">
        <v>67</v>
      </c>
      <c r="HA12" s="164">
        <v>50</v>
      </c>
      <c r="HB12" s="166">
        <v>545</v>
      </c>
      <c r="HC12" s="167">
        <v>732</v>
      </c>
      <c r="HD12" s="168">
        <v>3</v>
      </c>
      <c r="HE12" s="169">
        <v>2</v>
      </c>
      <c r="HF12" s="170">
        <v>5</v>
      </c>
      <c r="HG12" s="439">
        <v>0</v>
      </c>
      <c r="HH12" s="169">
        <v>3</v>
      </c>
      <c r="HI12" s="169">
        <v>3</v>
      </c>
      <c r="HJ12" s="169">
        <v>3</v>
      </c>
      <c r="HK12" s="169">
        <v>0</v>
      </c>
      <c r="HL12" s="169">
        <v>0</v>
      </c>
      <c r="HM12" s="170">
        <v>9</v>
      </c>
      <c r="HN12" s="171">
        <v>14</v>
      </c>
      <c r="HO12" s="168">
        <v>4</v>
      </c>
      <c r="HP12" s="169">
        <v>3</v>
      </c>
      <c r="HQ12" s="170">
        <v>7</v>
      </c>
      <c r="HR12" s="439">
        <v>0</v>
      </c>
      <c r="HS12" s="169">
        <v>12</v>
      </c>
      <c r="HT12" s="169">
        <v>10</v>
      </c>
      <c r="HU12" s="169">
        <v>4</v>
      </c>
      <c r="HV12" s="169">
        <v>4</v>
      </c>
      <c r="HW12" s="169">
        <v>5</v>
      </c>
      <c r="HX12" s="170">
        <v>35</v>
      </c>
      <c r="HY12" s="171">
        <v>42</v>
      </c>
      <c r="HZ12" s="168">
        <v>3</v>
      </c>
      <c r="IA12" s="169">
        <v>5</v>
      </c>
      <c r="IB12" s="170">
        <v>8</v>
      </c>
      <c r="IC12" s="439">
        <v>0</v>
      </c>
      <c r="ID12" s="169">
        <v>13</v>
      </c>
      <c r="IE12" s="169">
        <v>19</v>
      </c>
      <c r="IF12" s="169">
        <v>2</v>
      </c>
      <c r="IG12" s="169">
        <v>10</v>
      </c>
      <c r="IH12" s="169">
        <v>4</v>
      </c>
      <c r="II12" s="170">
        <v>48</v>
      </c>
      <c r="IJ12" s="171">
        <v>56</v>
      </c>
      <c r="IK12" s="168">
        <v>20</v>
      </c>
      <c r="IL12" s="169">
        <v>7</v>
      </c>
      <c r="IM12" s="170">
        <v>27</v>
      </c>
      <c r="IN12" s="439">
        <v>0</v>
      </c>
      <c r="IO12" s="169">
        <v>41</v>
      </c>
      <c r="IP12" s="169">
        <v>29</v>
      </c>
      <c r="IQ12" s="169">
        <v>17</v>
      </c>
      <c r="IR12" s="169">
        <v>9</v>
      </c>
      <c r="IS12" s="169">
        <v>9</v>
      </c>
      <c r="IT12" s="170">
        <v>105</v>
      </c>
      <c r="IU12" s="171">
        <v>132</v>
      </c>
      <c r="IV12" s="168">
        <v>44</v>
      </c>
      <c r="IW12" s="169">
        <v>25</v>
      </c>
      <c r="IX12" s="170">
        <v>69</v>
      </c>
      <c r="IY12" s="439">
        <v>0</v>
      </c>
      <c r="IZ12" s="169">
        <v>47</v>
      </c>
      <c r="JA12" s="169">
        <v>27</v>
      </c>
      <c r="JB12" s="169">
        <v>29</v>
      </c>
      <c r="JC12" s="169">
        <v>12</v>
      </c>
      <c r="JD12" s="169">
        <v>14</v>
      </c>
      <c r="JE12" s="170">
        <v>129</v>
      </c>
      <c r="JF12" s="171">
        <v>198</v>
      </c>
      <c r="JG12" s="168">
        <v>41</v>
      </c>
      <c r="JH12" s="169">
        <v>30</v>
      </c>
      <c r="JI12" s="170">
        <v>71</v>
      </c>
      <c r="JJ12" s="439">
        <v>0</v>
      </c>
      <c r="JK12" s="169">
        <v>59</v>
      </c>
      <c r="JL12" s="169">
        <v>52</v>
      </c>
      <c r="JM12" s="169">
        <v>58</v>
      </c>
      <c r="JN12" s="169">
        <v>32</v>
      </c>
      <c r="JO12" s="169">
        <v>18</v>
      </c>
      <c r="JP12" s="170">
        <v>219</v>
      </c>
      <c r="JQ12" s="171">
        <v>290</v>
      </c>
      <c r="JR12" s="168">
        <v>0</v>
      </c>
      <c r="JS12" s="169">
        <v>0</v>
      </c>
      <c r="JT12" s="170">
        <v>0</v>
      </c>
      <c r="JU12" s="439">
        <v>0</v>
      </c>
      <c r="JV12" s="169">
        <v>0</v>
      </c>
      <c r="JW12" s="169">
        <v>0</v>
      </c>
      <c r="JX12" s="169">
        <v>0</v>
      </c>
      <c r="JY12" s="169">
        <v>0</v>
      </c>
      <c r="JZ12" s="169">
        <v>0</v>
      </c>
      <c r="KA12" s="170">
        <v>0</v>
      </c>
      <c r="KB12" s="171">
        <v>0</v>
      </c>
      <c r="KC12" s="168">
        <v>115</v>
      </c>
      <c r="KD12" s="169">
        <v>72</v>
      </c>
      <c r="KE12" s="170">
        <v>187</v>
      </c>
      <c r="KF12" s="439">
        <v>0</v>
      </c>
      <c r="KG12" s="169">
        <v>175</v>
      </c>
      <c r="KH12" s="169">
        <v>140</v>
      </c>
      <c r="KI12" s="169">
        <v>113</v>
      </c>
      <c r="KJ12" s="169">
        <v>67</v>
      </c>
      <c r="KK12" s="169">
        <v>50</v>
      </c>
      <c r="KL12" s="170">
        <v>545</v>
      </c>
      <c r="KM12" s="171">
        <v>732</v>
      </c>
    </row>
    <row r="13" spans="2:299" s="137" customFormat="1" ht="21" customHeight="1" x14ac:dyDescent="0.2">
      <c r="B13" s="173" t="s">
        <v>9</v>
      </c>
      <c r="C13" s="163">
        <v>185</v>
      </c>
      <c r="D13" s="164">
        <v>93</v>
      </c>
      <c r="E13" s="165">
        <v>278</v>
      </c>
      <c r="F13" s="439">
        <v>0</v>
      </c>
      <c r="G13" s="164">
        <v>217</v>
      </c>
      <c r="H13" s="164">
        <v>124</v>
      </c>
      <c r="I13" s="164">
        <v>114</v>
      </c>
      <c r="J13" s="164">
        <v>89</v>
      </c>
      <c r="K13" s="164">
        <v>47</v>
      </c>
      <c r="L13" s="166">
        <v>591</v>
      </c>
      <c r="M13" s="167">
        <v>869</v>
      </c>
      <c r="N13" s="168">
        <v>1</v>
      </c>
      <c r="O13" s="169">
        <v>0</v>
      </c>
      <c r="P13" s="170">
        <v>1</v>
      </c>
      <c r="Q13" s="439">
        <v>0</v>
      </c>
      <c r="R13" s="169">
        <v>1</v>
      </c>
      <c r="S13" s="169">
        <v>0</v>
      </c>
      <c r="T13" s="169">
        <v>1</v>
      </c>
      <c r="U13" s="169">
        <v>0</v>
      </c>
      <c r="V13" s="169">
        <v>0</v>
      </c>
      <c r="W13" s="170">
        <v>2</v>
      </c>
      <c r="X13" s="171">
        <v>3</v>
      </c>
      <c r="Y13" s="168">
        <v>7</v>
      </c>
      <c r="Z13" s="169">
        <v>0</v>
      </c>
      <c r="AA13" s="170">
        <v>7</v>
      </c>
      <c r="AB13" s="439">
        <v>0</v>
      </c>
      <c r="AC13" s="169">
        <v>3</v>
      </c>
      <c r="AD13" s="169">
        <v>3</v>
      </c>
      <c r="AE13" s="169">
        <v>1</v>
      </c>
      <c r="AF13" s="169">
        <v>0</v>
      </c>
      <c r="AG13" s="169">
        <v>2</v>
      </c>
      <c r="AH13" s="170">
        <v>9</v>
      </c>
      <c r="AI13" s="171">
        <v>16</v>
      </c>
      <c r="AJ13" s="168">
        <v>8</v>
      </c>
      <c r="AK13" s="169">
        <v>2</v>
      </c>
      <c r="AL13" s="170">
        <v>10</v>
      </c>
      <c r="AM13" s="439">
        <v>0</v>
      </c>
      <c r="AN13" s="169">
        <v>9</v>
      </c>
      <c r="AO13" s="169">
        <v>13</v>
      </c>
      <c r="AP13" s="169">
        <v>10</v>
      </c>
      <c r="AQ13" s="169">
        <v>6</v>
      </c>
      <c r="AR13" s="169">
        <v>2</v>
      </c>
      <c r="AS13" s="170">
        <v>40</v>
      </c>
      <c r="AT13" s="171">
        <v>50</v>
      </c>
      <c r="AU13" s="168">
        <v>28</v>
      </c>
      <c r="AV13" s="169">
        <v>18</v>
      </c>
      <c r="AW13" s="170">
        <v>46</v>
      </c>
      <c r="AX13" s="439">
        <v>0</v>
      </c>
      <c r="AY13" s="169">
        <v>39</v>
      </c>
      <c r="AZ13" s="169">
        <v>11</v>
      </c>
      <c r="BA13" s="169">
        <v>14</v>
      </c>
      <c r="BB13" s="169">
        <v>9</v>
      </c>
      <c r="BC13" s="169">
        <v>6</v>
      </c>
      <c r="BD13" s="170">
        <v>79</v>
      </c>
      <c r="BE13" s="171">
        <v>125</v>
      </c>
      <c r="BF13" s="168">
        <v>70</v>
      </c>
      <c r="BG13" s="169">
        <v>39</v>
      </c>
      <c r="BH13" s="170">
        <v>109</v>
      </c>
      <c r="BI13" s="439">
        <v>0</v>
      </c>
      <c r="BJ13" s="169">
        <v>71</v>
      </c>
      <c r="BK13" s="169">
        <v>33</v>
      </c>
      <c r="BL13" s="169">
        <v>33</v>
      </c>
      <c r="BM13" s="169">
        <v>26</v>
      </c>
      <c r="BN13" s="169">
        <v>12</v>
      </c>
      <c r="BO13" s="170">
        <v>175</v>
      </c>
      <c r="BP13" s="171">
        <v>284</v>
      </c>
      <c r="BQ13" s="168">
        <v>71</v>
      </c>
      <c r="BR13" s="169">
        <v>34</v>
      </c>
      <c r="BS13" s="170">
        <v>105</v>
      </c>
      <c r="BT13" s="439">
        <v>0</v>
      </c>
      <c r="BU13" s="169">
        <v>94</v>
      </c>
      <c r="BV13" s="169">
        <v>64</v>
      </c>
      <c r="BW13" s="169">
        <v>55</v>
      </c>
      <c r="BX13" s="169">
        <v>48</v>
      </c>
      <c r="BY13" s="169">
        <v>25</v>
      </c>
      <c r="BZ13" s="170">
        <v>286</v>
      </c>
      <c r="CA13" s="171">
        <v>391</v>
      </c>
      <c r="CB13" s="168">
        <v>0</v>
      </c>
      <c r="CC13" s="169">
        <v>0</v>
      </c>
      <c r="CD13" s="170">
        <v>0</v>
      </c>
      <c r="CE13" s="439">
        <v>0</v>
      </c>
      <c r="CF13" s="169">
        <v>0</v>
      </c>
      <c r="CG13" s="169">
        <v>0</v>
      </c>
      <c r="CH13" s="169">
        <v>0</v>
      </c>
      <c r="CI13" s="169">
        <v>0</v>
      </c>
      <c r="CJ13" s="169">
        <v>0</v>
      </c>
      <c r="CK13" s="170">
        <v>0</v>
      </c>
      <c r="CL13" s="171">
        <v>0</v>
      </c>
      <c r="CM13" s="168">
        <v>185</v>
      </c>
      <c r="CN13" s="169">
        <v>93</v>
      </c>
      <c r="CO13" s="170">
        <v>278</v>
      </c>
      <c r="CP13" s="439">
        <v>0</v>
      </c>
      <c r="CQ13" s="169">
        <v>217</v>
      </c>
      <c r="CR13" s="169">
        <v>124</v>
      </c>
      <c r="CS13" s="169">
        <v>114</v>
      </c>
      <c r="CT13" s="169">
        <v>89</v>
      </c>
      <c r="CU13" s="169">
        <v>47</v>
      </c>
      <c r="CV13" s="170">
        <v>591</v>
      </c>
      <c r="CW13" s="171">
        <v>869</v>
      </c>
      <c r="CX13" s="172">
        <v>29</v>
      </c>
      <c r="CY13" s="164">
        <v>21</v>
      </c>
      <c r="CZ13" s="165">
        <v>50</v>
      </c>
      <c r="DA13" s="439">
        <v>0</v>
      </c>
      <c r="DB13" s="164">
        <v>25</v>
      </c>
      <c r="DC13" s="164">
        <v>22</v>
      </c>
      <c r="DD13" s="164">
        <v>20</v>
      </c>
      <c r="DE13" s="164">
        <v>18</v>
      </c>
      <c r="DF13" s="164">
        <v>11</v>
      </c>
      <c r="DG13" s="166">
        <v>96</v>
      </c>
      <c r="DH13" s="167">
        <v>146</v>
      </c>
      <c r="DI13" s="168">
        <v>0</v>
      </c>
      <c r="DJ13" s="169">
        <v>0</v>
      </c>
      <c r="DK13" s="170">
        <v>0</v>
      </c>
      <c r="DL13" s="439">
        <v>0</v>
      </c>
      <c r="DM13" s="169">
        <v>0</v>
      </c>
      <c r="DN13" s="169">
        <v>1</v>
      </c>
      <c r="DO13" s="169">
        <v>1</v>
      </c>
      <c r="DP13" s="169">
        <v>0</v>
      </c>
      <c r="DQ13" s="169">
        <v>1</v>
      </c>
      <c r="DR13" s="170">
        <v>3</v>
      </c>
      <c r="DS13" s="171">
        <v>3</v>
      </c>
      <c r="DT13" s="168">
        <v>4</v>
      </c>
      <c r="DU13" s="169">
        <v>2</v>
      </c>
      <c r="DV13" s="170">
        <v>6</v>
      </c>
      <c r="DW13" s="439">
        <v>0</v>
      </c>
      <c r="DX13" s="169">
        <v>1</v>
      </c>
      <c r="DY13" s="169">
        <v>0</v>
      </c>
      <c r="DZ13" s="169">
        <v>0</v>
      </c>
      <c r="EA13" s="169">
        <v>0</v>
      </c>
      <c r="EB13" s="169">
        <v>0</v>
      </c>
      <c r="EC13" s="170">
        <v>1</v>
      </c>
      <c r="ED13" s="171">
        <v>7</v>
      </c>
      <c r="EE13" s="168">
        <v>7</v>
      </c>
      <c r="EF13" s="169">
        <v>1</v>
      </c>
      <c r="EG13" s="170">
        <v>8</v>
      </c>
      <c r="EH13" s="439">
        <v>0</v>
      </c>
      <c r="EI13" s="169">
        <v>2</v>
      </c>
      <c r="EJ13" s="169">
        <v>4</v>
      </c>
      <c r="EK13" s="169">
        <v>2</v>
      </c>
      <c r="EL13" s="169">
        <v>0</v>
      </c>
      <c r="EM13" s="169">
        <v>1</v>
      </c>
      <c r="EN13" s="170">
        <v>9</v>
      </c>
      <c r="EO13" s="171">
        <v>17</v>
      </c>
      <c r="EP13" s="168">
        <v>7</v>
      </c>
      <c r="EQ13" s="169">
        <v>5</v>
      </c>
      <c r="ER13" s="170">
        <v>12</v>
      </c>
      <c r="ES13" s="439">
        <v>0</v>
      </c>
      <c r="ET13" s="169">
        <v>6</v>
      </c>
      <c r="EU13" s="169">
        <v>1</v>
      </c>
      <c r="EV13" s="169">
        <v>3</v>
      </c>
      <c r="EW13" s="169">
        <v>2</v>
      </c>
      <c r="EX13" s="169">
        <v>1</v>
      </c>
      <c r="EY13" s="170">
        <v>13</v>
      </c>
      <c r="EZ13" s="171">
        <v>25</v>
      </c>
      <c r="FA13" s="168">
        <v>7</v>
      </c>
      <c r="FB13" s="169">
        <v>6</v>
      </c>
      <c r="FC13" s="170">
        <v>13</v>
      </c>
      <c r="FD13" s="439">
        <v>0</v>
      </c>
      <c r="FE13" s="169">
        <v>6</v>
      </c>
      <c r="FF13" s="169">
        <v>8</v>
      </c>
      <c r="FG13" s="169">
        <v>2</v>
      </c>
      <c r="FH13" s="169">
        <v>4</v>
      </c>
      <c r="FI13" s="169">
        <v>3</v>
      </c>
      <c r="FJ13" s="170">
        <v>23</v>
      </c>
      <c r="FK13" s="171">
        <v>36</v>
      </c>
      <c r="FL13" s="168">
        <v>4</v>
      </c>
      <c r="FM13" s="169">
        <v>7</v>
      </c>
      <c r="FN13" s="170">
        <v>11</v>
      </c>
      <c r="FO13" s="439">
        <v>0</v>
      </c>
      <c r="FP13" s="169">
        <v>10</v>
      </c>
      <c r="FQ13" s="169">
        <v>8</v>
      </c>
      <c r="FR13" s="169">
        <v>12</v>
      </c>
      <c r="FS13" s="169">
        <v>12</v>
      </c>
      <c r="FT13" s="169">
        <v>5</v>
      </c>
      <c r="FU13" s="170">
        <v>47</v>
      </c>
      <c r="FV13" s="171">
        <v>58</v>
      </c>
      <c r="FW13" s="168">
        <v>0</v>
      </c>
      <c r="FX13" s="169">
        <v>0</v>
      </c>
      <c r="FY13" s="170">
        <v>0</v>
      </c>
      <c r="FZ13" s="439">
        <v>0</v>
      </c>
      <c r="GA13" s="169">
        <v>0</v>
      </c>
      <c r="GB13" s="169">
        <v>0</v>
      </c>
      <c r="GC13" s="169">
        <v>0</v>
      </c>
      <c r="GD13" s="169">
        <v>0</v>
      </c>
      <c r="GE13" s="169">
        <v>0</v>
      </c>
      <c r="GF13" s="170">
        <v>0</v>
      </c>
      <c r="GG13" s="171">
        <v>0</v>
      </c>
      <c r="GH13" s="168">
        <v>29</v>
      </c>
      <c r="GI13" s="169">
        <v>21</v>
      </c>
      <c r="GJ13" s="170">
        <v>50</v>
      </c>
      <c r="GK13" s="439">
        <v>0</v>
      </c>
      <c r="GL13" s="169">
        <v>25</v>
      </c>
      <c r="GM13" s="169">
        <v>22</v>
      </c>
      <c r="GN13" s="169">
        <v>20</v>
      </c>
      <c r="GO13" s="169">
        <v>18</v>
      </c>
      <c r="GP13" s="169">
        <v>11</v>
      </c>
      <c r="GQ13" s="170">
        <v>96</v>
      </c>
      <c r="GR13" s="171">
        <v>146</v>
      </c>
      <c r="GS13" s="172">
        <v>214</v>
      </c>
      <c r="GT13" s="164">
        <v>114</v>
      </c>
      <c r="GU13" s="165">
        <v>328</v>
      </c>
      <c r="GV13" s="439">
        <v>0</v>
      </c>
      <c r="GW13" s="164">
        <v>242</v>
      </c>
      <c r="GX13" s="164">
        <v>146</v>
      </c>
      <c r="GY13" s="164">
        <v>134</v>
      </c>
      <c r="GZ13" s="164">
        <v>107</v>
      </c>
      <c r="HA13" s="164">
        <v>58</v>
      </c>
      <c r="HB13" s="166">
        <v>687</v>
      </c>
      <c r="HC13" s="167">
        <v>1015</v>
      </c>
      <c r="HD13" s="168">
        <v>1</v>
      </c>
      <c r="HE13" s="169">
        <v>0</v>
      </c>
      <c r="HF13" s="170">
        <v>1</v>
      </c>
      <c r="HG13" s="439">
        <v>0</v>
      </c>
      <c r="HH13" s="169">
        <v>1</v>
      </c>
      <c r="HI13" s="169">
        <v>1</v>
      </c>
      <c r="HJ13" s="169">
        <v>2</v>
      </c>
      <c r="HK13" s="169">
        <v>0</v>
      </c>
      <c r="HL13" s="169">
        <v>1</v>
      </c>
      <c r="HM13" s="170">
        <v>5</v>
      </c>
      <c r="HN13" s="171">
        <v>6</v>
      </c>
      <c r="HO13" s="168">
        <v>11</v>
      </c>
      <c r="HP13" s="169">
        <v>2</v>
      </c>
      <c r="HQ13" s="170">
        <v>13</v>
      </c>
      <c r="HR13" s="439">
        <v>0</v>
      </c>
      <c r="HS13" s="169">
        <v>4</v>
      </c>
      <c r="HT13" s="169">
        <v>3</v>
      </c>
      <c r="HU13" s="169">
        <v>1</v>
      </c>
      <c r="HV13" s="169">
        <v>0</v>
      </c>
      <c r="HW13" s="169">
        <v>2</v>
      </c>
      <c r="HX13" s="170">
        <v>10</v>
      </c>
      <c r="HY13" s="171">
        <v>23</v>
      </c>
      <c r="HZ13" s="168">
        <v>15</v>
      </c>
      <c r="IA13" s="169">
        <v>3</v>
      </c>
      <c r="IB13" s="170">
        <v>18</v>
      </c>
      <c r="IC13" s="439">
        <v>0</v>
      </c>
      <c r="ID13" s="169">
        <v>11</v>
      </c>
      <c r="IE13" s="169">
        <v>17</v>
      </c>
      <c r="IF13" s="169">
        <v>12</v>
      </c>
      <c r="IG13" s="169">
        <v>6</v>
      </c>
      <c r="IH13" s="169">
        <v>3</v>
      </c>
      <c r="II13" s="170">
        <v>49</v>
      </c>
      <c r="IJ13" s="171">
        <v>67</v>
      </c>
      <c r="IK13" s="168">
        <v>35</v>
      </c>
      <c r="IL13" s="169">
        <v>23</v>
      </c>
      <c r="IM13" s="170">
        <v>58</v>
      </c>
      <c r="IN13" s="439">
        <v>0</v>
      </c>
      <c r="IO13" s="169">
        <v>45</v>
      </c>
      <c r="IP13" s="169">
        <v>12</v>
      </c>
      <c r="IQ13" s="169">
        <v>17</v>
      </c>
      <c r="IR13" s="169">
        <v>11</v>
      </c>
      <c r="IS13" s="169">
        <v>7</v>
      </c>
      <c r="IT13" s="170">
        <v>92</v>
      </c>
      <c r="IU13" s="171">
        <v>150</v>
      </c>
      <c r="IV13" s="168">
        <v>77</v>
      </c>
      <c r="IW13" s="169">
        <v>45</v>
      </c>
      <c r="IX13" s="170">
        <v>122</v>
      </c>
      <c r="IY13" s="439">
        <v>0</v>
      </c>
      <c r="IZ13" s="169">
        <v>77</v>
      </c>
      <c r="JA13" s="169">
        <v>41</v>
      </c>
      <c r="JB13" s="169">
        <v>35</v>
      </c>
      <c r="JC13" s="169">
        <v>30</v>
      </c>
      <c r="JD13" s="169">
        <v>15</v>
      </c>
      <c r="JE13" s="170">
        <v>198</v>
      </c>
      <c r="JF13" s="171">
        <v>320</v>
      </c>
      <c r="JG13" s="168">
        <v>75</v>
      </c>
      <c r="JH13" s="169">
        <v>41</v>
      </c>
      <c r="JI13" s="170">
        <v>116</v>
      </c>
      <c r="JJ13" s="439">
        <v>0</v>
      </c>
      <c r="JK13" s="169">
        <v>104</v>
      </c>
      <c r="JL13" s="169">
        <v>72</v>
      </c>
      <c r="JM13" s="169">
        <v>67</v>
      </c>
      <c r="JN13" s="169">
        <v>60</v>
      </c>
      <c r="JO13" s="169">
        <v>30</v>
      </c>
      <c r="JP13" s="170">
        <v>333</v>
      </c>
      <c r="JQ13" s="171">
        <v>449</v>
      </c>
      <c r="JR13" s="168">
        <v>0</v>
      </c>
      <c r="JS13" s="169">
        <v>0</v>
      </c>
      <c r="JT13" s="170">
        <v>0</v>
      </c>
      <c r="JU13" s="439">
        <v>0</v>
      </c>
      <c r="JV13" s="169">
        <v>0</v>
      </c>
      <c r="JW13" s="169">
        <v>0</v>
      </c>
      <c r="JX13" s="169">
        <v>0</v>
      </c>
      <c r="JY13" s="169">
        <v>0</v>
      </c>
      <c r="JZ13" s="169">
        <v>0</v>
      </c>
      <c r="KA13" s="170">
        <v>0</v>
      </c>
      <c r="KB13" s="171">
        <v>0</v>
      </c>
      <c r="KC13" s="168">
        <v>214</v>
      </c>
      <c r="KD13" s="169">
        <v>114</v>
      </c>
      <c r="KE13" s="170">
        <v>328</v>
      </c>
      <c r="KF13" s="439">
        <v>0</v>
      </c>
      <c r="KG13" s="169">
        <v>242</v>
      </c>
      <c r="KH13" s="169">
        <v>146</v>
      </c>
      <c r="KI13" s="169">
        <v>134</v>
      </c>
      <c r="KJ13" s="169">
        <v>107</v>
      </c>
      <c r="KK13" s="169">
        <v>58</v>
      </c>
      <c r="KL13" s="170">
        <v>687</v>
      </c>
      <c r="KM13" s="171">
        <v>1015</v>
      </c>
    </row>
    <row r="14" spans="2:299" s="137" customFormat="1" ht="21" customHeight="1" x14ac:dyDescent="0.2">
      <c r="B14" s="173" t="s">
        <v>10</v>
      </c>
      <c r="C14" s="163">
        <v>361</v>
      </c>
      <c r="D14" s="164">
        <v>204</v>
      </c>
      <c r="E14" s="165">
        <v>565</v>
      </c>
      <c r="F14" s="439">
        <v>0</v>
      </c>
      <c r="G14" s="164">
        <v>344</v>
      </c>
      <c r="H14" s="164">
        <v>159</v>
      </c>
      <c r="I14" s="164">
        <v>137</v>
      </c>
      <c r="J14" s="164">
        <v>138</v>
      </c>
      <c r="K14" s="164">
        <v>85</v>
      </c>
      <c r="L14" s="166">
        <v>863</v>
      </c>
      <c r="M14" s="167">
        <v>1428</v>
      </c>
      <c r="N14" s="168">
        <v>6</v>
      </c>
      <c r="O14" s="169">
        <v>3</v>
      </c>
      <c r="P14" s="170">
        <v>9</v>
      </c>
      <c r="Q14" s="439">
        <v>0</v>
      </c>
      <c r="R14" s="169">
        <v>3</v>
      </c>
      <c r="S14" s="169">
        <v>3</v>
      </c>
      <c r="T14" s="169">
        <v>1</v>
      </c>
      <c r="U14" s="169">
        <v>2</v>
      </c>
      <c r="V14" s="169">
        <v>0</v>
      </c>
      <c r="W14" s="170">
        <v>9</v>
      </c>
      <c r="X14" s="171">
        <v>18</v>
      </c>
      <c r="Y14" s="168">
        <v>13</v>
      </c>
      <c r="Z14" s="169">
        <v>5</v>
      </c>
      <c r="AA14" s="170">
        <v>18</v>
      </c>
      <c r="AB14" s="439">
        <v>0</v>
      </c>
      <c r="AC14" s="169">
        <v>14</v>
      </c>
      <c r="AD14" s="169">
        <v>8</v>
      </c>
      <c r="AE14" s="169">
        <v>3</v>
      </c>
      <c r="AF14" s="169">
        <v>6</v>
      </c>
      <c r="AG14" s="169">
        <v>8</v>
      </c>
      <c r="AH14" s="170">
        <v>39</v>
      </c>
      <c r="AI14" s="171">
        <v>57</v>
      </c>
      <c r="AJ14" s="168">
        <v>24</v>
      </c>
      <c r="AK14" s="169">
        <v>10</v>
      </c>
      <c r="AL14" s="170">
        <v>34</v>
      </c>
      <c r="AM14" s="439">
        <v>0</v>
      </c>
      <c r="AN14" s="169">
        <v>28</v>
      </c>
      <c r="AO14" s="169">
        <v>11</v>
      </c>
      <c r="AP14" s="169">
        <v>7</v>
      </c>
      <c r="AQ14" s="169">
        <v>19</v>
      </c>
      <c r="AR14" s="169">
        <v>10</v>
      </c>
      <c r="AS14" s="170">
        <v>75</v>
      </c>
      <c r="AT14" s="171">
        <v>109</v>
      </c>
      <c r="AU14" s="168">
        <v>70</v>
      </c>
      <c r="AV14" s="169">
        <v>40</v>
      </c>
      <c r="AW14" s="170">
        <v>110</v>
      </c>
      <c r="AX14" s="439">
        <v>0</v>
      </c>
      <c r="AY14" s="169">
        <v>71</v>
      </c>
      <c r="AZ14" s="169">
        <v>29</v>
      </c>
      <c r="BA14" s="169">
        <v>24</v>
      </c>
      <c r="BB14" s="169">
        <v>22</v>
      </c>
      <c r="BC14" s="169">
        <v>13</v>
      </c>
      <c r="BD14" s="170">
        <v>159</v>
      </c>
      <c r="BE14" s="171">
        <v>269</v>
      </c>
      <c r="BF14" s="168">
        <v>144</v>
      </c>
      <c r="BG14" s="169">
        <v>82</v>
      </c>
      <c r="BH14" s="170">
        <v>226</v>
      </c>
      <c r="BI14" s="439">
        <v>0</v>
      </c>
      <c r="BJ14" s="169">
        <v>112</v>
      </c>
      <c r="BK14" s="169">
        <v>45</v>
      </c>
      <c r="BL14" s="169">
        <v>30</v>
      </c>
      <c r="BM14" s="169">
        <v>35</v>
      </c>
      <c r="BN14" s="169">
        <v>20</v>
      </c>
      <c r="BO14" s="170">
        <v>242</v>
      </c>
      <c r="BP14" s="171">
        <v>468</v>
      </c>
      <c r="BQ14" s="168">
        <v>104</v>
      </c>
      <c r="BR14" s="169">
        <v>64</v>
      </c>
      <c r="BS14" s="170">
        <v>168</v>
      </c>
      <c r="BT14" s="439">
        <v>0</v>
      </c>
      <c r="BU14" s="169">
        <v>116</v>
      </c>
      <c r="BV14" s="169">
        <v>63</v>
      </c>
      <c r="BW14" s="169">
        <v>72</v>
      </c>
      <c r="BX14" s="169">
        <v>54</v>
      </c>
      <c r="BY14" s="169">
        <v>34</v>
      </c>
      <c r="BZ14" s="170">
        <v>339</v>
      </c>
      <c r="CA14" s="171">
        <v>507</v>
      </c>
      <c r="CB14" s="168">
        <v>0</v>
      </c>
      <c r="CC14" s="169">
        <v>0</v>
      </c>
      <c r="CD14" s="170">
        <v>0</v>
      </c>
      <c r="CE14" s="439">
        <v>0</v>
      </c>
      <c r="CF14" s="169">
        <v>0</v>
      </c>
      <c r="CG14" s="169">
        <v>0</v>
      </c>
      <c r="CH14" s="169">
        <v>0</v>
      </c>
      <c r="CI14" s="169">
        <v>0</v>
      </c>
      <c r="CJ14" s="169">
        <v>0</v>
      </c>
      <c r="CK14" s="170">
        <v>0</v>
      </c>
      <c r="CL14" s="171">
        <v>0</v>
      </c>
      <c r="CM14" s="168">
        <v>361</v>
      </c>
      <c r="CN14" s="169">
        <v>204</v>
      </c>
      <c r="CO14" s="170">
        <v>565</v>
      </c>
      <c r="CP14" s="439">
        <v>0</v>
      </c>
      <c r="CQ14" s="169">
        <v>344</v>
      </c>
      <c r="CR14" s="169">
        <v>159</v>
      </c>
      <c r="CS14" s="169">
        <v>137</v>
      </c>
      <c r="CT14" s="169">
        <v>138</v>
      </c>
      <c r="CU14" s="169">
        <v>85</v>
      </c>
      <c r="CV14" s="170">
        <v>863</v>
      </c>
      <c r="CW14" s="171">
        <v>1428</v>
      </c>
      <c r="CX14" s="172">
        <v>42</v>
      </c>
      <c r="CY14" s="164">
        <v>30</v>
      </c>
      <c r="CZ14" s="165">
        <v>72</v>
      </c>
      <c r="DA14" s="439">
        <v>0</v>
      </c>
      <c r="DB14" s="164">
        <v>57</v>
      </c>
      <c r="DC14" s="164">
        <v>23</v>
      </c>
      <c r="DD14" s="164">
        <v>22</v>
      </c>
      <c r="DE14" s="164">
        <v>27</v>
      </c>
      <c r="DF14" s="164">
        <v>20</v>
      </c>
      <c r="DG14" s="166">
        <v>149</v>
      </c>
      <c r="DH14" s="167">
        <v>221</v>
      </c>
      <c r="DI14" s="168">
        <v>0</v>
      </c>
      <c r="DJ14" s="169">
        <v>2</v>
      </c>
      <c r="DK14" s="170">
        <v>2</v>
      </c>
      <c r="DL14" s="439">
        <v>0</v>
      </c>
      <c r="DM14" s="169">
        <v>1</v>
      </c>
      <c r="DN14" s="169">
        <v>2</v>
      </c>
      <c r="DO14" s="169">
        <v>1</v>
      </c>
      <c r="DP14" s="169">
        <v>0</v>
      </c>
      <c r="DQ14" s="169">
        <v>0</v>
      </c>
      <c r="DR14" s="170">
        <v>4</v>
      </c>
      <c r="DS14" s="171">
        <v>6</v>
      </c>
      <c r="DT14" s="168">
        <v>4</v>
      </c>
      <c r="DU14" s="169">
        <v>3</v>
      </c>
      <c r="DV14" s="170">
        <v>7</v>
      </c>
      <c r="DW14" s="439">
        <v>0</v>
      </c>
      <c r="DX14" s="169">
        <v>1</v>
      </c>
      <c r="DY14" s="169">
        <v>0</v>
      </c>
      <c r="DZ14" s="169">
        <v>1</v>
      </c>
      <c r="EA14" s="169">
        <v>3</v>
      </c>
      <c r="EB14" s="169">
        <v>2</v>
      </c>
      <c r="EC14" s="170">
        <v>7</v>
      </c>
      <c r="ED14" s="171">
        <v>14</v>
      </c>
      <c r="EE14" s="168">
        <v>3</v>
      </c>
      <c r="EF14" s="169">
        <v>2</v>
      </c>
      <c r="EG14" s="170">
        <v>5</v>
      </c>
      <c r="EH14" s="439">
        <v>0</v>
      </c>
      <c r="EI14" s="169">
        <v>3</v>
      </c>
      <c r="EJ14" s="169">
        <v>1</v>
      </c>
      <c r="EK14" s="169">
        <v>1</v>
      </c>
      <c r="EL14" s="169">
        <v>0</v>
      </c>
      <c r="EM14" s="169">
        <v>0</v>
      </c>
      <c r="EN14" s="170">
        <v>5</v>
      </c>
      <c r="EO14" s="171">
        <v>10</v>
      </c>
      <c r="EP14" s="168">
        <v>8</v>
      </c>
      <c r="EQ14" s="169">
        <v>2</v>
      </c>
      <c r="ER14" s="170">
        <v>10</v>
      </c>
      <c r="ES14" s="439">
        <v>0</v>
      </c>
      <c r="ET14" s="169">
        <v>6</v>
      </c>
      <c r="EU14" s="169">
        <v>2</v>
      </c>
      <c r="EV14" s="169">
        <v>3</v>
      </c>
      <c r="EW14" s="169">
        <v>3</v>
      </c>
      <c r="EX14" s="169">
        <v>1</v>
      </c>
      <c r="EY14" s="170">
        <v>15</v>
      </c>
      <c r="EZ14" s="171">
        <v>25</v>
      </c>
      <c r="FA14" s="168">
        <v>20</v>
      </c>
      <c r="FB14" s="169">
        <v>10</v>
      </c>
      <c r="FC14" s="170">
        <v>30</v>
      </c>
      <c r="FD14" s="439">
        <v>0</v>
      </c>
      <c r="FE14" s="169">
        <v>21</v>
      </c>
      <c r="FF14" s="169">
        <v>6</v>
      </c>
      <c r="FG14" s="169">
        <v>5</v>
      </c>
      <c r="FH14" s="169">
        <v>6</v>
      </c>
      <c r="FI14" s="169">
        <v>8</v>
      </c>
      <c r="FJ14" s="170">
        <v>46</v>
      </c>
      <c r="FK14" s="171">
        <v>76</v>
      </c>
      <c r="FL14" s="168">
        <v>7</v>
      </c>
      <c r="FM14" s="169">
        <v>11</v>
      </c>
      <c r="FN14" s="170">
        <v>18</v>
      </c>
      <c r="FO14" s="439">
        <v>0</v>
      </c>
      <c r="FP14" s="169">
        <v>25</v>
      </c>
      <c r="FQ14" s="169">
        <v>12</v>
      </c>
      <c r="FR14" s="169">
        <v>11</v>
      </c>
      <c r="FS14" s="169">
        <v>15</v>
      </c>
      <c r="FT14" s="169">
        <v>9</v>
      </c>
      <c r="FU14" s="170">
        <v>72</v>
      </c>
      <c r="FV14" s="171">
        <v>90</v>
      </c>
      <c r="FW14" s="168">
        <v>0</v>
      </c>
      <c r="FX14" s="169">
        <v>0</v>
      </c>
      <c r="FY14" s="170">
        <v>0</v>
      </c>
      <c r="FZ14" s="439">
        <v>0</v>
      </c>
      <c r="GA14" s="169">
        <v>0</v>
      </c>
      <c r="GB14" s="169">
        <v>0</v>
      </c>
      <c r="GC14" s="169">
        <v>0</v>
      </c>
      <c r="GD14" s="169">
        <v>0</v>
      </c>
      <c r="GE14" s="169">
        <v>0</v>
      </c>
      <c r="GF14" s="170">
        <v>0</v>
      </c>
      <c r="GG14" s="171">
        <v>0</v>
      </c>
      <c r="GH14" s="168">
        <v>42</v>
      </c>
      <c r="GI14" s="169">
        <v>30</v>
      </c>
      <c r="GJ14" s="170">
        <v>72</v>
      </c>
      <c r="GK14" s="439">
        <v>0</v>
      </c>
      <c r="GL14" s="169">
        <v>57</v>
      </c>
      <c r="GM14" s="169">
        <v>23</v>
      </c>
      <c r="GN14" s="169">
        <v>22</v>
      </c>
      <c r="GO14" s="169">
        <v>27</v>
      </c>
      <c r="GP14" s="169">
        <v>20</v>
      </c>
      <c r="GQ14" s="170">
        <v>149</v>
      </c>
      <c r="GR14" s="171">
        <v>221</v>
      </c>
      <c r="GS14" s="172">
        <v>403</v>
      </c>
      <c r="GT14" s="164">
        <v>234</v>
      </c>
      <c r="GU14" s="165">
        <v>637</v>
      </c>
      <c r="GV14" s="439">
        <v>0</v>
      </c>
      <c r="GW14" s="164">
        <v>401</v>
      </c>
      <c r="GX14" s="164">
        <v>182</v>
      </c>
      <c r="GY14" s="164">
        <v>159</v>
      </c>
      <c r="GZ14" s="164">
        <v>165</v>
      </c>
      <c r="HA14" s="164">
        <v>105</v>
      </c>
      <c r="HB14" s="166">
        <v>1012</v>
      </c>
      <c r="HC14" s="167">
        <v>1649</v>
      </c>
      <c r="HD14" s="168">
        <v>6</v>
      </c>
      <c r="HE14" s="169">
        <v>5</v>
      </c>
      <c r="HF14" s="170">
        <v>11</v>
      </c>
      <c r="HG14" s="439">
        <v>0</v>
      </c>
      <c r="HH14" s="169">
        <v>4</v>
      </c>
      <c r="HI14" s="169">
        <v>5</v>
      </c>
      <c r="HJ14" s="169">
        <v>2</v>
      </c>
      <c r="HK14" s="169">
        <v>2</v>
      </c>
      <c r="HL14" s="169">
        <v>0</v>
      </c>
      <c r="HM14" s="170">
        <v>13</v>
      </c>
      <c r="HN14" s="171">
        <v>24</v>
      </c>
      <c r="HO14" s="168">
        <v>17</v>
      </c>
      <c r="HP14" s="169">
        <v>8</v>
      </c>
      <c r="HQ14" s="170">
        <v>25</v>
      </c>
      <c r="HR14" s="439">
        <v>0</v>
      </c>
      <c r="HS14" s="169">
        <v>15</v>
      </c>
      <c r="HT14" s="169">
        <v>8</v>
      </c>
      <c r="HU14" s="169">
        <v>4</v>
      </c>
      <c r="HV14" s="169">
        <v>9</v>
      </c>
      <c r="HW14" s="169">
        <v>10</v>
      </c>
      <c r="HX14" s="170">
        <v>46</v>
      </c>
      <c r="HY14" s="171">
        <v>71</v>
      </c>
      <c r="HZ14" s="168">
        <v>27</v>
      </c>
      <c r="IA14" s="169">
        <v>12</v>
      </c>
      <c r="IB14" s="170">
        <v>39</v>
      </c>
      <c r="IC14" s="439">
        <v>0</v>
      </c>
      <c r="ID14" s="169">
        <v>31</v>
      </c>
      <c r="IE14" s="169">
        <v>12</v>
      </c>
      <c r="IF14" s="169">
        <v>8</v>
      </c>
      <c r="IG14" s="169">
        <v>19</v>
      </c>
      <c r="IH14" s="169">
        <v>10</v>
      </c>
      <c r="II14" s="170">
        <v>80</v>
      </c>
      <c r="IJ14" s="171">
        <v>119</v>
      </c>
      <c r="IK14" s="168">
        <v>78</v>
      </c>
      <c r="IL14" s="169">
        <v>42</v>
      </c>
      <c r="IM14" s="170">
        <v>120</v>
      </c>
      <c r="IN14" s="439">
        <v>0</v>
      </c>
      <c r="IO14" s="169">
        <v>77</v>
      </c>
      <c r="IP14" s="169">
        <v>31</v>
      </c>
      <c r="IQ14" s="169">
        <v>27</v>
      </c>
      <c r="IR14" s="169">
        <v>25</v>
      </c>
      <c r="IS14" s="169">
        <v>14</v>
      </c>
      <c r="IT14" s="170">
        <v>174</v>
      </c>
      <c r="IU14" s="171">
        <v>294</v>
      </c>
      <c r="IV14" s="168">
        <v>164</v>
      </c>
      <c r="IW14" s="169">
        <v>92</v>
      </c>
      <c r="IX14" s="170">
        <v>256</v>
      </c>
      <c r="IY14" s="439">
        <v>0</v>
      </c>
      <c r="IZ14" s="169">
        <v>133</v>
      </c>
      <c r="JA14" s="169">
        <v>51</v>
      </c>
      <c r="JB14" s="169">
        <v>35</v>
      </c>
      <c r="JC14" s="169">
        <v>41</v>
      </c>
      <c r="JD14" s="169">
        <v>28</v>
      </c>
      <c r="JE14" s="170">
        <v>288</v>
      </c>
      <c r="JF14" s="171">
        <v>544</v>
      </c>
      <c r="JG14" s="168">
        <v>111</v>
      </c>
      <c r="JH14" s="169">
        <v>75</v>
      </c>
      <c r="JI14" s="170">
        <v>186</v>
      </c>
      <c r="JJ14" s="439">
        <v>0</v>
      </c>
      <c r="JK14" s="169">
        <v>141</v>
      </c>
      <c r="JL14" s="169">
        <v>75</v>
      </c>
      <c r="JM14" s="169">
        <v>83</v>
      </c>
      <c r="JN14" s="169">
        <v>69</v>
      </c>
      <c r="JO14" s="169">
        <v>43</v>
      </c>
      <c r="JP14" s="170">
        <v>411</v>
      </c>
      <c r="JQ14" s="171">
        <v>597</v>
      </c>
      <c r="JR14" s="168">
        <v>0</v>
      </c>
      <c r="JS14" s="169">
        <v>0</v>
      </c>
      <c r="JT14" s="170">
        <v>0</v>
      </c>
      <c r="JU14" s="439">
        <v>0</v>
      </c>
      <c r="JV14" s="169">
        <v>0</v>
      </c>
      <c r="JW14" s="169">
        <v>0</v>
      </c>
      <c r="JX14" s="169">
        <v>0</v>
      </c>
      <c r="JY14" s="169">
        <v>0</v>
      </c>
      <c r="JZ14" s="169">
        <v>0</v>
      </c>
      <c r="KA14" s="170">
        <v>0</v>
      </c>
      <c r="KB14" s="171">
        <v>0</v>
      </c>
      <c r="KC14" s="168">
        <v>403</v>
      </c>
      <c r="KD14" s="169">
        <v>234</v>
      </c>
      <c r="KE14" s="170">
        <v>637</v>
      </c>
      <c r="KF14" s="439">
        <v>0</v>
      </c>
      <c r="KG14" s="169">
        <v>401</v>
      </c>
      <c r="KH14" s="169">
        <v>182</v>
      </c>
      <c r="KI14" s="169">
        <v>159</v>
      </c>
      <c r="KJ14" s="169">
        <v>165</v>
      </c>
      <c r="KK14" s="169">
        <v>105</v>
      </c>
      <c r="KL14" s="170">
        <v>1012</v>
      </c>
      <c r="KM14" s="171">
        <v>1649</v>
      </c>
    </row>
    <row r="15" spans="2:299" s="137" customFormat="1" ht="21" customHeight="1" x14ac:dyDescent="0.2">
      <c r="B15" s="173" t="s">
        <v>11</v>
      </c>
      <c r="C15" s="163">
        <v>79</v>
      </c>
      <c r="D15" s="164">
        <v>65</v>
      </c>
      <c r="E15" s="165">
        <v>144</v>
      </c>
      <c r="F15" s="439">
        <v>0</v>
      </c>
      <c r="G15" s="164">
        <v>139</v>
      </c>
      <c r="H15" s="164">
        <v>84</v>
      </c>
      <c r="I15" s="164">
        <v>57</v>
      </c>
      <c r="J15" s="164">
        <v>70</v>
      </c>
      <c r="K15" s="164">
        <v>25</v>
      </c>
      <c r="L15" s="166">
        <v>375</v>
      </c>
      <c r="M15" s="167">
        <v>519</v>
      </c>
      <c r="N15" s="168">
        <v>0</v>
      </c>
      <c r="O15" s="169">
        <v>0</v>
      </c>
      <c r="P15" s="170">
        <v>0</v>
      </c>
      <c r="Q15" s="439">
        <v>0</v>
      </c>
      <c r="R15" s="169">
        <v>6</v>
      </c>
      <c r="S15" s="169">
        <v>1</v>
      </c>
      <c r="T15" s="169">
        <v>1</v>
      </c>
      <c r="U15" s="169">
        <v>1</v>
      </c>
      <c r="V15" s="169">
        <v>0</v>
      </c>
      <c r="W15" s="170">
        <v>9</v>
      </c>
      <c r="X15" s="171">
        <v>9</v>
      </c>
      <c r="Y15" s="168">
        <v>4</v>
      </c>
      <c r="Z15" s="169">
        <v>2</v>
      </c>
      <c r="AA15" s="170">
        <v>6</v>
      </c>
      <c r="AB15" s="439">
        <v>0</v>
      </c>
      <c r="AC15" s="169">
        <v>6</v>
      </c>
      <c r="AD15" s="169">
        <v>7</v>
      </c>
      <c r="AE15" s="169">
        <v>6</v>
      </c>
      <c r="AF15" s="169">
        <v>7</v>
      </c>
      <c r="AG15" s="169">
        <v>3</v>
      </c>
      <c r="AH15" s="170">
        <v>29</v>
      </c>
      <c r="AI15" s="171">
        <v>35</v>
      </c>
      <c r="AJ15" s="168">
        <v>5</v>
      </c>
      <c r="AK15" s="169">
        <v>7</v>
      </c>
      <c r="AL15" s="170">
        <v>12</v>
      </c>
      <c r="AM15" s="439">
        <v>0</v>
      </c>
      <c r="AN15" s="169">
        <v>10</v>
      </c>
      <c r="AO15" s="169">
        <v>6</v>
      </c>
      <c r="AP15" s="169">
        <v>8</v>
      </c>
      <c r="AQ15" s="169">
        <v>3</v>
      </c>
      <c r="AR15" s="169">
        <v>0</v>
      </c>
      <c r="AS15" s="170">
        <v>27</v>
      </c>
      <c r="AT15" s="171">
        <v>39</v>
      </c>
      <c r="AU15" s="168">
        <v>12</v>
      </c>
      <c r="AV15" s="169">
        <v>11</v>
      </c>
      <c r="AW15" s="170">
        <v>23</v>
      </c>
      <c r="AX15" s="439">
        <v>0</v>
      </c>
      <c r="AY15" s="169">
        <v>22</v>
      </c>
      <c r="AZ15" s="169">
        <v>13</v>
      </c>
      <c r="BA15" s="169">
        <v>8</v>
      </c>
      <c r="BB15" s="169">
        <v>9</v>
      </c>
      <c r="BC15" s="169">
        <v>3</v>
      </c>
      <c r="BD15" s="170">
        <v>55</v>
      </c>
      <c r="BE15" s="171">
        <v>78</v>
      </c>
      <c r="BF15" s="168">
        <v>33</v>
      </c>
      <c r="BG15" s="169">
        <v>23</v>
      </c>
      <c r="BH15" s="170">
        <v>56</v>
      </c>
      <c r="BI15" s="439">
        <v>0</v>
      </c>
      <c r="BJ15" s="169">
        <v>40</v>
      </c>
      <c r="BK15" s="169">
        <v>19</v>
      </c>
      <c r="BL15" s="169">
        <v>11</v>
      </c>
      <c r="BM15" s="169">
        <v>27</v>
      </c>
      <c r="BN15" s="169">
        <v>8</v>
      </c>
      <c r="BO15" s="170">
        <v>105</v>
      </c>
      <c r="BP15" s="171">
        <v>161</v>
      </c>
      <c r="BQ15" s="168">
        <v>25</v>
      </c>
      <c r="BR15" s="169">
        <v>22</v>
      </c>
      <c r="BS15" s="170">
        <v>47</v>
      </c>
      <c r="BT15" s="439">
        <v>0</v>
      </c>
      <c r="BU15" s="169">
        <v>55</v>
      </c>
      <c r="BV15" s="169">
        <v>38</v>
      </c>
      <c r="BW15" s="169">
        <v>23</v>
      </c>
      <c r="BX15" s="169">
        <v>23</v>
      </c>
      <c r="BY15" s="169">
        <v>11</v>
      </c>
      <c r="BZ15" s="170">
        <v>150</v>
      </c>
      <c r="CA15" s="171">
        <v>197</v>
      </c>
      <c r="CB15" s="168">
        <v>0</v>
      </c>
      <c r="CC15" s="169">
        <v>0</v>
      </c>
      <c r="CD15" s="170">
        <v>0</v>
      </c>
      <c r="CE15" s="439">
        <v>0</v>
      </c>
      <c r="CF15" s="169">
        <v>0</v>
      </c>
      <c r="CG15" s="169">
        <v>0</v>
      </c>
      <c r="CH15" s="169">
        <v>0</v>
      </c>
      <c r="CI15" s="169">
        <v>0</v>
      </c>
      <c r="CJ15" s="169">
        <v>0</v>
      </c>
      <c r="CK15" s="170">
        <v>0</v>
      </c>
      <c r="CL15" s="171">
        <v>0</v>
      </c>
      <c r="CM15" s="168">
        <v>79</v>
      </c>
      <c r="CN15" s="169">
        <v>65</v>
      </c>
      <c r="CO15" s="170">
        <v>144</v>
      </c>
      <c r="CP15" s="439">
        <v>0</v>
      </c>
      <c r="CQ15" s="169">
        <v>139</v>
      </c>
      <c r="CR15" s="169">
        <v>84</v>
      </c>
      <c r="CS15" s="169">
        <v>57</v>
      </c>
      <c r="CT15" s="169">
        <v>70</v>
      </c>
      <c r="CU15" s="169">
        <v>25</v>
      </c>
      <c r="CV15" s="170">
        <v>375</v>
      </c>
      <c r="CW15" s="171">
        <v>519</v>
      </c>
      <c r="CX15" s="172">
        <v>9</v>
      </c>
      <c r="CY15" s="164">
        <v>10</v>
      </c>
      <c r="CZ15" s="165">
        <v>19</v>
      </c>
      <c r="DA15" s="439">
        <v>0</v>
      </c>
      <c r="DB15" s="164">
        <v>18</v>
      </c>
      <c r="DC15" s="164">
        <v>14</v>
      </c>
      <c r="DD15" s="164">
        <v>7</v>
      </c>
      <c r="DE15" s="164">
        <v>21</v>
      </c>
      <c r="DF15" s="164">
        <v>6</v>
      </c>
      <c r="DG15" s="166">
        <v>66</v>
      </c>
      <c r="DH15" s="167">
        <v>85</v>
      </c>
      <c r="DI15" s="168">
        <v>0</v>
      </c>
      <c r="DJ15" s="169">
        <v>0</v>
      </c>
      <c r="DK15" s="170">
        <v>0</v>
      </c>
      <c r="DL15" s="439">
        <v>0</v>
      </c>
      <c r="DM15" s="169">
        <v>1</v>
      </c>
      <c r="DN15" s="169">
        <v>0</v>
      </c>
      <c r="DO15" s="169">
        <v>0</v>
      </c>
      <c r="DP15" s="169">
        <v>0</v>
      </c>
      <c r="DQ15" s="169">
        <v>0</v>
      </c>
      <c r="DR15" s="170">
        <v>1</v>
      </c>
      <c r="DS15" s="171">
        <v>1</v>
      </c>
      <c r="DT15" s="168">
        <v>1</v>
      </c>
      <c r="DU15" s="169">
        <v>0</v>
      </c>
      <c r="DV15" s="170">
        <v>1</v>
      </c>
      <c r="DW15" s="439">
        <v>0</v>
      </c>
      <c r="DX15" s="169">
        <v>1</v>
      </c>
      <c r="DY15" s="169">
        <v>0</v>
      </c>
      <c r="DZ15" s="169">
        <v>1</v>
      </c>
      <c r="EA15" s="169">
        <v>0</v>
      </c>
      <c r="EB15" s="169">
        <v>0</v>
      </c>
      <c r="EC15" s="170">
        <v>2</v>
      </c>
      <c r="ED15" s="171">
        <v>3</v>
      </c>
      <c r="EE15" s="168">
        <v>1</v>
      </c>
      <c r="EF15" s="169">
        <v>0</v>
      </c>
      <c r="EG15" s="170">
        <v>1</v>
      </c>
      <c r="EH15" s="439">
        <v>0</v>
      </c>
      <c r="EI15" s="169">
        <v>2</v>
      </c>
      <c r="EJ15" s="169">
        <v>2</v>
      </c>
      <c r="EK15" s="169">
        <v>0</v>
      </c>
      <c r="EL15" s="169">
        <v>1</v>
      </c>
      <c r="EM15" s="169">
        <v>2</v>
      </c>
      <c r="EN15" s="170">
        <v>7</v>
      </c>
      <c r="EO15" s="171">
        <v>8</v>
      </c>
      <c r="EP15" s="168">
        <v>2</v>
      </c>
      <c r="EQ15" s="169">
        <v>1</v>
      </c>
      <c r="ER15" s="170">
        <v>3</v>
      </c>
      <c r="ES15" s="439">
        <v>0</v>
      </c>
      <c r="ET15" s="169">
        <v>3</v>
      </c>
      <c r="EU15" s="169">
        <v>2</v>
      </c>
      <c r="EV15" s="169">
        <v>1</v>
      </c>
      <c r="EW15" s="169">
        <v>1</v>
      </c>
      <c r="EX15" s="169">
        <v>0</v>
      </c>
      <c r="EY15" s="170">
        <v>7</v>
      </c>
      <c r="EZ15" s="171">
        <v>10</v>
      </c>
      <c r="FA15" s="168">
        <v>2</v>
      </c>
      <c r="FB15" s="169">
        <v>5</v>
      </c>
      <c r="FC15" s="170">
        <v>7</v>
      </c>
      <c r="FD15" s="439">
        <v>0</v>
      </c>
      <c r="FE15" s="169">
        <v>5</v>
      </c>
      <c r="FF15" s="169">
        <v>5</v>
      </c>
      <c r="FG15" s="169">
        <v>1</v>
      </c>
      <c r="FH15" s="169">
        <v>5</v>
      </c>
      <c r="FI15" s="169">
        <v>1</v>
      </c>
      <c r="FJ15" s="170">
        <v>17</v>
      </c>
      <c r="FK15" s="171">
        <v>24</v>
      </c>
      <c r="FL15" s="168">
        <v>3</v>
      </c>
      <c r="FM15" s="169">
        <v>4</v>
      </c>
      <c r="FN15" s="170">
        <v>7</v>
      </c>
      <c r="FO15" s="439">
        <v>0</v>
      </c>
      <c r="FP15" s="169">
        <v>6</v>
      </c>
      <c r="FQ15" s="169">
        <v>5</v>
      </c>
      <c r="FR15" s="169">
        <v>4</v>
      </c>
      <c r="FS15" s="169">
        <v>14</v>
      </c>
      <c r="FT15" s="169">
        <v>3</v>
      </c>
      <c r="FU15" s="170">
        <v>32</v>
      </c>
      <c r="FV15" s="171">
        <v>39</v>
      </c>
      <c r="FW15" s="168">
        <v>0</v>
      </c>
      <c r="FX15" s="169">
        <v>0</v>
      </c>
      <c r="FY15" s="170">
        <v>0</v>
      </c>
      <c r="FZ15" s="439">
        <v>0</v>
      </c>
      <c r="GA15" s="169">
        <v>0</v>
      </c>
      <c r="GB15" s="169">
        <v>0</v>
      </c>
      <c r="GC15" s="169">
        <v>0</v>
      </c>
      <c r="GD15" s="169">
        <v>0</v>
      </c>
      <c r="GE15" s="169">
        <v>0</v>
      </c>
      <c r="GF15" s="170">
        <v>0</v>
      </c>
      <c r="GG15" s="171">
        <v>0</v>
      </c>
      <c r="GH15" s="168">
        <v>9</v>
      </c>
      <c r="GI15" s="169">
        <v>10</v>
      </c>
      <c r="GJ15" s="170">
        <v>19</v>
      </c>
      <c r="GK15" s="439">
        <v>0</v>
      </c>
      <c r="GL15" s="169">
        <v>18</v>
      </c>
      <c r="GM15" s="169">
        <v>14</v>
      </c>
      <c r="GN15" s="169">
        <v>7</v>
      </c>
      <c r="GO15" s="169">
        <v>21</v>
      </c>
      <c r="GP15" s="169">
        <v>6</v>
      </c>
      <c r="GQ15" s="170">
        <v>66</v>
      </c>
      <c r="GR15" s="171">
        <v>85</v>
      </c>
      <c r="GS15" s="172">
        <v>88</v>
      </c>
      <c r="GT15" s="164">
        <v>75</v>
      </c>
      <c r="GU15" s="165">
        <v>163</v>
      </c>
      <c r="GV15" s="439">
        <v>0</v>
      </c>
      <c r="GW15" s="164">
        <v>157</v>
      </c>
      <c r="GX15" s="164">
        <v>98</v>
      </c>
      <c r="GY15" s="164">
        <v>64</v>
      </c>
      <c r="GZ15" s="164">
        <v>91</v>
      </c>
      <c r="HA15" s="164">
        <v>31</v>
      </c>
      <c r="HB15" s="166">
        <v>441</v>
      </c>
      <c r="HC15" s="167">
        <v>604</v>
      </c>
      <c r="HD15" s="168">
        <v>0</v>
      </c>
      <c r="HE15" s="169">
        <v>0</v>
      </c>
      <c r="HF15" s="170">
        <v>0</v>
      </c>
      <c r="HG15" s="439">
        <v>0</v>
      </c>
      <c r="HH15" s="169">
        <v>7</v>
      </c>
      <c r="HI15" s="169">
        <v>1</v>
      </c>
      <c r="HJ15" s="169">
        <v>1</v>
      </c>
      <c r="HK15" s="169">
        <v>1</v>
      </c>
      <c r="HL15" s="169">
        <v>0</v>
      </c>
      <c r="HM15" s="170">
        <v>10</v>
      </c>
      <c r="HN15" s="171">
        <v>10</v>
      </c>
      <c r="HO15" s="168">
        <v>5</v>
      </c>
      <c r="HP15" s="169">
        <v>2</v>
      </c>
      <c r="HQ15" s="170">
        <v>7</v>
      </c>
      <c r="HR15" s="439">
        <v>0</v>
      </c>
      <c r="HS15" s="169">
        <v>7</v>
      </c>
      <c r="HT15" s="169">
        <v>7</v>
      </c>
      <c r="HU15" s="169">
        <v>7</v>
      </c>
      <c r="HV15" s="169">
        <v>7</v>
      </c>
      <c r="HW15" s="169">
        <v>3</v>
      </c>
      <c r="HX15" s="170">
        <v>31</v>
      </c>
      <c r="HY15" s="171">
        <v>38</v>
      </c>
      <c r="HZ15" s="168">
        <v>6</v>
      </c>
      <c r="IA15" s="169">
        <v>7</v>
      </c>
      <c r="IB15" s="170">
        <v>13</v>
      </c>
      <c r="IC15" s="439">
        <v>0</v>
      </c>
      <c r="ID15" s="169">
        <v>12</v>
      </c>
      <c r="IE15" s="169">
        <v>8</v>
      </c>
      <c r="IF15" s="169">
        <v>8</v>
      </c>
      <c r="IG15" s="169">
        <v>4</v>
      </c>
      <c r="IH15" s="169">
        <v>2</v>
      </c>
      <c r="II15" s="170">
        <v>34</v>
      </c>
      <c r="IJ15" s="171">
        <v>47</v>
      </c>
      <c r="IK15" s="168">
        <v>14</v>
      </c>
      <c r="IL15" s="169">
        <v>12</v>
      </c>
      <c r="IM15" s="170">
        <v>26</v>
      </c>
      <c r="IN15" s="439">
        <v>0</v>
      </c>
      <c r="IO15" s="169">
        <v>25</v>
      </c>
      <c r="IP15" s="169">
        <v>15</v>
      </c>
      <c r="IQ15" s="169">
        <v>9</v>
      </c>
      <c r="IR15" s="169">
        <v>10</v>
      </c>
      <c r="IS15" s="169">
        <v>3</v>
      </c>
      <c r="IT15" s="170">
        <v>62</v>
      </c>
      <c r="IU15" s="171">
        <v>88</v>
      </c>
      <c r="IV15" s="168">
        <v>35</v>
      </c>
      <c r="IW15" s="169">
        <v>28</v>
      </c>
      <c r="IX15" s="170">
        <v>63</v>
      </c>
      <c r="IY15" s="439">
        <v>0</v>
      </c>
      <c r="IZ15" s="169">
        <v>45</v>
      </c>
      <c r="JA15" s="169">
        <v>24</v>
      </c>
      <c r="JB15" s="169">
        <v>12</v>
      </c>
      <c r="JC15" s="169">
        <v>32</v>
      </c>
      <c r="JD15" s="169">
        <v>9</v>
      </c>
      <c r="JE15" s="170">
        <v>122</v>
      </c>
      <c r="JF15" s="171">
        <v>185</v>
      </c>
      <c r="JG15" s="168">
        <v>28</v>
      </c>
      <c r="JH15" s="169">
        <v>26</v>
      </c>
      <c r="JI15" s="170">
        <v>54</v>
      </c>
      <c r="JJ15" s="439">
        <v>0</v>
      </c>
      <c r="JK15" s="169">
        <v>61</v>
      </c>
      <c r="JL15" s="169">
        <v>43</v>
      </c>
      <c r="JM15" s="169">
        <v>27</v>
      </c>
      <c r="JN15" s="169">
        <v>37</v>
      </c>
      <c r="JO15" s="169">
        <v>14</v>
      </c>
      <c r="JP15" s="170">
        <v>182</v>
      </c>
      <c r="JQ15" s="171">
        <v>236</v>
      </c>
      <c r="JR15" s="168">
        <v>0</v>
      </c>
      <c r="JS15" s="169">
        <v>0</v>
      </c>
      <c r="JT15" s="170">
        <v>0</v>
      </c>
      <c r="JU15" s="439">
        <v>0</v>
      </c>
      <c r="JV15" s="169">
        <v>0</v>
      </c>
      <c r="JW15" s="169">
        <v>0</v>
      </c>
      <c r="JX15" s="169">
        <v>0</v>
      </c>
      <c r="JY15" s="169">
        <v>0</v>
      </c>
      <c r="JZ15" s="169">
        <v>0</v>
      </c>
      <c r="KA15" s="170">
        <v>0</v>
      </c>
      <c r="KB15" s="171">
        <v>0</v>
      </c>
      <c r="KC15" s="168">
        <v>88</v>
      </c>
      <c r="KD15" s="169">
        <v>75</v>
      </c>
      <c r="KE15" s="170">
        <v>163</v>
      </c>
      <c r="KF15" s="439">
        <v>0</v>
      </c>
      <c r="KG15" s="169">
        <v>157</v>
      </c>
      <c r="KH15" s="169">
        <v>98</v>
      </c>
      <c r="KI15" s="169">
        <v>64</v>
      </c>
      <c r="KJ15" s="169">
        <v>91</v>
      </c>
      <c r="KK15" s="169">
        <v>31</v>
      </c>
      <c r="KL15" s="170">
        <v>441</v>
      </c>
      <c r="KM15" s="171">
        <v>604</v>
      </c>
    </row>
    <row r="16" spans="2:299" s="137" customFormat="1" ht="21" customHeight="1" x14ac:dyDescent="0.2">
      <c r="B16" s="173" t="s">
        <v>12</v>
      </c>
      <c r="C16" s="163">
        <v>148</v>
      </c>
      <c r="D16" s="164">
        <v>142</v>
      </c>
      <c r="E16" s="165">
        <v>290</v>
      </c>
      <c r="F16" s="439">
        <v>0</v>
      </c>
      <c r="G16" s="164">
        <v>158</v>
      </c>
      <c r="H16" s="164">
        <v>131</v>
      </c>
      <c r="I16" s="164">
        <v>89</v>
      </c>
      <c r="J16" s="164">
        <v>89</v>
      </c>
      <c r="K16" s="164">
        <v>36</v>
      </c>
      <c r="L16" s="166">
        <v>503</v>
      </c>
      <c r="M16" s="167">
        <v>793</v>
      </c>
      <c r="N16" s="174">
        <v>3</v>
      </c>
      <c r="O16" s="169">
        <v>1</v>
      </c>
      <c r="P16" s="170">
        <v>4</v>
      </c>
      <c r="Q16" s="439">
        <v>0</v>
      </c>
      <c r="R16" s="169">
        <v>2</v>
      </c>
      <c r="S16" s="169">
        <v>2</v>
      </c>
      <c r="T16" s="169">
        <v>0</v>
      </c>
      <c r="U16" s="169">
        <v>3</v>
      </c>
      <c r="V16" s="169">
        <v>1</v>
      </c>
      <c r="W16" s="170">
        <v>8</v>
      </c>
      <c r="X16" s="171">
        <v>12</v>
      </c>
      <c r="Y16" s="168">
        <v>7</v>
      </c>
      <c r="Z16" s="169">
        <v>8</v>
      </c>
      <c r="AA16" s="170">
        <v>15</v>
      </c>
      <c r="AB16" s="439">
        <v>0</v>
      </c>
      <c r="AC16" s="169">
        <v>3</v>
      </c>
      <c r="AD16" s="169">
        <v>5</v>
      </c>
      <c r="AE16" s="169">
        <v>5</v>
      </c>
      <c r="AF16" s="169">
        <v>3</v>
      </c>
      <c r="AG16" s="169">
        <v>2</v>
      </c>
      <c r="AH16" s="170">
        <v>18</v>
      </c>
      <c r="AI16" s="171">
        <v>33</v>
      </c>
      <c r="AJ16" s="174">
        <v>4</v>
      </c>
      <c r="AK16" s="169">
        <v>12</v>
      </c>
      <c r="AL16" s="170">
        <v>16</v>
      </c>
      <c r="AM16" s="439">
        <v>0</v>
      </c>
      <c r="AN16" s="169">
        <v>11</v>
      </c>
      <c r="AO16" s="169">
        <v>8</v>
      </c>
      <c r="AP16" s="169">
        <v>5</v>
      </c>
      <c r="AQ16" s="169">
        <v>7</v>
      </c>
      <c r="AR16" s="169">
        <v>5</v>
      </c>
      <c r="AS16" s="170">
        <v>36</v>
      </c>
      <c r="AT16" s="171">
        <v>52</v>
      </c>
      <c r="AU16" s="168">
        <v>33</v>
      </c>
      <c r="AV16" s="169">
        <v>27</v>
      </c>
      <c r="AW16" s="170">
        <v>60</v>
      </c>
      <c r="AX16" s="439">
        <v>0</v>
      </c>
      <c r="AY16" s="169">
        <v>32</v>
      </c>
      <c r="AZ16" s="169">
        <v>26</v>
      </c>
      <c r="BA16" s="169">
        <v>18</v>
      </c>
      <c r="BB16" s="169">
        <v>16</v>
      </c>
      <c r="BC16" s="169">
        <v>6</v>
      </c>
      <c r="BD16" s="170">
        <v>98</v>
      </c>
      <c r="BE16" s="171">
        <v>158</v>
      </c>
      <c r="BF16" s="174">
        <v>56</v>
      </c>
      <c r="BG16" s="169">
        <v>47</v>
      </c>
      <c r="BH16" s="170">
        <v>103</v>
      </c>
      <c r="BI16" s="439">
        <v>0</v>
      </c>
      <c r="BJ16" s="169">
        <v>52</v>
      </c>
      <c r="BK16" s="169">
        <v>37</v>
      </c>
      <c r="BL16" s="169">
        <v>23</v>
      </c>
      <c r="BM16" s="169">
        <v>21</v>
      </c>
      <c r="BN16" s="169">
        <v>13</v>
      </c>
      <c r="BO16" s="170">
        <v>146</v>
      </c>
      <c r="BP16" s="171">
        <v>249</v>
      </c>
      <c r="BQ16" s="168">
        <v>45</v>
      </c>
      <c r="BR16" s="169">
        <v>47</v>
      </c>
      <c r="BS16" s="170">
        <v>92</v>
      </c>
      <c r="BT16" s="439">
        <v>0</v>
      </c>
      <c r="BU16" s="169">
        <v>58</v>
      </c>
      <c r="BV16" s="169">
        <v>53</v>
      </c>
      <c r="BW16" s="169">
        <v>38</v>
      </c>
      <c r="BX16" s="169">
        <v>39</v>
      </c>
      <c r="BY16" s="169">
        <v>9</v>
      </c>
      <c r="BZ16" s="170">
        <v>197</v>
      </c>
      <c r="CA16" s="171">
        <v>289</v>
      </c>
      <c r="CB16" s="168">
        <v>0</v>
      </c>
      <c r="CC16" s="169">
        <v>0</v>
      </c>
      <c r="CD16" s="170">
        <v>0</v>
      </c>
      <c r="CE16" s="439">
        <v>0</v>
      </c>
      <c r="CF16" s="169">
        <v>0</v>
      </c>
      <c r="CG16" s="169">
        <v>0</v>
      </c>
      <c r="CH16" s="169">
        <v>0</v>
      </c>
      <c r="CI16" s="169">
        <v>0</v>
      </c>
      <c r="CJ16" s="169">
        <v>0</v>
      </c>
      <c r="CK16" s="170">
        <v>0</v>
      </c>
      <c r="CL16" s="171">
        <v>0</v>
      </c>
      <c r="CM16" s="168">
        <v>148</v>
      </c>
      <c r="CN16" s="169">
        <v>142</v>
      </c>
      <c r="CO16" s="170">
        <v>290</v>
      </c>
      <c r="CP16" s="439">
        <v>0</v>
      </c>
      <c r="CQ16" s="169">
        <v>158</v>
      </c>
      <c r="CR16" s="169">
        <v>131</v>
      </c>
      <c r="CS16" s="169">
        <v>89</v>
      </c>
      <c r="CT16" s="169">
        <v>89</v>
      </c>
      <c r="CU16" s="169">
        <v>36</v>
      </c>
      <c r="CV16" s="170">
        <v>503</v>
      </c>
      <c r="CW16" s="171">
        <v>793</v>
      </c>
      <c r="CX16" s="172">
        <v>16</v>
      </c>
      <c r="CY16" s="164">
        <v>20</v>
      </c>
      <c r="CZ16" s="165">
        <v>36</v>
      </c>
      <c r="DA16" s="439">
        <v>0</v>
      </c>
      <c r="DB16" s="164">
        <v>17</v>
      </c>
      <c r="DC16" s="164">
        <v>14</v>
      </c>
      <c r="DD16" s="164">
        <v>11</v>
      </c>
      <c r="DE16" s="164">
        <v>12</v>
      </c>
      <c r="DF16" s="164">
        <v>9</v>
      </c>
      <c r="DG16" s="166">
        <v>63</v>
      </c>
      <c r="DH16" s="167">
        <v>99</v>
      </c>
      <c r="DI16" s="174">
        <v>2</v>
      </c>
      <c r="DJ16" s="169">
        <v>2</v>
      </c>
      <c r="DK16" s="170">
        <v>4</v>
      </c>
      <c r="DL16" s="439">
        <v>0</v>
      </c>
      <c r="DM16" s="169">
        <v>0</v>
      </c>
      <c r="DN16" s="169">
        <v>0</v>
      </c>
      <c r="DO16" s="169">
        <v>0</v>
      </c>
      <c r="DP16" s="169">
        <v>0</v>
      </c>
      <c r="DQ16" s="169">
        <v>0</v>
      </c>
      <c r="DR16" s="170">
        <v>0</v>
      </c>
      <c r="DS16" s="171">
        <v>4</v>
      </c>
      <c r="DT16" s="168">
        <v>2</v>
      </c>
      <c r="DU16" s="169">
        <v>1</v>
      </c>
      <c r="DV16" s="170">
        <v>3</v>
      </c>
      <c r="DW16" s="439">
        <v>0</v>
      </c>
      <c r="DX16" s="169">
        <v>0</v>
      </c>
      <c r="DY16" s="169">
        <v>0</v>
      </c>
      <c r="DZ16" s="169">
        <v>0</v>
      </c>
      <c r="EA16" s="169">
        <v>0</v>
      </c>
      <c r="EB16" s="169">
        <v>0</v>
      </c>
      <c r="EC16" s="170">
        <v>0</v>
      </c>
      <c r="ED16" s="171">
        <v>3</v>
      </c>
      <c r="EE16" s="174">
        <v>0</v>
      </c>
      <c r="EF16" s="169">
        <v>2</v>
      </c>
      <c r="EG16" s="170">
        <v>2</v>
      </c>
      <c r="EH16" s="439">
        <v>0</v>
      </c>
      <c r="EI16" s="169">
        <v>0</v>
      </c>
      <c r="EJ16" s="169">
        <v>1</v>
      </c>
      <c r="EK16" s="169">
        <v>1</v>
      </c>
      <c r="EL16" s="169">
        <v>2</v>
      </c>
      <c r="EM16" s="169">
        <v>0</v>
      </c>
      <c r="EN16" s="170">
        <v>4</v>
      </c>
      <c r="EO16" s="171">
        <v>6</v>
      </c>
      <c r="EP16" s="168">
        <v>6</v>
      </c>
      <c r="EQ16" s="169">
        <v>4</v>
      </c>
      <c r="ER16" s="170">
        <v>10</v>
      </c>
      <c r="ES16" s="439">
        <v>0</v>
      </c>
      <c r="ET16" s="169">
        <v>4</v>
      </c>
      <c r="EU16" s="169">
        <v>1</v>
      </c>
      <c r="EV16" s="169">
        <v>2</v>
      </c>
      <c r="EW16" s="169">
        <v>0</v>
      </c>
      <c r="EX16" s="169">
        <v>2</v>
      </c>
      <c r="EY16" s="170">
        <v>9</v>
      </c>
      <c r="EZ16" s="171">
        <v>19</v>
      </c>
      <c r="FA16" s="174">
        <v>3</v>
      </c>
      <c r="FB16" s="169">
        <v>6</v>
      </c>
      <c r="FC16" s="170">
        <v>9</v>
      </c>
      <c r="FD16" s="439">
        <v>0</v>
      </c>
      <c r="FE16" s="169">
        <v>3</v>
      </c>
      <c r="FF16" s="169">
        <v>3</v>
      </c>
      <c r="FG16" s="169">
        <v>2</v>
      </c>
      <c r="FH16" s="169">
        <v>3</v>
      </c>
      <c r="FI16" s="169">
        <v>2</v>
      </c>
      <c r="FJ16" s="170">
        <v>13</v>
      </c>
      <c r="FK16" s="171">
        <v>22</v>
      </c>
      <c r="FL16" s="168">
        <v>3</v>
      </c>
      <c r="FM16" s="169">
        <v>5</v>
      </c>
      <c r="FN16" s="170">
        <v>8</v>
      </c>
      <c r="FO16" s="439">
        <v>0</v>
      </c>
      <c r="FP16" s="169">
        <v>10</v>
      </c>
      <c r="FQ16" s="169">
        <v>9</v>
      </c>
      <c r="FR16" s="169">
        <v>6</v>
      </c>
      <c r="FS16" s="169">
        <v>7</v>
      </c>
      <c r="FT16" s="169">
        <v>5</v>
      </c>
      <c r="FU16" s="170">
        <v>37</v>
      </c>
      <c r="FV16" s="171">
        <v>45</v>
      </c>
      <c r="FW16" s="168">
        <v>0</v>
      </c>
      <c r="FX16" s="169">
        <v>0</v>
      </c>
      <c r="FY16" s="170">
        <v>0</v>
      </c>
      <c r="FZ16" s="439">
        <v>0</v>
      </c>
      <c r="GA16" s="169">
        <v>0</v>
      </c>
      <c r="GB16" s="169">
        <v>0</v>
      </c>
      <c r="GC16" s="169">
        <v>0</v>
      </c>
      <c r="GD16" s="169">
        <v>0</v>
      </c>
      <c r="GE16" s="169">
        <v>0</v>
      </c>
      <c r="GF16" s="170">
        <v>0</v>
      </c>
      <c r="GG16" s="171">
        <v>0</v>
      </c>
      <c r="GH16" s="168">
        <v>16</v>
      </c>
      <c r="GI16" s="169">
        <v>20</v>
      </c>
      <c r="GJ16" s="170">
        <v>36</v>
      </c>
      <c r="GK16" s="439">
        <v>0</v>
      </c>
      <c r="GL16" s="169">
        <v>17</v>
      </c>
      <c r="GM16" s="169">
        <v>14</v>
      </c>
      <c r="GN16" s="169">
        <v>11</v>
      </c>
      <c r="GO16" s="169">
        <v>12</v>
      </c>
      <c r="GP16" s="169">
        <v>9</v>
      </c>
      <c r="GQ16" s="170">
        <v>63</v>
      </c>
      <c r="GR16" s="171">
        <v>99</v>
      </c>
      <c r="GS16" s="172">
        <v>164</v>
      </c>
      <c r="GT16" s="164">
        <v>162</v>
      </c>
      <c r="GU16" s="165">
        <v>326</v>
      </c>
      <c r="GV16" s="439">
        <v>0</v>
      </c>
      <c r="GW16" s="164">
        <v>175</v>
      </c>
      <c r="GX16" s="164">
        <v>145</v>
      </c>
      <c r="GY16" s="164">
        <v>100</v>
      </c>
      <c r="GZ16" s="164">
        <v>101</v>
      </c>
      <c r="HA16" s="164">
        <v>45</v>
      </c>
      <c r="HB16" s="166">
        <v>566</v>
      </c>
      <c r="HC16" s="167">
        <v>892</v>
      </c>
      <c r="HD16" s="174">
        <v>5</v>
      </c>
      <c r="HE16" s="169">
        <v>3</v>
      </c>
      <c r="HF16" s="170">
        <v>8</v>
      </c>
      <c r="HG16" s="439">
        <v>0</v>
      </c>
      <c r="HH16" s="169">
        <v>2</v>
      </c>
      <c r="HI16" s="169">
        <v>2</v>
      </c>
      <c r="HJ16" s="169">
        <v>0</v>
      </c>
      <c r="HK16" s="169">
        <v>3</v>
      </c>
      <c r="HL16" s="169">
        <v>1</v>
      </c>
      <c r="HM16" s="170">
        <v>8</v>
      </c>
      <c r="HN16" s="171">
        <v>16</v>
      </c>
      <c r="HO16" s="168">
        <v>9</v>
      </c>
      <c r="HP16" s="169">
        <v>9</v>
      </c>
      <c r="HQ16" s="170">
        <v>18</v>
      </c>
      <c r="HR16" s="439">
        <v>0</v>
      </c>
      <c r="HS16" s="169">
        <v>3</v>
      </c>
      <c r="HT16" s="169">
        <v>5</v>
      </c>
      <c r="HU16" s="169">
        <v>5</v>
      </c>
      <c r="HV16" s="169">
        <v>3</v>
      </c>
      <c r="HW16" s="169">
        <v>2</v>
      </c>
      <c r="HX16" s="170">
        <v>18</v>
      </c>
      <c r="HY16" s="171">
        <v>36</v>
      </c>
      <c r="HZ16" s="174">
        <v>4</v>
      </c>
      <c r="IA16" s="169">
        <v>14</v>
      </c>
      <c r="IB16" s="170">
        <v>18</v>
      </c>
      <c r="IC16" s="439">
        <v>0</v>
      </c>
      <c r="ID16" s="169">
        <v>11</v>
      </c>
      <c r="IE16" s="169">
        <v>9</v>
      </c>
      <c r="IF16" s="169">
        <v>6</v>
      </c>
      <c r="IG16" s="169">
        <v>9</v>
      </c>
      <c r="IH16" s="169">
        <v>5</v>
      </c>
      <c r="II16" s="170">
        <v>40</v>
      </c>
      <c r="IJ16" s="171">
        <v>58</v>
      </c>
      <c r="IK16" s="168">
        <v>39</v>
      </c>
      <c r="IL16" s="169">
        <v>31</v>
      </c>
      <c r="IM16" s="170">
        <v>70</v>
      </c>
      <c r="IN16" s="439">
        <v>0</v>
      </c>
      <c r="IO16" s="169">
        <v>36</v>
      </c>
      <c r="IP16" s="169">
        <v>27</v>
      </c>
      <c r="IQ16" s="169">
        <v>20</v>
      </c>
      <c r="IR16" s="169">
        <v>16</v>
      </c>
      <c r="IS16" s="169">
        <v>8</v>
      </c>
      <c r="IT16" s="170">
        <v>107</v>
      </c>
      <c r="IU16" s="171">
        <v>177</v>
      </c>
      <c r="IV16" s="174">
        <v>59</v>
      </c>
      <c r="IW16" s="169">
        <v>53</v>
      </c>
      <c r="IX16" s="170">
        <v>112</v>
      </c>
      <c r="IY16" s="439">
        <v>0</v>
      </c>
      <c r="IZ16" s="169">
        <v>55</v>
      </c>
      <c r="JA16" s="169">
        <v>40</v>
      </c>
      <c r="JB16" s="169">
        <v>25</v>
      </c>
      <c r="JC16" s="169">
        <v>24</v>
      </c>
      <c r="JD16" s="169">
        <v>15</v>
      </c>
      <c r="JE16" s="170">
        <v>159</v>
      </c>
      <c r="JF16" s="171">
        <v>271</v>
      </c>
      <c r="JG16" s="168">
        <v>48</v>
      </c>
      <c r="JH16" s="169">
        <v>52</v>
      </c>
      <c r="JI16" s="170">
        <v>100</v>
      </c>
      <c r="JJ16" s="439">
        <v>0</v>
      </c>
      <c r="JK16" s="169">
        <v>68</v>
      </c>
      <c r="JL16" s="169">
        <v>62</v>
      </c>
      <c r="JM16" s="169">
        <v>44</v>
      </c>
      <c r="JN16" s="169">
        <v>46</v>
      </c>
      <c r="JO16" s="169">
        <v>14</v>
      </c>
      <c r="JP16" s="170">
        <v>234</v>
      </c>
      <c r="JQ16" s="171">
        <v>334</v>
      </c>
      <c r="JR16" s="168">
        <v>0</v>
      </c>
      <c r="JS16" s="169">
        <v>0</v>
      </c>
      <c r="JT16" s="170">
        <v>0</v>
      </c>
      <c r="JU16" s="439">
        <v>0</v>
      </c>
      <c r="JV16" s="169">
        <v>0</v>
      </c>
      <c r="JW16" s="169">
        <v>0</v>
      </c>
      <c r="JX16" s="169">
        <v>0</v>
      </c>
      <c r="JY16" s="169">
        <v>0</v>
      </c>
      <c r="JZ16" s="169">
        <v>0</v>
      </c>
      <c r="KA16" s="170">
        <v>0</v>
      </c>
      <c r="KB16" s="171">
        <v>0</v>
      </c>
      <c r="KC16" s="168">
        <v>164</v>
      </c>
      <c r="KD16" s="169">
        <v>162</v>
      </c>
      <c r="KE16" s="170">
        <v>326</v>
      </c>
      <c r="KF16" s="439">
        <v>0</v>
      </c>
      <c r="KG16" s="169">
        <v>175</v>
      </c>
      <c r="KH16" s="169">
        <v>145</v>
      </c>
      <c r="KI16" s="169">
        <v>100</v>
      </c>
      <c r="KJ16" s="169">
        <v>101</v>
      </c>
      <c r="KK16" s="169">
        <v>45</v>
      </c>
      <c r="KL16" s="170">
        <v>566</v>
      </c>
      <c r="KM16" s="171">
        <v>892</v>
      </c>
    </row>
    <row r="17" spans="2:299" s="137" customFormat="1" ht="21" customHeight="1" x14ac:dyDescent="0.2">
      <c r="B17" s="173" t="s">
        <v>13</v>
      </c>
      <c r="C17" s="163">
        <v>38</v>
      </c>
      <c r="D17" s="164">
        <v>33</v>
      </c>
      <c r="E17" s="165">
        <v>71</v>
      </c>
      <c r="F17" s="439">
        <v>0</v>
      </c>
      <c r="G17" s="164">
        <v>78</v>
      </c>
      <c r="H17" s="164">
        <v>70</v>
      </c>
      <c r="I17" s="164">
        <v>57</v>
      </c>
      <c r="J17" s="164">
        <v>35</v>
      </c>
      <c r="K17" s="164">
        <v>25</v>
      </c>
      <c r="L17" s="166">
        <v>265</v>
      </c>
      <c r="M17" s="167">
        <v>336</v>
      </c>
      <c r="N17" s="168">
        <v>1</v>
      </c>
      <c r="O17" s="169">
        <v>0</v>
      </c>
      <c r="P17" s="170">
        <v>1</v>
      </c>
      <c r="Q17" s="439">
        <v>0</v>
      </c>
      <c r="R17" s="169">
        <v>1</v>
      </c>
      <c r="S17" s="169">
        <v>1</v>
      </c>
      <c r="T17" s="169">
        <v>0</v>
      </c>
      <c r="U17" s="169">
        <v>0</v>
      </c>
      <c r="V17" s="169">
        <v>0</v>
      </c>
      <c r="W17" s="170">
        <v>2</v>
      </c>
      <c r="X17" s="171">
        <v>3</v>
      </c>
      <c r="Y17" s="168">
        <v>3</v>
      </c>
      <c r="Z17" s="169">
        <v>0</v>
      </c>
      <c r="AA17" s="170">
        <v>3</v>
      </c>
      <c r="AB17" s="439">
        <v>0</v>
      </c>
      <c r="AC17" s="169">
        <v>2</v>
      </c>
      <c r="AD17" s="169">
        <v>0</v>
      </c>
      <c r="AE17" s="169">
        <v>3</v>
      </c>
      <c r="AF17" s="169">
        <v>1</v>
      </c>
      <c r="AG17" s="169">
        <v>1</v>
      </c>
      <c r="AH17" s="170">
        <v>7</v>
      </c>
      <c r="AI17" s="171">
        <v>10</v>
      </c>
      <c r="AJ17" s="168">
        <v>1</v>
      </c>
      <c r="AK17" s="169">
        <v>1</v>
      </c>
      <c r="AL17" s="170">
        <v>2</v>
      </c>
      <c r="AM17" s="439">
        <v>0</v>
      </c>
      <c r="AN17" s="169">
        <v>4</v>
      </c>
      <c r="AO17" s="169">
        <v>3</v>
      </c>
      <c r="AP17" s="169">
        <v>6</v>
      </c>
      <c r="AQ17" s="169">
        <v>0</v>
      </c>
      <c r="AR17" s="169">
        <v>1</v>
      </c>
      <c r="AS17" s="170">
        <v>14</v>
      </c>
      <c r="AT17" s="171">
        <v>16</v>
      </c>
      <c r="AU17" s="168">
        <v>4</v>
      </c>
      <c r="AV17" s="169">
        <v>7</v>
      </c>
      <c r="AW17" s="170">
        <v>11</v>
      </c>
      <c r="AX17" s="439">
        <v>0</v>
      </c>
      <c r="AY17" s="169">
        <v>18</v>
      </c>
      <c r="AZ17" s="169">
        <v>9</v>
      </c>
      <c r="BA17" s="169">
        <v>9</v>
      </c>
      <c r="BB17" s="169">
        <v>7</v>
      </c>
      <c r="BC17" s="169">
        <v>6</v>
      </c>
      <c r="BD17" s="170">
        <v>49</v>
      </c>
      <c r="BE17" s="171">
        <v>60</v>
      </c>
      <c r="BF17" s="168">
        <v>19</v>
      </c>
      <c r="BG17" s="169">
        <v>15</v>
      </c>
      <c r="BH17" s="170">
        <v>34</v>
      </c>
      <c r="BI17" s="439">
        <v>0</v>
      </c>
      <c r="BJ17" s="169">
        <v>24</v>
      </c>
      <c r="BK17" s="169">
        <v>25</v>
      </c>
      <c r="BL17" s="169">
        <v>19</v>
      </c>
      <c r="BM17" s="169">
        <v>12</v>
      </c>
      <c r="BN17" s="169">
        <v>6</v>
      </c>
      <c r="BO17" s="170">
        <v>86</v>
      </c>
      <c r="BP17" s="171">
        <v>120</v>
      </c>
      <c r="BQ17" s="168">
        <v>10</v>
      </c>
      <c r="BR17" s="169">
        <v>10</v>
      </c>
      <c r="BS17" s="170">
        <v>20</v>
      </c>
      <c r="BT17" s="439">
        <v>0</v>
      </c>
      <c r="BU17" s="169">
        <v>29</v>
      </c>
      <c r="BV17" s="169">
        <v>32</v>
      </c>
      <c r="BW17" s="169">
        <v>20</v>
      </c>
      <c r="BX17" s="169">
        <v>15</v>
      </c>
      <c r="BY17" s="169">
        <v>11</v>
      </c>
      <c r="BZ17" s="170">
        <v>107</v>
      </c>
      <c r="CA17" s="171">
        <v>127</v>
      </c>
      <c r="CB17" s="168">
        <v>0</v>
      </c>
      <c r="CC17" s="169">
        <v>0</v>
      </c>
      <c r="CD17" s="170">
        <v>0</v>
      </c>
      <c r="CE17" s="439">
        <v>0</v>
      </c>
      <c r="CF17" s="169">
        <v>0</v>
      </c>
      <c r="CG17" s="169">
        <v>0</v>
      </c>
      <c r="CH17" s="169">
        <v>0</v>
      </c>
      <c r="CI17" s="169">
        <v>0</v>
      </c>
      <c r="CJ17" s="169">
        <v>0</v>
      </c>
      <c r="CK17" s="170">
        <v>0</v>
      </c>
      <c r="CL17" s="171">
        <v>0</v>
      </c>
      <c r="CM17" s="168">
        <v>38</v>
      </c>
      <c r="CN17" s="169">
        <v>33</v>
      </c>
      <c r="CO17" s="170">
        <v>71</v>
      </c>
      <c r="CP17" s="439">
        <v>0</v>
      </c>
      <c r="CQ17" s="169">
        <v>78</v>
      </c>
      <c r="CR17" s="169">
        <v>70</v>
      </c>
      <c r="CS17" s="169">
        <v>57</v>
      </c>
      <c r="CT17" s="169">
        <v>35</v>
      </c>
      <c r="CU17" s="169">
        <v>25</v>
      </c>
      <c r="CV17" s="170">
        <v>265</v>
      </c>
      <c r="CW17" s="171">
        <v>336</v>
      </c>
      <c r="CX17" s="172">
        <v>9</v>
      </c>
      <c r="CY17" s="164">
        <v>5</v>
      </c>
      <c r="CZ17" s="165">
        <v>14</v>
      </c>
      <c r="DA17" s="439">
        <v>0</v>
      </c>
      <c r="DB17" s="164">
        <v>11</v>
      </c>
      <c r="DC17" s="164">
        <v>8</v>
      </c>
      <c r="DD17" s="164">
        <v>4</v>
      </c>
      <c r="DE17" s="164">
        <v>7</v>
      </c>
      <c r="DF17" s="164">
        <v>3</v>
      </c>
      <c r="DG17" s="166">
        <v>33</v>
      </c>
      <c r="DH17" s="167">
        <v>47</v>
      </c>
      <c r="DI17" s="168">
        <v>0</v>
      </c>
      <c r="DJ17" s="169">
        <v>0</v>
      </c>
      <c r="DK17" s="170">
        <v>0</v>
      </c>
      <c r="DL17" s="439">
        <v>0</v>
      </c>
      <c r="DM17" s="169">
        <v>0</v>
      </c>
      <c r="DN17" s="169">
        <v>0</v>
      </c>
      <c r="DO17" s="169">
        <v>0</v>
      </c>
      <c r="DP17" s="169">
        <v>0</v>
      </c>
      <c r="DQ17" s="169">
        <v>0</v>
      </c>
      <c r="DR17" s="170">
        <v>0</v>
      </c>
      <c r="DS17" s="171">
        <v>0</v>
      </c>
      <c r="DT17" s="168">
        <v>0</v>
      </c>
      <c r="DU17" s="169">
        <v>0</v>
      </c>
      <c r="DV17" s="170">
        <v>0</v>
      </c>
      <c r="DW17" s="439">
        <v>0</v>
      </c>
      <c r="DX17" s="169">
        <v>0</v>
      </c>
      <c r="DY17" s="169">
        <v>0</v>
      </c>
      <c r="DZ17" s="169">
        <v>1</v>
      </c>
      <c r="EA17" s="169">
        <v>0</v>
      </c>
      <c r="EB17" s="169">
        <v>0</v>
      </c>
      <c r="EC17" s="170">
        <v>1</v>
      </c>
      <c r="ED17" s="171">
        <v>1</v>
      </c>
      <c r="EE17" s="168">
        <v>1</v>
      </c>
      <c r="EF17" s="169">
        <v>0</v>
      </c>
      <c r="EG17" s="170">
        <v>1</v>
      </c>
      <c r="EH17" s="439">
        <v>0</v>
      </c>
      <c r="EI17" s="169">
        <v>4</v>
      </c>
      <c r="EJ17" s="169">
        <v>0</v>
      </c>
      <c r="EK17" s="169">
        <v>0</v>
      </c>
      <c r="EL17" s="169">
        <v>0</v>
      </c>
      <c r="EM17" s="169">
        <v>0</v>
      </c>
      <c r="EN17" s="170">
        <v>4</v>
      </c>
      <c r="EO17" s="171">
        <v>5</v>
      </c>
      <c r="EP17" s="168">
        <v>3</v>
      </c>
      <c r="EQ17" s="169">
        <v>2</v>
      </c>
      <c r="ER17" s="170">
        <v>5</v>
      </c>
      <c r="ES17" s="439">
        <v>0</v>
      </c>
      <c r="ET17" s="169">
        <v>2</v>
      </c>
      <c r="EU17" s="169">
        <v>1</v>
      </c>
      <c r="EV17" s="169">
        <v>1</v>
      </c>
      <c r="EW17" s="169">
        <v>1</v>
      </c>
      <c r="EX17" s="169">
        <v>0</v>
      </c>
      <c r="EY17" s="170">
        <v>5</v>
      </c>
      <c r="EZ17" s="171">
        <v>10</v>
      </c>
      <c r="FA17" s="168">
        <v>1</v>
      </c>
      <c r="FB17" s="169">
        <v>3</v>
      </c>
      <c r="FC17" s="170">
        <v>4</v>
      </c>
      <c r="FD17" s="439">
        <v>0</v>
      </c>
      <c r="FE17" s="169">
        <v>2</v>
      </c>
      <c r="FF17" s="169">
        <v>3</v>
      </c>
      <c r="FG17" s="169">
        <v>1</v>
      </c>
      <c r="FH17" s="169">
        <v>2</v>
      </c>
      <c r="FI17" s="169">
        <v>0</v>
      </c>
      <c r="FJ17" s="170">
        <v>8</v>
      </c>
      <c r="FK17" s="171">
        <v>12</v>
      </c>
      <c r="FL17" s="168">
        <v>4</v>
      </c>
      <c r="FM17" s="169">
        <v>0</v>
      </c>
      <c r="FN17" s="170">
        <v>4</v>
      </c>
      <c r="FO17" s="439">
        <v>0</v>
      </c>
      <c r="FP17" s="169">
        <v>3</v>
      </c>
      <c r="FQ17" s="169">
        <v>4</v>
      </c>
      <c r="FR17" s="169">
        <v>1</v>
      </c>
      <c r="FS17" s="169">
        <v>4</v>
      </c>
      <c r="FT17" s="169">
        <v>3</v>
      </c>
      <c r="FU17" s="170">
        <v>15</v>
      </c>
      <c r="FV17" s="171">
        <v>19</v>
      </c>
      <c r="FW17" s="168">
        <v>0</v>
      </c>
      <c r="FX17" s="169">
        <v>0</v>
      </c>
      <c r="FY17" s="170">
        <v>0</v>
      </c>
      <c r="FZ17" s="439">
        <v>0</v>
      </c>
      <c r="GA17" s="169">
        <v>0</v>
      </c>
      <c r="GB17" s="169">
        <v>0</v>
      </c>
      <c r="GC17" s="169">
        <v>0</v>
      </c>
      <c r="GD17" s="169">
        <v>0</v>
      </c>
      <c r="GE17" s="169">
        <v>0</v>
      </c>
      <c r="GF17" s="170">
        <v>0</v>
      </c>
      <c r="GG17" s="171">
        <v>0</v>
      </c>
      <c r="GH17" s="168">
        <v>9</v>
      </c>
      <c r="GI17" s="169">
        <v>5</v>
      </c>
      <c r="GJ17" s="170">
        <v>14</v>
      </c>
      <c r="GK17" s="439">
        <v>0</v>
      </c>
      <c r="GL17" s="169">
        <v>11</v>
      </c>
      <c r="GM17" s="169">
        <v>8</v>
      </c>
      <c r="GN17" s="169">
        <v>4</v>
      </c>
      <c r="GO17" s="169">
        <v>7</v>
      </c>
      <c r="GP17" s="169">
        <v>3</v>
      </c>
      <c r="GQ17" s="170">
        <v>33</v>
      </c>
      <c r="GR17" s="171">
        <v>47</v>
      </c>
      <c r="GS17" s="172">
        <v>47</v>
      </c>
      <c r="GT17" s="164">
        <v>38</v>
      </c>
      <c r="GU17" s="165">
        <v>85</v>
      </c>
      <c r="GV17" s="439">
        <v>0</v>
      </c>
      <c r="GW17" s="164">
        <v>89</v>
      </c>
      <c r="GX17" s="164">
        <v>78</v>
      </c>
      <c r="GY17" s="164">
        <v>61</v>
      </c>
      <c r="GZ17" s="164">
        <v>42</v>
      </c>
      <c r="HA17" s="164">
        <v>28</v>
      </c>
      <c r="HB17" s="166">
        <v>298</v>
      </c>
      <c r="HC17" s="167">
        <v>383</v>
      </c>
      <c r="HD17" s="168">
        <v>1</v>
      </c>
      <c r="HE17" s="169">
        <v>0</v>
      </c>
      <c r="HF17" s="170">
        <v>1</v>
      </c>
      <c r="HG17" s="439">
        <v>0</v>
      </c>
      <c r="HH17" s="169">
        <v>1</v>
      </c>
      <c r="HI17" s="169">
        <v>1</v>
      </c>
      <c r="HJ17" s="169">
        <v>0</v>
      </c>
      <c r="HK17" s="169">
        <v>0</v>
      </c>
      <c r="HL17" s="169">
        <v>0</v>
      </c>
      <c r="HM17" s="170">
        <v>2</v>
      </c>
      <c r="HN17" s="171">
        <v>3</v>
      </c>
      <c r="HO17" s="168">
        <v>3</v>
      </c>
      <c r="HP17" s="169">
        <v>0</v>
      </c>
      <c r="HQ17" s="170">
        <v>3</v>
      </c>
      <c r="HR17" s="439">
        <v>0</v>
      </c>
      <c r="HS17" s="169">
        <v>2</v>
      </c>
      <c r="HT17" s="169">
        <v>0</v>
      </c>
      <c r="HU17" s="169">
        <v>4</v>
      </c>
      <c r="HV17" s="169">
        <v>1</v>
      </c>
      <c r="HW17" s="169">
        <v>1</v>
      </c>
      <c r="HX17" s="170">
        <v>8</v>
      </c>
      <c r="HY17" s="171">
        <v>11</v>
      </c>
      <c r="HZ17" s="168">
        <v>2</v>
      </c>
      <c r="IA17" s="169">
        <v>1</v>
      </c>
      <c r="IB17" s="170">
        <v>3</v>
      </c>
      <c r="IC17" s="439">
        <v>0</v>
      </c>
      <c r="ID17" s="169">
        <v>8</v>
      </c>
      <c r="IE17" s="169">
        <v>3</v>
      </c>
      <c r="IF17" s="169">
        <v>6</v>
      </c>
      <c r="IG17" s="169">
        <v>0</v>
      </c>
      <c r="IH17" s="169">
        <v>1</v>
      </c>
      <c r="II17" s="170">
        <v>18</v>
      </c>
      <c r="IJ17" s="171">
        <v>21</v>
      </c>
      <c r="IK17" s="168">
        <v>7</v>
      </c>
      <c r="IL17" s="169">
        <v>9</v>
      </c>
      <c r="IM17" s="170">
        <v>16</v>
      </c>
      <c r="IN17" s="439">
        <v>0</v>
      </c>
      <c r="IO17" s="169">
        <v>20</v>
      </c>
      <c r="IP17" s="169">
        <v>10</v>
      </c>
      <c r="IQ17" s="169">
        <v>10</v>
      </c>
      <c r="IR17" s="169">
        <v>8</v>
      </c>
      <c r="IS17" s="169">
        <v>6</v>
      </c>
      <c r="IT17" s="170">
        <v>54</v>
      </c>
      <c r="IU17" s="171">
        <v>70</v>
      </c>
      <c r="IV17" s="168">
        <v>20</v>
      </c>
      <c r="IW17" s="169">
        <v>18</v>
      </c>
      <c r="IX17" s="170">
        <v>38</v>
      </c>
      <c r="IY17" s="439">
        <v>0</v>
      </c>
      <c r="IZ17" s="169">
        <v>26</v>
      </c>
      <c r="JA17" s="169">
        <v>28</v>
      </c>
      <c r="JB17" s="169">
        <v>20</v>
      </c>
      <c r="JC17" s="169">
        <v>14</v>
      </c>
      <c r="JD17" s="169">
        <v>6</v>
      </c>
      <c r="JE17" s="170">
        <v>94</v>
      </c>
      <c r="JF17" s="171">
        <v>132</v>
      </c>
      <c r="JG17" s="168">
        <v>14</v>
      </c>
      <c r="JH17" s="169">
        <v>10</v>
      </c>
      <c r="JI17" s="170">
        <v>24</v>
      </c>
      <c r="JJ17" s="439">
        <v>0</v>
      </c>
      <c r="JK17" s="169">
        <v>32</v>
      </c>
      <c r="JL17" s="169">
        <v>36</v>
      </c>
      <c r="JM17" s="169">
        <v>21</v>
      </c>
      <c r="JN17" s="169">
        <v>19</v>
      </c>
      <c r="JO17" s="169">
        <v>14</v>
      </c>
      <c r="JP17" s="170">
        <v>122</v>
      </c>
      <c r="JQ17" s="171">
        <v>146</v>
      </c>
      <c r="JR17" s="168">
        <v>0</v>
      </c>
      <c r="JS17" s="169">
        <v>0</v>
      </c>
      <c r="JT17" s="170">
        <v>0</v>
      </c>
      <c r="JU17" s="439">
        <v>0</v>
      </c>
      <c r="JV17" s="169">
        <v>0</v>
      </c>
      <c r="JW17" s="169">
        <v>0</v>
      </c>
      <c r="JX17" s="169">
        <v>0</v>
      </c>
      <c r="JY17" s="169">
        <v>0</v>
      </c>
      <c r="JZ17" s="169">
        <v>0</v>
      </c>
      <c r="KA17" s="170">
        <v>0</v>
      </c>
      <c r="KB17" s="171">
        <v>0</v>
      </c>
      <c r="KC17" s="168">
        <v>47</v>
      </c>
      <c r="KD17" s="169">
        <v>38</v>
      </c>
      <c r="KE17" s="170">
        <v>85</v>
      </c>
      <c r="KF17" s="439">
        <v>0</v>
      </c>
      <c r="KG17" s="169">
        <v>89</v>
      </c>
      <c r="KH17" s="169">
        <v>78</v>
      </c>
      <c r="KI17" s="169">
        <v>61</v>
      </c>
      <c r="KJ17" s="169">
        <v>42</v>
      </c>
      <c r="KK17" s="169">
        <v>28</v>
      </c>
      <c r="KL17" s="170">
        <v>298</v>
      </c>
      <c r="KM17" s="171">
        <v>383</v>
      </c>
    </row>
    <row r="18" spans="2:299" s="137" customFormat="1" ht="21" customHeight="1" x14ac:dyDescent="0.2">
      <c r="B18" s="173" t="s">
        <v>15</v>
      </c>
      <c r="C18" s="163">
        <v>21</v>
      </c>
      <c r="D18" s="164">
        <v>29</v>
      </c>
      <c r="E18" s="165">
        <v>50</v>
      </c>
      <c r="F18" s="439">
        <v>0</v>
      </c>
      <c r="G18" s="164">
        <v>36</v>
      </c>
      <c r="H18" s="164">
        <v>23</v>
      </c>
      <c r="I18" s="164">
        <v>23</v>
      </c>
      <c r="J18" s="164">
        <v>25</v>
      </c>
      <c r="K18" s="164">
        <v>5</v>
      </c>
      <c r="L18" s="166">
        <v>112</v>
      </c>
      <c r="M18" s="167">
        <v>162</v>
      </c>
      <c r="N18" s="168">
        <v>0</v>
      </c>
      <c r="O18" s="169">
        <v>1</v>
      </c>
      <c r="P18" s="170">
        <v>1</v>
      </c>
      <c r="Q18" s="439">
        <v>0</v>
      </c>
      <c r="R18" s="169">
        <v>1</v>
      </c>
      <c r="S18" s="169">
        <v>0</v>
      </c>
      <c r="T18" s="169">
        <v>0</v>
      </c>
      <c r="U18" s="169">
        <v>1</v>
      </c>
      <c r="V18" s="169">
        <v>0</v>
      </c>
      <c r="W18" s="170">
        <v>2</v>
      </c>
      <c r="X18" s="171">
        <v>3</v>
      </c>
      <c r="Y18" s="168">
        <v>2</v>
      </c>
      <c r="Z18" s="169">
        <v>2</v>
      </c>
      <c r="AA18" s="170">
        <v>4</v>
      </c>
      <c r="AB18" s="439">
        <v>0</v>
      </c>
      <c r="AC18" s="169">
        <v>2</v>
      </c>
      <c r="AD18" s="169">
        <v>2</v>
      </c>
      <c r="AE18" s="169">
        <v>2</v>
      </c>
      <c r="AF18" s="169">
        <v>2</v>
      </c>
      <c r="AG18" s="169">
        <v>2</v>
      </c>
      <c r="AH18" s="170">
        <v>10</v>
      </c>
      <c r="AI18" s="171">
        <v>14</v>
      </c>
      <c r="AJ18" s="168">
        <v>3</v>
      </c>
      <c r="AK18" s="169">
        <v>2</v>
      </c>
      <c r="AL18" s="170">
        <v>5</v>
      </c>
      <c r="AM18" s="439">
        <v>0</v>
      </c>
      <c r="AN18" s="169">
        <v>5</v>
      </c>
      <c r="AO18" s="169">
        <v>7</v>
      </c>
      <c r="AP18" s="169">
        <v>2</v>
      </c>
      <c r="AQ18" s="169">
        <v>2</v>
      </c>
      <c r="AR18" s="169">
        <v>1</v>
      </c>
      <c r="AS18" s="170">
        <v>17</v>
      </c>
      <c r="AT18" s="171">
        <v>22</v>
      </c>
      <c r="AU18" s="168">
        <v>8</v>
      </c>
      <c r="AV18" s="169">
        <v>3</v>
      </c>
      <c r="AW18" s="170">
        <v>11</v>
      </c>
      <c r="AX18" s="439">
        <v>0</v>
      </c>
      <c r="AY18" s="169">
        <v>10</v>
      </c>
      <c r="AZ18" s="169">
        <v>4</v>
      </c>
      <c r="BA18" s="169">
        <v>5</v>
      </c>
      <c r="BB18" s="169">
        <v>2</v>
      </c>
      <c r="BC18" s="169">
        <v>1</v>
      </c>
      <c r="BD18" s="170">
        <v>22</v>
      </c>
      <c r="BE18" s="171">
        <v>33</v>
      </c>
      <c r="BF18" s="168">
        <v>2</v>
      </c>
      <c r="BG18" s="169">
        <v>11</v>
      </c>
      <c r="BH18" s="170">
        <v>13</v>
      </c>
      <c r="BI18" s="439">
        <v>0</v>
      </c>
      <c r="BJ18" s="169">
        <v>8</v>
      </c>
      <c r="BK18" s="169">
        <v>2</v>
      </c>
      <c r="BL18" s="169">
        <v>6</v>
      </c>
      <c r="BM18" s="169">
        <v>6</v>
      </c>
      <c r="BN18" s="169">
        <v>1</v>
      </c>
      <c r="BO18" s="170">
        <v>23</v>
      </c>
      <c r="BP18" s="171">
        <v>36</v>
      </c>
      <c r="BQ18" s="168">
        <v>6</v>
      </c>
      <c r="BR18" s="169">
        <v>10</v>
      </c>
      <c r="BS18" s="170">
        <v>16</v>
      </c>
      <c r="BT18" s="439">
        <v>0</v>
      </c>
      <c r="BU18" s="169">
        <v>10</v>
      </c>
      <c r="BV18" s="169">
        <v>8</v>
      </c>
      <c r="BW18" s="169">
        <v>8</v>
      </c>
      <c r="BX18" s="169">
        <v>12</v>
      </c>
      <c r="BY18" s="169">
        <v>0</v>
      </c>
      <c r="BZ18" s="170">
        <v>38</v>
      </c>
      <c r="CA18" s="171">
        <v>54</v>
      </c>
      <c r="CB18" s="168">
        <v>0</v>
      </c>
      <c r="CC18" s="169">
        <v>0</v>
      </c>
      <c r="CD18" s="170">
        <v>0</v>
      </c>
      <c r="CE18" s="439">
        <v>0</v>
      </c>
      <c r="CF18" s="169">
        <v>0</v>
      </c>
      <c r="CG18" s="169">
        <v>0</v>
      </c>
      <c r="CH18" s="169">
        <v>0</v>
      </c>
      <c r="CI18" s="169">
        <v>0</v>
      </c>
      <c r="CJ18" s="169">
        <v>0</v>
      </c>
      <c r="CK18" s="170">
        <v>0</v>
      </c>
      <c r="CL18" s="171">
        <v>0</v>
      </c>
      <c r="CM18" s="168">
        <v>21</v>
      </c>
      <c r="CN18" s="169">
        <v>29</v>
      </c>
      <c r="CO18" s="170">
        <v>50</v>
      </c>
      <c r="CP18" s="439">
        <v>0</v>
      </c>
      <c r="CQ18" s="169">
        <v>36</v>
      </c>
      <c r="CR18" s="169">
        <v>23</v>
      </c>
      <c r="CS18" s="169">
        <v>23</v>
      </c>
      <c r="CT18" s="169">
        <v>25</v>
      </c>
      <c r="CU18" s="169">
        <v>5</v>
      </c>
      <c r="CV18" s="170">
        <v>112</v>
      </c>
      <c r="CW18" s="171">
        <v>162</v>
      </c>
      <c r="CX18" s="172">
        <v>5</v>
      </c>
      <c r="CY18" s="164">
        <v>7</v>
      </c>
      <c r="CZ18" s="165">
        <v>12</v>
      </c>
      <c r="DA18" s="439">
        <v>0</v>
      </c>
      <c r="DB18" s="164">
        <v>6</v>
      </c>
      <c r="DC18" s="164">
        <v>6</v>
      </c>
      <c r="DD18" s="164">
        <v>1</v>
      </c>
      <c r="DE18" s="164">
        <v>5</v>
      </c>
      <c r="DF18" s="164">
        <v>1</v>
      </c>
      <c r="DG18" s="166">
        <v>19</v>
      </c>
      <c r="DH18" s="167">
        <v>31</v>
      </c>
      <c r="DI18" s="168">
        <v>0</v>
      </c>
      <c r="DJ18" s="169">
        <v>1</v>
      </c>
      <c r="DK18" s="170">
        <v>1</v>
      </c>
      <c r="DL18" s="439">
        <v>0</v>
      </c>
      <c r="DM18" s="169">
        <v>1</v>
      </c>
      <c r="DN18" s="169">
        <v>0</v>
      </c>
      <c r="DO18" s="169">
        <v>0</v>
      </c>
      <c r="DP18" s="169">
        <v>0</v>
      </c>
      <c r="DQ18" s="169">
        <v>0</v>
      </c>
      <c r="DR18" s="170">
        <v>1</v>
      </c>
      <c r="DS18" s="171">
        <v>2</v>
      </c>
      <c r="DT18" s="168">
        <v>1</v>
      </c>
      <c r="DU18" s="169">
        <v>0</v>
      </c>
      <c r="DV18" s="170">
        <v>1</v>
      </c>
      <c r="DW18" s="439">
        <v>0</v>
      </c>
      <c r="DX18" s="169">
        <v>1</v>
      </c>
      <c r="DY18" s="169">
        <v>0</v>
      </c>
      <c r="DZ18" s="169">
        <v>0</v>
      </c>
      <c r="EA18" s="169">
        <v>0</v>
      </c>
      <c r="EB18" s="169">
        <v>0</v>
      </c>
      <c r="EC18" s="170">
        <v>1</v>
      </c>
      <c r="ED18" s="171">
        <v>2</v>
      </c>
      <c r="EE18" s="168">
        <v>1</v>
      </c>
      <c r="EF18" s="169">
        <v>3</v>
      </c>
      <c r="EG18" s="170">
        <v>4</v>
      </c>
      <c r="EH18" s="439">
        <v>0</v>
      </c>
      <c r="EI18" s="169">
        <v>0</v>
      </c>
      <c r="EJ18" s="169">
        <v>0</v>
      </c>
      <c r="EK18" s="169">
        <v>0</v>
      </c>
      <c r="EL18" s="169">
        <v>0</v>
      </c>
      <c r="EM18" s="169">
        <v>0</v>
      </c>
      <c r="EN18" s="170">
        <v>0</v>
      </c>
      <c r="EO18" s="171">
        <v>4</v>
      </c>
      <c r="EP18" s="168">
        <v>0</v>
      </c>
      <c r="EQ18" s="169">
        <v>1</v>
      </c>
      <c r="ER18" s="170">
        <v>1</v>
      </c>
      <c r="ES18" s="439">
        <v>0</v>
      </c>
      <c r="ET18" s="169">
        <v>1</v>
      </c>
      <c r="EU18" s="169">
        <v>1</v>
      </c>
      <c r="EV18" s="169">
        <v>0</v>
      </c>
      <c r="EW18" s="169">
        <v>1</v>
      </c>
      <c r="EX18" s="169">
        <v>0</v>
      </c>
      <c r="EY18" s="170">
        <v>3</v>
      </c>
      <c r="EZ18" s="171">
        <v>4</v>
      </c>
      <c r="FA18" s="168">
        <v>2</v>
      </c>
      <c r="FB18" s="169">
        <v>1</v>
      </c>
      <c r="FC18" s="170">
        <v>3</v>
      </c>
      <c r="FD18" s="439">
        <v>0</v>
      </c>
      <c r="FE18" s="169">
        <v>1</v>
      </c>
      <c r="FF18" s="169">
        <v>2</v>
      </c>
      <c r="FG18" s="169">
        <v>0</v>
      </c>
      <c r="FH18" s="169">
        <v>1</v>
      </c>
      <c r="FI18" s="169">
        <v>1</v>
      </c>
      <c r="FJ18" s="170">
        <v>5</v>
      </c>
      <c r="FK18" s="171">
        <v>8</v>
      </c>
      <c r="FL18" s="168">
        <v>1</v>
      </c>
      <c r="FM18" s="169">
        <v>1</v>
      </c>
      <c r="FN18" s="170">
        <v>2</v>
      </c>
      <c r="FO18" s="439">
        <v>0</v>
      </c>
      <c r="FP18" s="169">
        <v>2</v>
      </c>
      <c r="FQ18" s="169">
        <v>3</v>
      </c>
      <c r="FR18" s="169">
        <v>1</v>
      </c>
      <c r="FS18" s="169">
        <v>3</v>
      </c>
      <c r="FT18" s="169">
        <v>0</v>
      </c>
      <c r="FU18" s="170">
        <v>9</v>
      </c>
      <c r="FV18" s="171">
        <v>11</v>
      </c>
      <c r="FW18" s="168">
        <v>0</v>
      </c>
      <c r="FX18" s="169">
        <v>0</v>
      </c>
      <c r="FY18" s="170">
        <v>0</v>
      </c>
      <c r="FZ18" s="439">
        <v>0</v>
      </c>
      <c r="GA18" s="169">
        <v>0</v>
      </c>
      <c r="GB18" s="169">
        <v>0</v>
      </c>
      <c r="GC18" s="169">
        <v>0</v>
      </c>
      <c r="GD18" s="169">
        <v>0</v>
      </c>
      <c r="GE18" s="169">
        <v>0</v>
      </c>
      <c r="GF18" s="170">
        <v>0</v>
      </c>
      <c r="GG18" s="171">
        <v>0</v>
      </c>
      <c r="GH18" s="168">
        <v>5</v>
      </c>
      <c r="GI18" s="169">
        <v>7</v>
      </c>
      <c r="GJ18" s="170">
        <v>12</v>
      </c>
      <c r="GK18" s="439">
        <v>0</v>
      </c>
      <c r="GL18" s="169">
        <v>6</v>
      </c>
      <c r="GM18" s="169">
        <v>6</v>
      </c>
      <c r="GN18" s="169">
        <v>1</v>
      </c>
      <c r="GO18" s="169">
        <v>5</v>
      </c>
      <c r="GP18" s="169">
        <v>1</v>
      </c>
      <c r="GQ18" s="170">
        <v>19</v>
      </c>
      <c r="GR18" s="171">
        <v>31</v>
      </c>
      <c r="GS18" s="172">
        <v>26</v>
      </c>
      <c r="GT18" s="164">
        <v>36</v>
      </c>
      <c r="GU18" s="165">
        <v>62</v>
      </c>
      <c r="GV18" s="439">
        <v>0</v>
      </c>
      <c r="GW18" s="164">
        <v>42</v>
      </c>
      <c r="GX18" s="164">
        <v>29</v>
      </c>
      <c r="GY18" s="164">
        <v>24</v>
      </c>
      <c r="GZ18" s="164">
        <v>30</v>
      </c>
      <c r="HA18" s="164">
        <v>6</v>
      </c>
      <c r="HB18" s="166">
        <v>131</v>
      </c>
      <c r="HC18" s="167">
        <v>193</v>
      </c>
      <c r="HD18" s="168">
        <v>0</v>
      </c>
      <c r="HE18" s="169">
        <v>2</v>
      </c>
      <c r="HF18" s="170">
        <v>2</v>
      </c>
      <c r="HG18" s="439">
        <v>0</v>
      </c>
      <c r="HH18" s="169">
        <v>2</v>
      </c>
      <c r="HI18" s="169">
        <v>0</v>
      </c>
      <c r="HJ18" s="169">
        <v>0</v>
      </c>
      <c r="HK18" s="169">
        <v>1</v>
      </c>
      <c r="HL18" s="169">
        <v>0</v>
      </c>
      <c r="HM18" s="170">
        <v>3</v>
      </c>
      <c r="HN18" s="171">
        <v>5</v>
      </c>
      <c r="HO18" s="168">
        <v>3</v>
      </c>
      <c r="HP18" s="169">
        <v>2</v>
      </c>
      <c r="HQ18" s="170">
        <v>5</v>
      </c>
      <c r="HR18" s="439">
        <v>0</v>
      </c>
      <c r="HS18" s="169">
        <v>3</v>
      </c>
      <c r="HT18" s="169">
        <v>2</v>
      </c>
      <c r="HU18" s="169">
        <v>2</v>
      </c>
      <c r="HV18" s="169">
        <v>2</v>
      </c>
      <c r="HW18" s="169">
        <v>2</v>
      </c>
      <c r="HX18" s="170">
        <v>11</v>
      </c>
      <c r="HY18" s="171">
        <v>16</v>
      </c>
      <c r="HZ18" s="168">
        <v>4</v>
      </c>
      <c r="IA18" s="169">
        <v>5</v>
      </c>
      <c r="IB18" s="170">
        <v>9</v>
      </c>
      <c r="IC18" s="439">
        <v>0</v>
      </c>
      <c r="ID18" s="169">
        <v>5</v>
      </c>
      <c r="IE18" s="169">
        <v>7</v>
      </c>
      <c r="IF18" s="169">
        <v>2</v>
      </c>
      <c r="IG18" s="169">
        <v>2</v>
      </c>
      <c r="IH18" s="169">
        <v>1</v>
      </c>
      <c r="II18" s="170">
        <v>17</v>
      </c>
      <c r="IJ18" s="171">
        <v>26</v>
      </c>
      <c r="IK18" s="168">
        <v>8</v>
      </c>
      <c r="IL18" s="169">
        <v>4</v>
      </c>
      <c r="IM18" s="170">
        <v>12</v>
      </c>
      <c r="IN18" s="439">
        <v>0</v>
      </c>
      <c r="IO18" s="169">
        <v>11</v>
      </c>
      <c r="IP18" s="169">
        <v>5</v>
      </c>
      <c r="IQ18" s="169">
        <v>5</v>
      </c>
      <c r="IR18" s="169">
        <v>3</v>
      </c>
      <c r="IS18" s="169">
        <v>1</v>
      </c>
      <c r="IT18" s="170">
        <v>25</v>
      </c>
      <c r="IU18" s="171">
        <v>37</v>
      </c>
      <c r="IV18" s="168">
        <v>4</v>
      </c>
      <c r="IW18" s="169">
        <v>12</v>
      </c>
      <c r="IX18" s="170">
        <v>16</v>
      </c>
      <c r="IY18" s="439">
        <v>0</v>
      </c>
      <c r="IZ18" s="169">
        <v>9</v>
      </c>
      <c r="JA18" s="169">
        <v>4</v>
      </c>
      <c r="JB18" s="169">
        <v>6</v>
      </c>
      <c r="JC18" s="169">
        <v>7</v>
      </c>
      <c r="JD18" s="169">
        <v>2</v>
      </c>
      <c r="JE18" s="170">
        <v>28</v>
      </c>
      <c r="JF18" s="171">
        <v>44</v>
      </c>
      <c r="JG18" s="168">
        <v>7</v>
      </c>
      <c r="JH18" s="169">
        <v>11</v>
      </c>
      <c r="JI18" s="170">
        <v>18</v>
      </c>
      <c r="JJ18" s="439">
        <v>0</v>
      </c>
      <c r="JK18" s="169">
        <v>12</v>
      </c>
      <c r="JL18" s="169">
        <v>11</v>
      </c>
      <c r="JM18" s="169">
        <v>9</v>
      </c>
      <c r="JN18" s="169">
        <v>15</v>
      </c>
      <c r="JO18" s="169">
        <v>0</v>
      </c>
      <c r="JP18" s="170">
        <v>47</v>
      </c>
      <c r="JQ18" s="171">
        <v>65</v>
      </c>
      <c r="JR18" s="168">
        <v>0</v>
      </c>
      <c r="JS18" s="169">
        <v>0</v>
      </c>
      <c r="JT18" s="170">
        <v>0</v>
      </c>
      <c r="JU18" s="439">
        <v>0</v>
      </c>
      <c r="JV18" s="169">
        <v>0</v>
      </c>
      <c r="JW18" s="169">
        <v>0</v>
      </c>
      <c r="JX18" s="169">
        <v>0</v>
      </c>
      <c r="JY18" s="169">
        <v>0</v>
      </c>
      <c r="JZ18" s="169">
        <v>0</v>
      </c>
      <c r="KA18" s="170">
        <v>0</v>
      </c>
      <c r="KB18" s="171">
        <v>0</v>
      </c>
      <c r="KC18" s="168">
        <v>26</v>
      </c>
      <c r="KD18" s="169">
        <v>36</v>
      </c>
      <c r="KE18" s="170">
        <v>62</v>
      </c>
      <c r="KF18" s="439">
        <v>0</v>
      </c>
      <c r="KG18" s="169">
        <v>42</v>
      </c>
      <c r="KH18" s="169">
        <v>29</v>
      </c>
      <c r="KI18" s="169">
        <v>24</v>
      </c>
      <c r="KJ18" s="169">
        <v>30</v>
      </c>
      <c r="KK18" s="169">
        <v>6</v>
      </c>
      <c r="KL18" s="170">
        <v>131</v>
      </c>
      <c r="KM18" s="171">
        <v>193</v>
      </c>
    </row>
    <row r="19" spans="2:299" s="137" customFormat="1" ht="21" customHeight="1" x14ac:dyDescent="0.2">
      <c r="B19" s="173" t="s">
        <v>16</v>
      </c>
      <c r="C19" s="163">
        <v>39</v>
      </c>
      <c r="D19" s="164">
        <v>46</v>
      </c>
      <c r="E19" s="165">
        <v>85</v>
      </c>
      <c r="F19" s="439">
        <v>0</v>
      </c>
      <c r="G19" s="164">
        <v>71</v>
      </c>
      <c r="H19" s="164">
        <v>105</v>
      </c>
      <c r="I19" s="164">
        <v>54</v>
      </c>
      <c r="J19" s="164">
        <v>33</v>
      </c>
      <c r="K19" s="164">
        <v>26</v>
      </c>
      <c r="L19" s="166">
        <v>289</v>
      </c>
      <c r="M19" s="167">
        <v>374</v>
      </c>
      <c r="N19" s="168">
        <v>1</v>
      </c>
      <c r="O19" s="169">
        <v>0</v>
      </c>
      <c r="P19" s="170">
        <v>1</v>
      </c>
      <c r="Q19" s="439">
        <v>0</v>
      </c>
      <c r="R19" s="169">
        <v>0</v>
      </c>
      <c r="S19" s="169">
        <v>2</v>
      </c>
      <c r="T19" s="169">
        <v>0</v>
      </c>
      <c r="U19" s="169">
        <v>0</v>
      </c>
      <c r="V19" s="169">
        <v>1</v>
      </c>
      <c r="W19" s="170">
        <v>3</v>
      </c>
      <c r="X19" s="171">
        <v>4</v>
      </c>
      <c r="Y19" s="168">
        <v>1</v>
      </c>
      <c r="Z19" s="169">
        <v>3</v>
      </c>
      <c r="AA19" s="170">
        <v>4</v>
      </c>
      <c r="AB19" s="439">
        <v>0</v>
      </c>
      <c r="AC19" s="169">
        <v>7</v>
      </c>
      <c r="AD19" s="169">
        <v>8</v>
      </c>
      <c r="AE19" s="169">
        <v>5</v>
      </c>
      <c r="AF19" s="169">
        <v>1</v>
      </c>
      <c r="AG19" s="169">
        <v>3</v>
      </c>
      <c r="AH19" s="170">
        <v>24</v>
      </c>
      <c r="AI19" s="171">
        <v>28</v>
      </c>
      <c r="AJ19" s="168">
        <v>6</v>
      </c>
      <c r="AK19" s="169">
        <v>4</v>
      </c>
      <c r="AL19" s="170">
        <v>10</v>
      </c>
      <c r="AM19" s="439">
        <v>0</v>
      </c>
      <c r="AN19" s="169">
        <v>6</v>
      </c>
      <c r="AO19" s="169">
        <v>6</v>
      </c>
      <c r="AP19" s="169">
        <v>9</v>
      </c>
      <c r="AQ19" s="169">
        <v>1</v>
      </c>
      <c r="AR19" s="169">
        <v>5</v>
      </c>
      <c r="AS19" s="170">
        <v>27</v>
      </c>
      <c r="AT19" s="171">
        <v>37</v>
      </c>
      <c r="AU19" s="168">
        <v>10</v>
      </c>
      <c r="AV19" s="169">
        <v>7</v>
      </c>
      <c r="AW19" s="170">
        <v>17</v>
      </c>
      <c r="AX19" s="439">
        <v>0</v>
      </c>
      <c r="AY19" s="169">
        <v>13</v>
      </c>
      <c r="AZ19" s="169">
        <v>28</v>
      </c>
      <c r="BA19" s="169">
        <v>9</v>
      </c>
      <c r="BB19" s="169">
        <v>6</v>
      </c>
      <c r="BC19" s="169">
        <v>8</v>
      </c>
      <c r="BD19" s="170">
        <v>64</v>
      </c>
      <c r="BE19" s="171">
        <v>81</v>
      </c>
      <c r="BF19" s="168">
        <v>10</v>
      </c>
      <c r="BG19" s="169">
        <v>18</v>
      </c>
      <c r="BH19" s="170">
        <v>28</v>
      </c>
      <c r="BI19" s="439">
        <v>0</v>
      </c>
      <c r="BJ19" s="169">
        <v>24</v>
      </c>
      <c r="BK19" s="169">
        <v>26</v>
      </c>
      <c r="BL19" s="169">
        <v>11</v>
      </c>
      <c r="BM19" s="169">
        <v>3</v>
      </c>
      <c r="BN19" s="169">
        <v>3</v>
      </c>
      <c r="BO19" s="170">
        <v>67</v>
      </c>
      <c r="BP19" s="171">
        <v>95</v>
      </c>
      <c r="BQ19" s="168">
        <v>11</v>
      </c>
      <c r="BR19" s="169">
        <v>14</v>
      </c>
      <c r="BS19" s="170">
        <v>25</v>
      </c>
      <c r="BT19" s="439">
        <v>0</v>
      </c>
      <c r="BU19" s="169">
        <v>21</v>
      </c>
      <c r="BV19" s="169">
        <v>35</v>
      </c>
      <c r="BW19" s="169">
        <v>20</v>
      </c>
      <c r="BX19" s="169">
        <v>22</v>
      </c>
      <c r="BY19" s="169">
        <v>6</v>
      </c>
      <c r="BZ19" s="170">
        <v>104</v>
      </c>
      <c r="CA19" s="171">
        <v>129</v>
      </c>
      <c r="CB19" s="168">
        <v>0</v>
      </c>
      <c r="CC19" s="169">
        <v>0</v>
      </c>
      <c r="CD19" s="170">
        <v>0</v>
      </c>
      <c r="CE19" s="439">
        <v>0</v>
      </c>
      <c r="CF19" s="169">
        <v>0</v>
      </c>
      <c r="CG19" s="169">
        <v>0</v>
      </c>
      <c r="CH19" s="169">
        <v>0</v>
      </c>
      <c r="CI19" s="169">
        <v>0</v>
      </c>
      <c r="CJ19" s="169">
        <v>0</v>
      </c>
      <c r="CK19" s="170">
        <v>0</v>
      </c>
      <c r="CL19" s="171">
        <v>0</v>
      </c>
      <c r="CM19" s="168">
        <v>39</v>
      </c>
      <c r="CN19" s="169">
        <v>46</v>
      </c>
      <c r="CO19" s="170">
        <v>85</v>
      </c>
      <c r="CP19" s="439">
        <v>0</v>
      </c>
      <c r="CQ19" s="169">
        <v>71</v>
      </c>
      <c r="CR19" s="169">
        <v>105</v>
      </c>
      <c r="CS19" s="169">
        <v>54</v>
      </c>
      <c r="CT19" s="169">
        <v>33</v>
      </c>
      <c r="CU19" s="169">
        <v>26</v>
      </c>
      <c r="CV19" s="170">
        <v>289</v>
      </c>
      <c r="CW19" s="171">
        <v>374</v>
      </c>
      <c r="CX19" s="172">
        <v>9</v>
      </c>
      <c r="CY19" s="164">
        <v>13</v>
      </c>
      <c r="CZ19" s="165">
        <v>22</v>
      </c>
      <c r="DA19" s="439">
        <v>0</v>
      </c>
      <c r="DB19" s="164">
        <v>6</v>
      </c>
      <c r="DC19" s="164">
        <v>10</v>
      </c>
      <c r="DD19" s="164">
        <v>5</v>
      </c>
      <c r="DE19" s="164">
        <v>9</v>
      </c>
      <c r="DF19" s="164">
        <v>7</v>
      </c>
      <c r="DG19" s="166">
        <v>37</v>
      </c>
      <c r="DH19" s="167">
        <v>59</v>
      </c>
      <c r="DI19" s="168">
        <v>0</v>
      </c>
      <c r="DJ19" s="169">
        <v>1</v>
      </c>
      <c r="DK19" s="170">
        <v>1</v>
      </c>
      <c r="DL19" s="439">
        <v>0</v>
      </c>
      <c r="DM19" s="169">
        <v>0</v>
      </c>
      <c r="DN19" s="169">
        <v>0</v>
      </c>
      <c r="DO19" s="169">
        <v>0</v>
      </c>
      <c r="DP19" s="169">
        <v>0</v>
      </c>
      <c r="DQ19" s="169">
        <v>0</v>
      </c>
      <c r="DR19" s="170">
        <v>0</v>
      </c>
      <c r="DS19" s="171">
        <v>1</v>
      </c>
      <c r="DT19" s="168">
        <v>0</v>
      </c>
      <c r="DU19" s="169">
        <v>1</v>
      </c>
      <c r="DV19" s="170">
        <v>1</v>
      </c>
      <c r="DW19" s="439">
        <v>0</v>
      </c>
      <c r="DX19" s="169">
        <v>0</v>
      </c>
      <c r="DY19" s="169">
        <v>1</v>
      </c>
      <c r="DZ19" s="169">
        <v>0</v>
      </c>
      <c r="EA19" s="169">
        <v>0</v>
      </c>
      <c r="EB19" s="169">
        <v>1</v>
      </c>
      <c r="EC19" s="170">
        <v>2</v>
      </c>
      <c r="ED19" s="171">
        <v>3</v>
      </c>
      <c r="EE19" s="168">
        <v>1</v>
      </c>
      <c r="EF19" s="169">
        <v>1</v>
      </c>
      <c r="EG19" s="170">
        <v>2</v>
      </c>
      <c r="EH19" s="439">
        <v>0</v>
      </c>
      <c r="EI19" s="169">
        <v>1</v>
      </c>
      <c r="EJ19" s="169">
        <v>0</v>
      </c>
      <c r="EK19" s="169">
        <v>0</v>
      </c>
      <c r="EL19" s="169">
        <v>1</v>
      </c>
      <c r="EM19" s="169">
        <v>1</v>
      </c>
      <c r="EN19" s="170">
        <v>3</v>
      </c>
      <c r="EO19" s="171">
        <v>5</v>
      </c>
      <c r="EP19" s="168">
        <v>3</v>
      </c>
      <c r="EQ19" s="169">
        <v>2</v>
      </c>
      <c r="ER19" s="170">
        <v>5</v>
      </c>
      <c r="ES19" s="439">
        <v>0</v>
      </c>
      <c r="ET19" s="169">
        <v>3</v>
      </c>
      <c r="EU19" s="169">
        <v>6</v>
      </c>
      <c r="EV19" s="169">
        <v>0</v>
      </c>
      <c r="EW19" s="169">
        <v>1</v>
      </c>
      <c r="EX19" s="169">
        <v>1</v>
      </c>
      <c r="EY19" s="170">
        <v>11</v>
      </c>
      <c r="EZ19" s="171">
        <v>16</v>
      </c>
      <c r="FA19" s="168">
        <v>4</v>
      </c>
      <c r="FB19" s="169">
        <v>6</v>
      </c>
      <c r="FC19" s="170">
        <v>10</v>
      </c>
      <c r="FD19" s="439">
        <v>0</v>
      </c>
      <c r="FE19" s="169">
        <v>0</v>
      </c>
      <c r="FF19" s="169">
        <v>1</v>
      </c>
      <c r="FG19" s="169">
        <v>3</v>
      </c>
      <c r="FH19" s="169">
        <v>3</v>
      </c>
      <c r="FI19" s="169">
        <v>1</v>
      </c>
      <c r="FJ19" s="170">
        <v>8</v>
      </c>
      <c r="FK19" s="171">
        <v>18</v>
      </c>
      <c r="FL19" s="168">
        <v>1</v>
      </c>
      <c r="FM19" s="169">
        <v>2</v>
      </c>
      <c r="FN19" s="170">
        <v>3</v>
      </c>
      <c r="FO19" s="439">
        <v>0</v>
      </c>
      <c r="FP19" s="169">
        <v>2</v>
      </c>
      <c r="FQ19" s="169">
        <v>2</v>
      </c>
      <c r="FR19" s="169">
        <v>2</v>
      </c>
      <c r="FS19" s="169">
        <v>4</v>
      </c>
      <c r="FT19" s="169">
        <v>3</v>
      </c>
      <c r="FU19" s="170">
        <v>13</v>
      </c>
      <c r="FV19" s="171">
        <v>16</v>
      </c>
      <c r="FW19" s="168">
        <v>0</v>
      </c>
      <c r="FX19" s="169">
        <v>0</v>
      </c>
      <c r="FY19" s="170">
        <v>0</v>
      </c>
      <c r="FZ19" s="439">
        <v>0</v>
      </c>
      <c r="GA19" s="169">
        <v>0</v>
      </c>
      <c r="GB19" s="169">
        <v>0</v>
      </c>
      <c r="GC19" s="169">
        <v>0</v>
      </c>
      <c r="GD19" s="169">
        <v>0</v>
      </c>
      <c r="GE19" s="169">
        <v>0</v>
      </c>
      <c r="GF19" s="170">
        <v>0</v>
      </c>
      <c r="GG19" s="171">
        <v>0</v>
      </c>
      <c r="GH19" s="168">
        <v>9</v>
      </c>
      <c r="GI19" s="169">
        <v>13</v>
      </c>
      <c r="GJ19" s="170">
        <v>22</v>
      </c>
      <c r="GK19" s="439">
        <v>0</v>
      </c>
      <c r="GL19" s="169">
        <v>6</v>
      </c>
      <c r="GM19" s="169">
        <v>10</v>
      </c>
      <c r="GN19" s="169">
        <v>5</v>
      </c>
      <c r="GO19" s="169">
        <v>9</v>
      </c>
      <c r="GP19" s="169">
        <v>7</v>
      </c>
      <c r="GQ19" s="170">
        <v>37</v>
      </c>
      <c r="GR19" s="171">
        <v>59</v>
      </c>
      <c r="GS19" s="172">
        <v>48</v>
      </c>
      <c r="GT19" s="164">
        <v>59</v>
      </c>
      <c r="GU19" s="165">
        <v>107</v>
      </c>
      <c r="GV19" s="439">
        <v>0</v>
      </c>
      <c r="GW19" s="164">
        <v>77</v>
      </c>
      <c r="GX19" s="164">
        <v>115</v>
      </c>
      <c r="GY19" s="164">
        <v>59</v>
      </c>
      <c r="GZ19" s="164">
        <v>42</v>
      </c>
      <c r="HA19" s="164">
        <v>33</v>
      </c>
      <c r="HB19" s="166">
        <v>326</v>
      </c>
      <c r="HC19" s="167">
        <v>433</v>
      </c>
      <c r="HD19" s="168">
        <v>1</v>
      </c>
      <c r="HE19" s="169">
        <v>1</v>
      </c>
      <c r="HF19" s="170">
        <v>2</v>
      </c>
      <c r="HG19" s="439">
        <v>0</v>
      </c>
      <c r="HH19" s="169">
        <v>0</v>
      </c>
      <c r="HI19" s="169">
        <v>2</v>
      </c>
      <c r="HJ19" s="169">
        <v>0</v>
      </c>
      <c r="HK19" s="169">
        <v>0</v>
      </c>
      <c r="HL19" s="169">
        <v>1</v>
      </c>
      <c r="HM19" s="170">
        <v>3</v>
      </c>
      <c r="HN19" s="171">
        <v>5</v>
      </c>
      <c r="HO19" s="168">
        <v>1</v>
      </c>
      <c r="HP19" s="169">
        <v>4</v>
      </c>
      <c r="HQ19" s="170">
        <v>5</v>
      </c>
      <c r="HR19" s="439">
        <v>0</v>
      </c>
      <c r="HS19" s="169">
        <v>7</v>
      </c>
      <c r="HT19" s="169">
        <v>9</v>
      </c>
      <c r="HU19" s="169">
        <v>5</v>
      </c>
      <c r="HV19" s="169">
        <v>1</v>
      </c>
      <c r="HW19" s="169">
        <v>4</v>
      </c>
      <c r="HX19" s="170">
        <v>26</v>
      </c>
      <c r="HY19" s="171">
        <v>31</v>
      </c>
      <c r="HZ19" s="168">
        <v>7</v>
      </c>
      <c r="IA19" s="169">
        <v>5</v>
      </c>
      <c r="IB19" s="170">
        <v>12</v>
      </c>
      <c r="IC19" s="439">
        <v>0</v>
      </c>
      <c r="ID19" s="169">
        <v>7</v>
      </c>
      <c r="IE19" s="169">
        <v>6</v>
      </c>
      <c r="IF19" s="169">
        <v>9</v>
      </c>
      <c r="IG19" s="169">
        <v>2</v>
      </c>
      <c r="IH19" s="169">
        <v>6</v>
      </c>
      <c r="II19" s="170">
        <v>30</v>
      </c>
      <c r="IJ19" s="171">
        <v>42</v>
      </c>
      <c r="IK19" s="168">
        <v>13</v>
      </c>
      <c r="IL19" s="169">
        <v>9</v>
      </c>
      <c r="IM19" s="170">
        <v>22</v>
      </c>
      <c r="IN19" s="439">
        <v>0</v>
      </c>
      <c r="IO19" s="169">
        <v>16</v>
      </c>
      <c r="IP19" s="169">
        <v>34</v>
      </c>
      <c r="IQ19" s="169">
        <v>9</v>
      </c>
      <c r="IR19" s="169">
        <v>7</v>
      </c>
      <c r="IS19" s="169">
        <v>9</v>
      </c>
      <c r="IT19" s="170">
        <v>75</v>
      </c>
      <c r="IU19" s="171">
        <v>97</v>
      </c>
      <c r="IV19" s="168">
        <v>14</v>
      </c>
      <c r="IW19" s="169">
        <v>24</v>
      </c>
      <c r="IX19" s="170">
        <v>38</v>
      </c>
      <c r="IY19" s="439">
        <v>0</v>
      </c>
      <c r="IZ19" s="169">
        <v>24</v>
      </c>
      <c r="JA19" s="169">
        <v>27</v>
      </c>
      <c r="JB19" s="169">
        <v>14</v>
      </c>
      <c r="JC19" s="169">
        <v>6</v>
      </c>
      <c r="JD19" s="169">
        <v>4</v>
      </c>
      <c r="JE19" s="170">
        <v>75</v>
      </c>
      <c r="JF19" s="171">
        <v>113</v>
      </c>
      <c r="JG19" s="168">
        <v>12</v>
      </c>
      <c r="JH19" s="169">
        <v>16</v>
      </c>
      <c r="JI19" s="170">
        <v>28</v>
      </c>
      <c r="JJ19" s="439">
        <v>0</v>
      </c>
      <c r="JK19" s="169">
        <v>23</v>
      </c>
      <c r="JL19" s="169">
        <v>37</v>
      </c>
      <c r="JM19" s="169">
        <v>22</v>
      </c>
      <c r="JN19" s="169">
        <v>26</v>
      </c>
      <c r="JO19" s="169">
        <v>9</v>
      </c>
      <c r="JP19" s="170">
        <v>117</v>
      </c>
      <c r="JQ19" s="171">
        <v>145</v>
      </c>
      <c r="JR19" s="168">
        <v>0</v>
      </c>
      <c r="JS19" s="169">
        <v>0</v>
      </c>
      <c r="JT19" s="170">
        <v>0</v>
      </c>
      <c r="JU19" s="439">
        <v>0</v>
      </c>
      <c r="JV19" s="169">
        <v>0</v>
      </c>
      <c r="JW19" s="169">
        <v>0</v>
      </c>
      <c r="JX19" s="169">
        <v>0</v>
      </c>
      <c r="JY19" s="169">
        <v>0</v>
      </c>
      <c r="JZ19" s="169">
        <v>0</v>
      </c>
      <c r="KA19" s="170">
        <v>0</v>
      </c>
      <c r="KB19" s="171">
        <v>0</v>
      </c>
      <c r="KC19" s="168">
        <v>48</v>
      </c>
      <c r="KD19" s="169">
        <v>59</v>
      </c>
      <c r="KE19" s="170">
        <v>107</v>
      </c>
      <c r="KF19" s="439">
        <v>0</v>
      </c>
      <c r="KG19" s="169">
        <v>77</v>
      </c>
      <c r="KH19" s="169">
        <v>115</v>
      </c>
      <c r="KI19" s="169">
        <v>59</v>
      </c>
      <c r="KJ19" s="169">
        <v>42</v>
      </c>
      <c r="KK19" s="169">
        <v>33</v>
      </c>
      <c r="KL19" s="170">
        <v>326</v>
      </c>
      <c r="KM19" s="171">
        <v>433</v>
      </c>
    </row>
    <row r="20" spans="2:299" s="137" customFormat="1" ht="21" customHeight="1" x14ac:dyDescent="0.2">
      <c r="B20" s="173" t="s">
        <v>17</v>
      </c>
      <c r="C20" s="163">
        <v>68</v>
      </c>
      <c r="D20" s="164">
        <v>55</v>
      </c>
      <c r="E20" s="165">
        <v>123</v>
      </c>
      <c r="F20" s="439">
        <v>0</v>
      </c>
      <c r="G20" s="164">
        <v>103</v>
      </c>
      <c r="H20" s="164">
        <v>115</v>
      </c>
      <c r="I20" s="164">
        <v>71</v>
      </c>
      <c r="J20" s="164">
        <v>32</v>
      </c>
      <c r="K20" s="164">
        <v>26</v>
      </c>
      <c r="L20" s="166">
        <v>347</v>
      </c>
      <c r="M20" s="167">
        <v>470</v>
      </c>
      <c r="N20" s="168">
        <v>1</v>
      </c>
      <c r="O20" s="169">
        <v>3</v>
      </c>
      <c r="P20" s="170">
        <v>4</v>
      </c>
      <c r="Q20" s="439">
        <v>0</v>
      </c>
      <c r="R20" s="169">
        <v>1</v>
      </c>
      <c r="S20" s="169">
        <v>1</v>
      </c>
      <c r="T20" s="169">
        <v>4</v>
      </c>
      <c r="U20" s="169">
        <v>0</v>
      </c>
      <c r="V20" s="169">
        <v>1</v>
      </c>
      <c r="W20" s="170">
        <v>7</v>
      </c>
      <c r="X20" s="171">
        <v>11</v>
      </c>
      <c r="Y20" s="168">
        <v>2</v>
      </c>
      <c r="Z20" s="169">
        <v>2</v>
      </c>
      <c r="AA20" s="170">
        <v>4</v>
      </c>
      <c r="AB20" s="439">
        <v>0</v>
      </c>
      <c r="AC20" s="169">
        <v>7</v>
      </c>
      <c r="AD20" s="169">
        <v>4</v>
      </c>
      <c r="AE20" s="169">
        <v>3</v>
      </c>
      <c r="AF20" s="169">
        <v>1</v>
      </c>
      <c r="AG20" s="169">
        <v>1</v>
      </c>
      <c r="AH20" s="170">
        <v>16</v>
      </c>
      <c r="AI20" s="171">
        <v>20</v>
      </c>
      <c r="AJ20" s="168">
        <v>6</v>
      </c>
      <c r="AK20" s="169">
        <v>6</v>
      </c>
      <c r="AL20" s="170">
        <v>12</v>
      </c>
      <c r="AM20" s="439">
        <v>0</v>
      </c>
      <c r="AN20" s="169">
        <v>13</v>
      </c>
      <c r="AO20" s="169">
        <v>14</v>
      </c>
      <c r="AP20" s="169">
        <v>6</v>
      </c>
      <c r="AQ20" s="169">
        <v>2</v>
      </c>
      <c r="AR20" s="169">
        <v>2</v>
      </c>
      <c r="AS20" s="170">
        <v>37</v>
      </c>
      <c r="AT20" s="171">
        <v>49</v>
      </c>
      <c r="AU20" s="168">
        <v>20</v>
      </c>
      <c r="AV20" s="169">
        <v>17</v>
      </c>
      <c r="AW20" s="170">
        <v>37</v>
      </c>
      <c r="AX20" s="439">
        <v>0</v>
      </c>
      <c r="AY20" s="169">
        <v>24</v>
      </c>
      <c r="AZ20" s="169">
        <v>30</v>
      </c>
      <c r="BA20" s="169">
        <v>13</v>
      </c>
      <c r="BB20" s="169">
        <v>7</v>
      </c>
      <c r="BC20" s="169">
        <v>4</v>
      </c>
      <c r="BD20" s="170">
        <v>78</v>
      </c>
      <c r="BE20" s="171">
        <v>115</v>
      </c>
      <c r="BF20" s="168">
        <v>21</v>
      </c>
      <c r="BG20" s="169">
        <v>13</v>
      </c>
      <c r="BH20" s="170">
        <v>34</v>
      </c>
      <c r="BI20" s="439">
        <v>0</v>
      </c>
      <c r="BJ20" s="169">
        <v>27</v>
      </c>
      <c r="BK20" s="169">
        <v>36</v>
      </c>
      <c r="BL20" s="169">
        <v>24</v>
      </c>
      <c r="BM20" s="169">
        <v>10</v>
      </c>
      <c r="BN20" s="169">
        <v>8</v>
      </c>
      <c r="BO20" s="170">
        <v>105</v>
      </c>
      <c r="BP20" s="171">
        <v>139</v>
      </c>
      <c r="BQ20" s="168">
        <v>18</v>
      </c>
      <c r="BR20" s="169">
        <v>14</v>
      </c>
      <c r="BS20" s="170">
        <v>32</v>
      </c>
      <c r="BT20" s="439">
        <v>0</v>
      </c>
      <c r="BU20" s="169">
        <v>31</v>
      </c>
      <c r="BV20" s="169">
        <v>30</v>
      </c>
      <c r="BW20" s="169">
        <v>21</v>
      </c>
      <c r="BX20" s="169">
        <v>12</v>
      </c>
      <c r="BY20" s="169">
        <v>10</v>
      </c>
      <c r="BZ20" s="170">
        <v>104</v>
      </c>
      <c r="CA20" s="171">
        <v>136</v>
      </c>
      <c r="CB20" s="168">
        <v>0</v>
      </c>
      <c r="CC20" s="169">
        <v>0</v>
      </c>
      <c r="CD20" s="170">
        <v>0</v>
      </c>
      <c r="CE20" s="439">
        <v>0</v>
      </c>
      <c r="CF20" s="169">
        <v>0</v>
      </c>
      <c r="CG20" s="169">
        <v>0</v>
      </c>
      <c r="CH20" s="169">
        <v>0</v>
      </c>
      <c r="CI20" s="169">
        <v>0</v>
      </c>
      <c r="CJ20" s="169">
        <v>0</v>
      </c>
      <c r="CK20" s="170">
        <v>0</v>
      </c>
      <c r="CL20" s="171">
        <v>0</v>
      </c>
      <c r="CM20" s="168">
        <v>68</v>
      </c>
      <c r="CN20" s="169">
        <v>55</v>
      </c>
      <c r="CO20" s="170">
        <v>123</v>
      </c>
      <c r="CP20" s="439">
        <v>0</v>
      </c>
      <c r="CQ20" s="169">
        <v>103</v>
      </c>
      <c r="CR20" s="169">
        <v>115</v>
      </c>
      <c r="CS20" s="169">
        <v>71</v>
      </c>
      <c r="CT20" s="169">
        <v>32</v>
      </c>
      <c r="CU20" s="169">
        <v>26</v>
      </c>
      <c r="CV20" s="170">
        <v>347</v>
      </c>
      <c r="CW20" s="171">
        <v>470</v>
      </c>
      <c r="CX20" s="172">
        <v>8</v>
      </c>
      <c r="CY20" s="164">
        <v>9</v>
      </c>
      <c r="CZ20" s="165">
        <v>17</v>
      </c>
      <c r="DA20" s="439">
        <v>0</v>
      </c>
      <c r="DB20" s="164">
        <v>10</v>
      </c>
      <c r="DC20" s="164">
        <v>18</v>
      </c>
      <c r="DD20" s="164">
        <v>10</v>
      </c>
      <c r="DE20" s="164">
        <v>12</v>
      </c>
      <c r="DF20" s="164">
        <v>6</v>
      </c>
      <c r="DG20" s="166">
        <v>56</v>
      </c>
      <c r="DH20" s="167">
        <v>73</v>
      </c>
      <c r="DI20" s="168">
        <v>0</v>
      </c>
      <c r="DJ20" s="169">
        <v>0</v>
      </c>
      <c r="DK20" s="170">
        <v>0</v>
      </c>
      <c r="DL20" s="439">
        <v>0</v>
      </c>
      <c r="DM20" s="169">
        <v>0</v>
      </c>
      <c r="DN20" s="169">
        <v>2</v>
      </c>
      <c r="DO20" s="169">
        <v>0</v>
      </c>
      <c r="DP20" s="169">
        <v>1</v>
      </c>
      <c r="DQ20" s="169">
        <v>1</v>
      </c>
      <c r="DR20" s="170">
        <v>4</v>
      </c>
      <c r="DS20" s="171">
        <v>4</v>
      </c>
      <c r="DT20" s="168">
        <v>0</v>
      </c>
      <c r="DU20" s="169">
        <v>1</v>
      </c>
      <c r="DV20" s="170">
        <v>1</v>
      </c>
      <c r="DW20" s="439">
        <v>0</v>
      </c>
      <c r="DX20" s="169">
        <v>0</v>
      </c>
      <c r="DY20" s="169">
        <v>1</v>
      </c>
      <c r="DZ20" s="169">
        <v>1</v>
      </c>
      <c r="EA20" s="169">
        <v>0</v>
      </c>
      <c r="EB20" s="169">
        <v>0</v>
      </c>
      <c r="EC20" s="170">
        <v>2</v>
      </c>
      <c r="ED20" s="171">
        <v>3</v>
      </c>
      <c r="EE20" s="168">
        <v>5</v>
      </c>
      <c r="EF20" s="169">
        <v>4</v>
      </c>
      <c r="EG20" s="170">
        <v>9</v>
      </c>
      <c r="EH20" s="439">
        <v>0</v>
      </c>
      <c r="EI20" s="169">
        <v>0</v>
      </c>
      <c r="EJ20" s="169">
        <v>0</v>
      </c>
      <c r="EK20" s="169">
        <v>0</v>
      </c>
      <c r="EL20" s="169">
        <v>0</v>
      </c>
      <c r="EM20" s="169">
        <v>0</v>
      </c>
      <c r="EN20" s="170">
        <v>0</v>
      </c>
      <c r="EO20" s="171">
        <v>9</v>
      </c>
      <c r="EP20" s="168">
        <v>2</v>
      </c>
      <c r="EQ20" s="169">
        <v>1</v>
      </c>
      <c r="ER20" s="170">
        <v>3</v>
      </c>
      <c r="ES20" s="439">
        <v>0</v>
      </c>
      <c r="ET20" s="169">
        <v>3</v>
      </c>
      <c r="EU20" s="169">
        <v>3</v>
      </c>
      <c r="EV20" s="169">
        <v>2</v>
      </c>
      <c r="EW20" s="169">
        <v>1</v>
      </c>
      <c r="EX20" s="169">
        <v>0</v>
      </c>
      <c r="EY20" s="170">
        <v>9</v>
      </c>
      <c r="EZ20" s="171">
        <v>12</v>
      </c>
      <c r="FA20" s="168">
        <v>1</v>
      </c>
      <c r="FB20" s="169">
        <v>1</v>
      </c>
      <c r="FC20" s="170">
        <v>2</v>
      </c>
      <c r="FD20" s="439">
        <v>0</v>
      </c>
      <c r="FE20" s="169">
        <v>3</v>
      </c>
      <c r="FF20" s="169">
        <v>5</v>
      </c>
      <c r="FG20" s="169">
        <v>2</v>
      </c>
      <c r="FH20" s="169">
        <v>3</v>
      </c>
      <c r="FI20" s="169">
        <v>0</v>
      </c>
      <c r="FJ20" s="170">
        <v>13</v>
      </c>
      <c r="FK20" s="171">
        <v>15</v>
      </c>
      <c r="FL20" s="168">
        <v>0</v>
      </c>
      <c r="FM20" s="169">
        <v>2</v>
      </c>
      <c r="FN20" s="170">
        <v>2</v>
      </c>
      <c r="FO20" s="439">
        <v>0</v>
      </c>
      <c r="FP20" s="169">
        <v>4</v>
      </c>
      <c r="FQ20" s="169">
        <v>7</v>
      </c>
      <c r="FR20" s="169">
        <v>5</v>
      </c>
      <c r="FS20" s="169">
        <v>7</v>
      </c>
      <c r="FT20" s="169">
        <v>5</v>
      </c>
      <c r="FU20" s="170">
        <v>28</v>
      </c>
      <c r="FV20" s="171">
        <v>30</v>
      </c>
      <c r="FW20" s="168">
        <v>0</v>
      </c>
      <c r="FX20" s="169">
        <v>0</v>
      </c>
      <c r="FY20" s="170">
        <v>0</v>
      </c>
      <c r="FZ20" s="439">
        <v>0</v>
      </c>
      <c r="GA20" s="169">
        <v>0</v>
      </c>
      <c r="GB20" s="169">
        <v>0</v>
      </c>
      <c r="GC20" s="169">
        <v>0</v>
      </c>
      <c r="GD20" s="169">
        <v>0</v>
      </c>
      <c r="GE20" s="169">
        <v>0</v>
      </c>
      <c r="GF20" s="170">
        <v>0</v>
      </c>
      <c r="GG20" s="171">
        <v>0</v>
      </c>
      <c r="GH20" s="168">
        <v>8</v>
      </c>
      <c r="GI20" s="169">
        <v>9</v>
      </c>
      <c r="GJ20" s="170">
        <v>17</v>
      </c>
      <c r="GK20" s="439">
        <v>0</v>
      </c>
      <c r="GL20" s="169">
        <v>10</v>
      </c>
      <c r="GM20" s="169">
        <v>18</v>
      </c>
      <c r="GN20" s="169">
        <v>10</v>
      </c>
      <c r="GO20" s="169">
        <v>12</v>
      </c>
      <c r="GP20" s="169">
        <v>6</v>
      </c>
      <c r="GQ20" s="170">
        <v>56</v>
      </c>
      <c r="GR20" s="171">
        <v>73</v>
      </c>
      <c r="GS20" s="172">
        <v>76</v>
      </c>
      <c r="GT20" s="164">
        <v>64</v>
      </c>
      <c r="GU20" s="165">
        <v>140</v>
      </c>
      <c r="GV20" s="439">
        <v>0</v>
      </c>
      <c r="GW20" s="164">
        <v>113</v>
      </c>
      <c r="GX20" s="164">
        <v>133</v>
      </c>
      <c r="GY20" s="164">
        <v>81</v>
      </c>
      <c r="GZ20" s="164">
        <v>44</v>
      </c>
      <c r="HA20" s="164">
        <v>32</v>
      </c>
      <c r="HB20" s="166">
        <v>403</v>
      </c>
      <c r="HC20" s="167">
        <v>543</v>
      </c>
      <c r="HD20" s="168">
        <v>1</v>
      </c>
      <c r="HE20" s="169">
        <v>3</v>
      </c>
      <c r="HF20" s="170">
        <v>4</v>
      </c>
      <c r="HG20" s="439">
        <v>0</v>
      </c>
      <c r="HH20" s="169">
        <v>1</v>
      </c>
      <c r="HI20" s="169">
        <v>3</v>
      </c>
      <c r="HJ20" s="169">
        <v>4</v>
      </c>
      <c r="HK20" s="169">
        <v>1</v>
      </c>
      <c r="HL20" s="169">
        <v>2</v>
      </c>
      <c r="HM20" s="170">
        <v>11</v>
      </c>
      <c r="HN20" s="171">
        <v>15</v>
      </c>
      <c r="HO20" s="168">
        <v>2</v>
      </c>
      <c r="HP20" s="169">
        <v>3</v>
      </c>
      <c r="HQ20" s="170">
        <v>5</v>
      </c>
      <c r="HR20" s="439">
        <v>0</v>
      </c>
      <c r="HS20" s="169">
        <v>7</v>
      </c>
      <c r="HT20" s="169">
        <v>5</v>
      </c>
      <c r="HU20" s="169">
        <v>4</v>
      </c>
      <c r="HV20" s="169">
        <v>1</v>
      </c>
      <c r="HW20" s="169">
        <v>1</v>
      </c>
      <c r="HX20" s="170">
        <v>18</v>
      </c>
      <c r="HY20" s="171">
        <v>23</v>
      </c>
      <c r="HZ20" s="168">
        <v>11</v>
      </c>
      <c r="IA20" s="169">
        <v>10</v>
      </c>
      <c r="IB20" s="170">
        <v>21</v>
      </c>
      <c r="IC20" s="439">
        <v>0</v>
      </c>
      <c r="ID20" s="169">
        <v>13</v>
      </c>
      <c r="IE20" s="169">
        <v>14</v>
      </c>
      <c r="IF20" s="169">
        <v>6</v>
      </c>
      <c r="IG20" s="169">
        <v>2</v>
      </c>
      <c r="IH20" s="169">
        <v>2</v>
      </c>
      <c r="II20" s="170">
        <v>37</v>
      </c>
      <c r="IJ20" s="171">
        <v>58</v>
      </c>
      <c r="IK20" s="168">
        <v>22</v>
      </c>
      <c r="IL20" s="169">
        <v>18</v>
      </c>
      <c r="IM20" s="170">
        <v>40</v>
      </c>
      <c r="IN20" s="439">
        <v>0</v>
      </c>
      <c r="IO20" s="169">
        <v>27</v>
      </c>
      <c r="IP20" s="169">
        <v>33</v>
      </c>
      <c r="IQ20" s="169">
        <v>15</v>
      </c>
      <c r="IR20" s="169">
        <v>8</v>
      </c>
      <c r="IS20" s="169">
        <v>4</v>
      </c>
      <c r="IT20" s="170">
        <v>87</v>
      </c>
      <c r="IU20" s="171">
        <v>127</v>
      </c>
      <c r="IV20" s="168">
        <v>22</v>
      </c>
      <c r="IW20" s="169">
        <v>14</v>
      </c>
      <c r="IX20" s="170">
        <v>36</v>
      </c>
      <c r="IY20" s="439">
        <v>0</v>
      </c>
      <c r="IZ20" s="169">
        <v>30</v>
      </c>
      <c r="JA20" s="169">
        <v>41</v>
      </c>
      <c r="JB20" s="169">
        <v>26</v>
      </c>
      <c r="JC20" s="169">
        <v>13</v>
      </c>
      <c r="JD20" s="169">
        <v>8</v>
      </c>
      <c r="JE20" s="170">
        <v>118</v>
      </c>
      <c r="JF20" s="171">
        <v>154</v>
      </c>
      <c r="JG20" s="168">
        <v>18</v>
      </c>
      <c r="JH20" s="169">
        <v>16</v>
      </c>
      <c r="JI20" s="170">
        <v>34</v>
      </c>
      <c r="JJ20" s="439">
        <v>0</v>
      </c>
      <c r="JK20" s="169">
        <v>35</v>
      </c>
      <c r="JL20" s="169">
        <v>37</v>
      </c>
      <c r="JM20" s="169">
        <v>26</v>
      </c>
      <c r="JN20" s="169">
        <v>19</v>
      </c>
      <c r="JO20" s="169">
        <v>15</v>
      </c>
      <c r="JP20" s="170">
        <v>132</v>
      </c>
      <c r="JQ20" s="171">
        <v>166</v>
      </c>
      <c r="JR20" s="168">
        <v>0</v>
      </c>
      <c r="JS20" s="169">
        <v>0</v>
      </c>
      <c r="JT20" s="170">
        <v>0</v>
      </c>
      <c r="JU20" s="439">
        <v>0</v>
      </c>
      <c r="JV20" s="169">
        <v>0</v>
      </c>
      <c r="JW20" s="169">
        <v>0</v>
      </c>
      <c r="JX20" s="169">
        <v>0</v>
      </c>
      <c r="JY20" s="169">
        <v>0</v>
      </c>
      <c r="JZ20" s="169">
        <v>0</v>
      </c>
      <c r="KA20" s="170">
        <v>0</v>
      </c>
      <c r="KB20" s="171">
        <v>0</v>
      </c>
      <c r="KC20" s="168">
        <v>76</v>
      </c>
      <c r="KD20" s="169">
        <v>64</v>
      </c>
      <c r="KE20" s="170">
        <v>140</v>
      </c>
      <c r="KF20" s="439">
        <v>0</v>
      </c>
      <c r="KG20" s="169">
        <v>113</v>
      </c>
      <c r="KH20" s="169">
        <v>133</v>
      </c>
      <c r="KI20" s="169">
        <v>81</v>
      </c>
      <c r="KJ20" s="169">
        <v>44</v>
      </c>
      <c r="KK20" s="169">
        <v>32</v>
      </c>
      <c r="KL20" s="170">
        <v>403</v>
      </c>
      <c r="KM20" s="171">
        <v>543</v>
      </c>
    </row>
    <row r="21" spans="2:299" s="137" customFormat="1" ht="21" customHeight="1" x14ac:dyDescent="0.2">
      <c r="B21" s="173" t="s">
        <v>18</v>
      </c>
      <c r="C21" s="163">
        <v>67</v>
      </c>
      <c r="D21" s="164">
        <v>79</v>
      </c>
      <c r="E21" s="165">
        <v>146</v>
      </c>
      <c r="F21" s="439">
        <v>0</v>
      </c>
      <c r="G21" s="164">
        <v>159</v>
      </c>
      <c r="H21" s="164">
        <v>113</v>
      </c>
      <c r="I21" s="164">
        <v>84</v>
      </c>
      <c r="J21" s="164">
        <v>66</v>
      </c>
      <c r="K21" s="164">
        <v>34</v>
      </c>
      <c r="L21" s="166">
        <v>456</v>
      </c>
      <c r="M21" s="167">
        <v>602</v>
      </c>
      <c r="N21" s="168">
        <v>1</v>
      </c>
      <c r="O21" s="169">
        <v>0</v>
      </c>
      <c r="P21" s="170">
        <v>1</v>
      </c>
      <c r="Q21" s="439">
        <v>0</v>
      </c>
      <c r="R21" s="169">
        <v>6</v>
      </c>
      <c r="S21" s="169">
        <v>2</v>
      </c>
      <c r="T21" s="169">
        <v>2</v>
      </c>
      <c r="U21" s="169">
        <v>3</v>
      </c>
      <c r="V21" s="169">
        <v>1</v>
      </c>
      <c r="W21" s="170">
        <v>14</v>
      </c>
      <c r="X21" s="171">
        <v>15</v>
      </c>
      <c r="Y21" s="168">
        <v>3</v>
      </c>
      <c r="Z21" s="169">
        <v>4</v>
      </c>
      <c r="AA21" s="170">
        <v>7</v>
      </c>
      <c r="AB21" s="439">
        <v>0</v>
      </c>
      <c r="AC21" s="169">
        <v>11</v>
      </c>
      <c r="AD21" s="169">
        <v>8</v>
      </c>
      <c r="AE21" s="169">
        <v>3</v>
      </c>
      <c r="AF21" s="169">
        <v>4</v>
      </c>
      <c r="AG21" s="169">
        <v>3</v>
      </c>
      <c r="AH21" s="170">
        <v>29</v>
      </c>
      <c r="AI21" s="171">
        <v>36</v>
      </c>
      <c r="AJ21" s="168">
        <v>9</v>
      </c>
      <c r="AK21" s="169">
        <v>10</v>
      </c>
      <c r="AL21" s="170">
        <v>19</v>
      </c>
      <c r="AM21" s="439">
        <v>0</v>
      </c>
      <c r="AN21" s="169">
        <v>9</v>
      </c>
      <c r="AO21" s="169">
        <v>4</v>
      </c>
      <c r="AP21" s="169">
        <v>4</v>
      </c>
      <c r="AQ21" s="169">
        <v>5</v>
      </c>
      <c r="AR21" s="169">
        <v>2</v>
      </c>
      <c r="AS21" s="170">
        <v>24</v>
      </c>
      <c r="AT21" s="171">
        <v>43</v>
      </c>
      <c r="AU21" s="168">
        <v>18</v>
      </c>
      <c r="AV21" s="169">
        <v>8</v>
      </c>
      <c r="AW21" s="170">
        <v>26</v>
      </c>
      <c r="AX21" s="439">
        <v>0</v>
      </c>
      <c r="AY21" s="169">
        <v>26</v>
      </c>
      <c r="AZ21" s="169">
        <v>29</v>
      </c>
      <c r="BA21" s="169">
        <v>11</v>
      </c>
      <c r="BB21" s="169">
        <v>11</v>
      </c>
      <c r="BC21" s="169">
        <v>5</v>
      </c>
      <c r="BD21" s="170">
        <v>82</v>
      </c>
      <c r="BE21" s="171">
        <v>108</v>
      </c>
      <c r="BF21" s="168">
        <v>19</v>
      </c>
      <c r="BG21" s="169">
        <v>30</v>
      </c>
      <c r="BH21" s="170">
        <v>49</v>
      </c>
      <c r="BI21" s="439">
        <v>0</v>
      </c>
      <c r="BJ21" s="169">
        <v>53</v>
      </c>
      <c r="BK21" s="169">
        <v>31</v>
      </c>
      <c r="BL21" s="169">
        <v>35</v>
      </c>
      <c r="BM21" s="169">
        <v>16</v>
      </c>
      <c r="BN21" s="169">
        <v>10</v>
      </c>
      <c r="BO21" s="170">
        <v>145</v>
      </c>
      <c r="BP21" s="171">
        <v>194</v>
      </c>
      <c r="BQ21" s="168">
        <v>17</v>
      </c>
      <c r="BR21" s="169">
        <v>27</v>
      </c>
      <c r="BS21" s="170">
        <v>44</v>
      </c>
      <c r="BT21" s="439">
        <v>0</v>
      </c>
      <c r="BU21" s="169">
        <v>54</v>
      </c>
      <c r="BV21" s="169">
        <v>39</v>
      </c>
      <c r="BW21" s="169">
        <v>29</v>
      </c>
      <c r="BX21" s="169">
        <v>27</v>
      </c>
      <c r="BY21" s="169">
        <v>13</v>
      </c>
      <c r="BZ21" s="170">
        <v>162</v>
      </c>
      <c r="CA21" s="171">
        <v>206</v>
      </c>
      <c r="CB21" s="168">
        <v>0</v>
      </c>
      <c r="CC21" s="169">
        <v>0</v>
      </c>
      <c r="CD21" s="170">
        <v>0</v>
      </c>
      <c r="CE21" s="439">
        <v>0</v>
      </c>
      <c r="CF21" s="169">
        <v>0</v>
      </c>
      <c r="CG21" s="169">
        <v>0</v>
      </c>
      <c r="CH21" s="169">
        <v>0</v>
      </c>
      <c r="CI21" s="169">
        <v>0</v>
      </c>
      <c r="CJ21" s="169">
        <v>0</v>
      </c>
      <c r="CK21" s="170">
        <v>0</v>
      </c>
      <c r="CL21" s="171">
        <v>0</v>
      </c>
      <c r="CM21" s="168">
        <v>67</v>
      </c>
      <c r="CN21" s="169">
        <v>79</v>
      </c>
      <c r="CO21" s="170">
        <v>146</v>
      </c>
      <c r="CP21" s="439">
        <v>0</v>
      </c>
      <c r="CQ21" s="169">
        <v>159</v>
      </c>
      <c r="CR21" s="169">
        <v>113</v>
      </c>
      <c r="CS21" s="169">
        <v>84</v>
      </c>
      <c r="CT21" s="169">
        <v>66</v>
      </c>
      <c r="CU21" s="169">
        <v>34</v>
      </c>
      <c r="CV21" s="170">
        <v>456</v>
      </c>
      <c r="CW21" s="171">
        <v>602</v>
      </c>
      <c r="CX21" s="172">
        <v>11</v>
      </c>
      <c r="CY21" s="164">
        <v>22</v>
      </c>
      <c r="CZ21" s="165">
        <v>33</v>
      </c>
      <c r="DA21" s="439">
        <v>0</v>
      </c>
      <c r="DB21" s="164">
        <v>22</v>
      </c>
      <c r="DC21" s="164">
        <v>13</v>
      </c>
      <c r="DD21" s="164">
        <v>8</v>
      </c>
      <c r="DE21" s="164">
        <v>5</v>
      </c>
      <c r="DF21" s="164">
        <v>5</v>
      </c>
      <c r="DG21" s="166">
        <v>53</v>
      </c>
      <c r="DH21" s="167">
        <v>86</v>
      </c>
      <c r="DI21" s="168">
        <v>0</v>
      </c>
      <c r="DJ21" s="169">
        <v>0</v>
      </c>
      <c r="DK21" s="170">
        <v>0</v>
      </c>
      <c r="DL21" s="439">
        <v>0</v>
      </c>
      <c r="DM21" s="169">
        <v>0</v>
      </c>
      <c r="DN21" s="169">
        <v>0</v>
      </c>
      <c r="DO21" s="169">
        <v>0</v>
      </c>
      <c r="DP21" s="169">
        <v>0</v>
      </c>
      <c r="DQ21" s="169">
        <v>2</v>
      </c>
      <c r="DR21" s="170">
        <v>2</v>
      </c>
      <c r="DS21" s="171">
        <v>2</v>
      </c>
      <c r="DT21" s="168">
        <v>1</v>
      </c>
      <c r="DU21" s="169">
        <v>3</v>
      </c>
      <c r="DV21" s="170">
        <v>4</v>
      </c>
      <c r="DW21" s="439">
        <v>0</v>
      </c>
      <c r="DX21" s="169">
        <v>1</v>
      </c>
      <c r="DY21" s="169">
        <v>2</v>
      </c>
      <c r="DZ21" s="169">
        <v>1</v>
      </c>
      <c r="EA21" s="169">
        <v>0</v>
      </c>
      <c r="EB21" s="169">
        <v>0</v>
      </c>
      <c r="EC21" s="170">
        <v>4</v>
      </c>
      <c r="ED21" s="171">
        <v>8</v>
      </c>
      <c r="EE21" s="168">
        <v>3</v>
      </c>
      <c r="EF21" s="169">
        <v>5</v>
      </c>
      <c r="EG21" s="170">
        <v>8</v>
      </c>
      <c r="EH21" s="439">
        <v>0</v>
      </c>
      <c r="EI21" s="169">
        <v>4</v>
      </c>
      <c r="EJ21" s="169">
        <v>0</v>
      </c>
      <c r="EK21" s="169">
        <v>0</v>
      </c>
      <c r="EL21" s="169">
        <v>0</v>
      </c>
      <c r="EM21" s="169">
        <v>0</v>
      </c>
      <c r="EN21" s="170">
        <v>4</v>
      </c>
      <c r="EO21" s="171">
        <v>12</v>
      </c>
      <c r="EP21" s="168">
        <v>3</v>
      </c>
      <c r="EQ21" s="169">
        <v>9</v>
      </c>
      <c r="ER21" s="170">
        <v>12</v>
      </c>
      <c r="ES21" s="439">
        <v>0</v>
      </c>
      <c r="ET21" s="169">
        <v>6</v>
      </c>
      <c r="EU21" s="169">
        <v>1</v>
      </c>
      <c r="EV21" s="169">
        <v>1</v>
      </c>
      <c r="EW21" s="169">
        <v>0</v>
      </c>
      <c r="EX21" s="169">
        <v>0</v>
      </c>
      <c r="EY21" s="170">
        <v>8</v>
      </c>
      <c r="EZ21" s="171">
        <v>20</v>
      </c>
      <c r="FA21" s="168">
        <v>1</v>
      </c>
      <c r="FB21" s="169">
        <v>2</v>
      </c>
      <c r="FC21" s="170">
        <v>3</v>
      </c>
      <c r="FD21" s="439">
        <v>0</v>
      </c>
      <c r="FE21" s="169">
        <v>5</v>
      </c>
      <c r="FF21" s="169">
        <v>5</v>
      </c>
      <c r="FG21" s="169">
        <v>2</v>
      </c>
      <c r="FH21" s="169">
        <v>0</v>
      </c>
      <c r="FI21" s="169">
        <v>1</v>
      </c>
      <c r="FJ21" s="170">
        <v>13</v>
      </c>
      <c r="FK21" s="171">
        <v>16</v>
      </c>
      <c r="FL21" s="168">
        <v>3</v>
      </c>
      <c r="FM21" s="169">
        <v>3</v>
      </c>
      <c r="FN21" s="170">
        <v>6</v>
      </c>
      <c r="FO21" s="439">
        <v>0</v>
      </c>
      <c r="FP21" s="169">
        <v>6</v>
      </c>
      <c r="FQ21" s="169">
        <v>5</v>
      </c>
      <c r="FR21" s="169">
        <v>4</v>
      </c>
      <c r="FS21" s="169">
        <v>5</v>
      </c>
      <c r="FT21" s="169">
        <v>2</v>
      </c>
      <c r="FU21" s="170">
        <v>22</v>
      </c>
      <c r="FV21" s="171">
        <v>28</v>
      </c>
      <c r="FW21" s="168">
        <v>0</v>
      </c>
      <c r="FX21" s="169">
        <v>0</v>
      </c>
      <c r="FY21" s="170">
        <v>0</v>
      </c>
      <c r="FZ21" s="439">
        <v>0</v>
      </c>
      <c r="GA21" s="169">
        <v>0</v>
      </c>
      <c r="GB21" s="169">
        <v>0</v>
      </c>
      <c r="GC21" s="169">
        <v>0</v>
      </c>
      <c r="GD21" s="169">
        <v>0</v>
      </c>
      <c r="GE21" s="169">
        <v>0</v>
      </c>
      <c r="GF21" s="170">
        <v>0</v>
      </c>
      <c r="GG21" s="171">
        <v>0</v>
      </c>
      <c r="GH21" s="168">
        <v>11</v>
      </c>
      <c r="GI21" s="169">
        <v>22</v>
      </c>
      <c r="GJ21" s="170">
        <v>33</v>
      </c>
      <c r="GK21" s="439">
        <v>0</v>
      </c>
      <c r="GL21" s="169">
        <v>22</v>
      </c>
      <c r="GM21" s="169">
        <v>13</v>
      </c>
      <c r="GN21" s="169">
        <v>8</v>
      </c>
      <c r="GO21" s="169">
        <v>5</v>
      </c>
      <c r="GP21" s="169">
        <v>5</v>
      </c>
      <c r="GQ21" s="170">
        <v>53</v>
      </c>
      <c r="GR21" s="171">
        <v>86</v>
      </c>
      <c r="GS21" s="172">
        <v>78</v>
      </c>
      <c r="GT21" s="164">
        <v>101</v>
      </c>
      <c r="GU21" s="165">
        <v>179</v>
      </c>
      <c r="GV21" s="439">
        <v>0</v>
      </c>
      <c r="GW21" s="164">
        <v>181</v>
      </c>
      <c r="GX21" s="164">
        <v>126</v>
      </c>
      <c r="GY21" s="164">
        <v>92</v>
      </c>
      <c r="GZ21" s="164">
        <v>71</v>
      </c>
      <c r="HA21" s="164">
        <v>39</v>
      </c>
      <c r="HB21" s="166">
        <v>509</v>
      </c>
      <c r="HC21" s="167">
        <v>688</v>
      </c>
      <c r="HD21" s="168">
        <v>1</v>
      </c>
      <c r="HE21" s="169">
        <v>0</v>
      </c>
      <c r="HF21" s="170">
        <v>1</v>
      </c>
      <c r="HG21" s="439">
        <v>0</v>
      </c>
      <c r="HH21" s="169">
        <v>6</v>
      </c>
      <c r="HI21" s="169">
        <v>2</v>
      </c>
      <c r="HJ21" s="169">
        <v>2</v>
      </c>
      <c r="HK21" s="169">
        <v>3</v>
      </c>
      <c r="HL21" s="169">
        <v>3</v>
      </c>
      <c r="HM21" s="170">
        <v>16</v>
      </c>
      <c r="HN21" s="171">
        <v>17</v>
      </c>
      <c r="HO21" s="168">
        <v>4</v>
      </c>
      <c r="HP21" s="169">
        <v>7</v>
      </c>
      <c r="HQ21" s="170">
        <v>11</v>
      </c>
      <c r="HR21" s="439">
        <v>0</v>
      </c>
      <c r="HS21" s="169">
        <v>12</v>
      </c>
      <c r="HT21" s="169">
        <v>10</v>
      </c>
      <c r="HU21" s="169">
        <v>4</v>
      </c>
      <c r="HV21" s="169">
        <v>4</v>
      </c>
      <c r="HW21" s="169">
        <v>3</v>
      </c>
      <c r="HX21" s="170">
        <v>33</v>
      </c>
      <c r="HY21" s="171">
        <v>44</v>
      </c>
      <c r="HZ21" s="168">
        <v>12</v>
      </c>
      <c r="IA21" s="169">
        <v>15</v>
      </c>
      <c r="IB21" s="170">
        <v>27</v>
      </c>
      <c r="IC21" s="439">
        <v>0</v>
      </c>
      <c r="ID21" s="169">
        <v>13</v>
      </c>
      <c r="IE21" s="169">
        <v>4</v>
      </c>
      <c r="IF21" s="169">
        <v>4</v>
      </c>
      <c r="IG21" s="169">
        <v>5</v>
      </c>
      <c r="IH21" s="169">
        <v>2</v>
      </c>
      <c r="II21" s="170">
        <v>28</v>
      </c>
      <c r="IJ21" s="171">
        <v>55</v>
      </c>
      <c r="IK21" s="168">
        <v>21</v>
      </c>
      <c r="IL21" s="169">
        <v>17</v>
      </c>
      <c r="IM21" s="170">
        <v>38</v>
      </c>
      <c r="IN21" s="439">
        <v>0</v>
      </c>
      <c r="IO21" s="169">
        <v>32</v>
      </c>
      <c r="IP21" s="169">
        <v>30</v>
      </c>
      <c r="IQ21" s="169">
        <v>12</v>
      </c>
      <c r="IR21" s="169">
        <v>11</v>
      </c>
      <c r="IS21" s="169">
        <v>5</v>
      </c>
      <c r="IT21" s="170">
        <v>90</v>
      </c>
      <c r="IU21" s="171">
        <v>128</v>
      </c>
      <c r="IV21" s="168">
        <v>20</v>
      </c>
      <c r="IW21" s="169">
        <v>32</v>
      </c>
      <c r="IX21" s="170">
        <v>52</v>
      </c>
      <c r="IY21" s="439">
        <v>0</v>
      </c>
      <c r="IZ21" s="169">
        <v>58</v>
      </c>
      <c r="JA21" s="169">
        <v>36</v>
      </c>
      <c r="JB21" s="169">
        <v>37</v>
      </c>
      <c r="JC21" s="169">
        <v>16</v>
      </c>
      <c r="JD21" s="169">
        <v>11</v>
      </c>
      <c r="JE21" s="170">
        <v>158</v>
      </c>
      <c r="JF21" s="171">
        <v>210</v>
      </c>
      <c r="JG21" s="168">
        <v>20</v>
      </c>
      <c r="JH21" s="169">
        <v>30</v>
      </c>
      <c r="JI21" s="170">
        <v>50</v>
      </c>
      <c r="JJ21" s="439">
        <v>0</v>
      </c>
      <c r="JK21" s="169">
        <v>60</v>
      </c>
      <c r="JL21" s="169">
        <v>44</v>
      </c>
      <c r="JM21" s="169">
        <v>33</v>
      </c>
      <c r="JN21" s="169">
        <v>32</v>
      </c>
      <c r="JO21" s="169">
        <v>15</v>
      </c>
      <c r="JP21" s="170">
        <v>184</v>
      </c>
      <c r="JQ21" s="171">
        <v>234</v>
      </c>
      <c r="JR21" s="168">
        <v>0</v>
      </c>
      <c r="JS21" s="169">
        <v>0</v>
      </c>
      <c r="JT21" s="170">
        <v>0</v>
      </c>
      <c r="JU21" s="439">
        <v>0</v>
      </c>
      <c r="JV21" s="169">
        <v>0</v>
      </c>
      <c r="JW21" s="169">
        <v>0</v>
      </c>
      <c r="JX21" s="169">
        <v>0</v>
      </c>
      <c r="JY21" s="169">
        <v>0</v>
      </c>
      <c r="JZ21" s="169">
        <v>0</v>
      </c>
      <c r="KA21" s="170">
        <v>0</v>
      </c>
      <c r="KB21" s="171">
        <v>0</v>
      </c>
      <c r="KC21" s="168">
        <v>78</v>
      </c>
      <c r="KD21" s="169">
        <v>101</v>
      </c>
      <c r="KE21" s="170">
        <v>179</v>
      </c>
      <c r="KF21" s="439">
        <v>0</v>
      </c>
      <c r="KG21" s="169">
        <v>181</v>
      </c>
      <c r="KH21" s="169">
        <v>126</v>
      </c>
      <c r="KI21" s="169">
        <v>92</v>
      </c>
      <c r="KJ21" s="169">
        <v>71</v>
      </c>
      <c r="KK21" s="169">
        <v>39</v>
      </c>
      <c r="KL21" s="170">
        <v>509</v>
      </c>
      <c r="KM21" s="171">
        <v>688</v>
      </c>
    </row>
    <row r="22" spans="2:299" s="137" customFormat="1" ht="21" customHeight="1" x14ac:dyDescent="0.2">
      <c r="B22" s="173" t="s">
        <v>19</v>
      </c>
      <c r="C22" s="163">
        <v>39</v>
      </c>
      <c r="D22" s="164">
        <v>36</v>
      </c>
      <c r="E22" s="165">
        <v>75</v>
      </c>
      <c r="F22" s="439">
        <v>0</v>
      </c>
      <c r="G22" s="164">
        <v>69</v>
      </c>
      <c r="H22" s="164">
        <v>43</v>
      </c>
      <c r="I22" s="164">
        <v>31</v>
      </c>
      <c r="J22" s="164">
        <v>19</v>
      </c>
      <c r="K22" s="164">
        <v>24</v>
      </c>
      <c r="L22" s="166">
        <v>186</v>
      </c>
      <c r="M22" s="167">
        <v>261</v>
      </c>
      <c r="N22" s="174">
        <v>0</v>
      </c>
      <c r="O22" s="169">
        <v>2</v>
      </c>
      <c r="P22" s="170">
        <v>2</v>
      </c>
      <c r="Q22" s="439">
        <v>0</v>
      </c>
      <c r="R22" s="169">
        <v>1</v>
      </c>
      <c r="S22" s="169">
        <v>1</v>
      </c>
      <c r="T22" s="169">
        <v>1</v>
      </c>
      <c r="U22" s="169">
        <v>0</v>
      </c>
      <c r="V22" s="169">
        <v>2</v>
      </c>
      <c r="W22" s="170">
        <v>5</v>
      </c>
      <c r="X22" s="171">
        <v>7</v>
      </c>
      <c r="Y22" s="168">
        <v>1</v>
      </c>
      <c r="Z22" s="169">
        <v>1</v>
      </c>
      <c r="AA22" s="170">
        <v>2</v>
      </c>
      <c r="AB22" s="439">
        <v>0</v>
      </c>
      <c r="AC22" s="169">
        <v>3</v>
      </c>
      <c r="AD22" s="169">
        <v>3</v>
      </c>
      <c r="AE22" s="169">
        <v>0</v>
      </c>
      <c r="AF22" s="169">
        <v>1</v>
      </c>
      <c r="AG22" s="169">
        <v>0</v>
      </c>
      <c r="AH22" s="170">
        <v>7</v>
      </c>
      <c r="AI22" s="171">
        <v>9</v>
      </c>
      <c r="AJ22" s="174">
        <v>2</v>
      </c>
      <c r="AK22" s="169">
        <v>1</v>
      </c>
      <c r="AL22" s="170">
        <v>3</v>
      </c>
      <c r="AM22" s="439">
        <v>0</v>
      </c>
      <c r="AN22" s="169">
        <v>8</v>
      </c>
      <c r="AO22" s="169">
        <v>2</v>
      </c>
      <c r="AP22" s="169">
        <v>1</v>
      </c>
      <c r="AQ22" s="169">
        <v>0</v>
      </c>
      <c r="AR22" s="169">
        <v>1</v>
      </c>
      <c r="AS22" s="170">
        <v>12</v>
      </c>
      <c r="AT22" s="171">
        <v>15</v>
      </c>
      <c r="AU22" s="168">
        <v>10</v>
      </c>
      <c r="AV22" s="169">
        <v>7</v>
      </c>
      <c r="AW22" s="170">
        <v>17</v>
      </c>
      <c r="AX22" s="439">
        <v>0</v>
      </c>
      <c r="AY22" s="169">
        <v>10</v>
      </c>
      <c r="AZ22" s="169">
        <v>6</v>
      </c>
      <c r="BA22" s="169">
        <v>8</v>
      </c>
      <c r="BB22" s="169">
        <v>4</v>
      </c>
      <c r="BC22" s="169">
        <v>4</v>
      </c>
      <c r="BD22" s="170">
        <v>32</v>
      </c>
      <c r="BE22" s="171">
        <v>49</v>
      </c>
      <c r="BF22" s="174">
        <v>12</v>
      </c>
      <c r="BG22" s="169">
        <v>13</v>
      </c>
      <c r="BH22" s="170">
        <v>25</v>
      </c>
      <c r="BI22" s="439">
        <v>0</v>
      </c>
      <c r="BJ22" s="169">
        <v>28</v>
      </c>
      <c r="BK22" s="169">
        <v>10</v>
      </c>
      <c r="BL22" s="169">
        <v>10</v>
      </c>
      <c r="BM22" s="169">
        <v>10</v>
      </c>
      <c r="BN22" s="169">
        <v>11</v>
      </c>
      <c r="BO22" s="170">
        <v>69</v>
      </c>
      <c r="BP22" s="171">
        <v>94</v>
      </c>
      <c r="BQ22" s="168">
        <v>14</v>
      </c>
      <c r="BR22" s="169">
        <v>12</v>
      </c>
      <c r="BS22" s="170">
        <v>26</v>
      </c>
      <c r="BT22" s="439">
        <v>0</v>
      </c>
      <c r="BU22" s="169">
        <v>19</v>
      </c>
      <c r="BV22" s="169">
        <v>21</v>
      </c>
      <c r="BW22" s="169">
        <v>11</v>
      </c>
      <c r="BX22" s="169">
        <v>4</v>
      </c>
      <c r="BY22" s="169">
        <v>6</v>
      </c>
      <c r="BZ22" s="170">
        <v>61</v>
      </c>
      <c r="CA22" s="171">
        <v>87</v>
      </c>
      <c r="CB22" s="168">
        <v>0</v>
      </c>
      <c r="CC22" s="169">
        <v>0</v>
      </c>
      <c r="CD22" s="170">
        <v>0</v>
      </c>
      <c r="CE22" s="439">
        <v>0</v>
      </c>
      <c r="CF22" s="169">
        <v>0</v>
      </c>
      <c r="CG22" s="169">
        <v>0</v>
      </c>
      <c r="CH22" s="169">
        <v>0</v>
      </c>
      <c r="CI22" s="169">
        <v>0</v>
      </c>
      <c r="CJ22" s="169">
        <v>0</v>
      </c>
      <c r="CK22" s="170">
        <v>0</v>
      </c>
      <c r="CL22" s="171">
        <v>0</v>
      </c>
      <c r="CM22" s="168">
        <v>39</v>
      </c>
      <c r="CN22" s="169">
        <v>36</v>
      </c>
      <c r="CO22" s="170">
        <v>75</v>
      </c>
      <c r="CP22" s="439">
        <v>0</v>
      </c>
      <c r="CQ22" s="169">
        <v>69</v>
      </c>
      <c r="CR22" s="169">
        <v>43</v>
      </c>
      <c r="CS22" s="169">
        <v>31</v>
      </c>
      <c r="CT22" s="169">
        <v>19</v>
      </c>
      <c r="CU22" s="169">
        <v>24</v>
      </c>
      <c r="CV22" s="170">
        <v>186</v>
      </c>
      <c r="CW22" s="171">
        <v>261</v>
      </c>
      <c r="CX22" s="172">
        <v>3</v>
      </c>
      <c r="CY22" s="164">
        <v>5</v>
      </c>
      <c r="CZ22" s="165">
        <v>8</v>
      </c>
      <c r="DA22" s="439">
        <v>0</v>
      </c>
      <c r="DB22" s="164">
        <v>11</v>
      </c>
      <c r="DC22" s="164">
        <v>6</v>
      </c>
      <c r="DD22" s="164">
        <v>8</v>
      </c>
      <c r="DE22" s="164">
        <v>4</v>
      </c>
      <c r="DF22" s="164">
        <v>5</v>
      </c>
      <c r="DG22" s="166">
        <v>34</v>
      </c>
      <c r="DH22" s="167">
        <v>42</v>
      </c>
      <c r="DI22" s="174">
        <v>1</v>
      </c>
      <c r="DJ22" s="169">
        <v>0</v>
      </c>
      <c r="DK22" s="170">
        <v>1</v>
      </c>
      <c r="DL22" s="439">
        <v>0</v>
      </c>
      <c r="DM22" s="169">
        <v>0</v>
      </c>
      <c r="DN22" s="169">
        <v>1</v>
      </c>
      <c r="DO22" s="169">
        <v>0</v>
      </c>
      <c r="DP22" s="169">
        <v>0</v>
      </c>
      <c r="DQ22" s="169">
        <v>0</v>
      </c>
      <c r="DR22" s="170">
        <v>1</v>
      </c>
      <c r="DS22" s="171">
        <v>2</v>
      </c>
      <c r="DT22" s="168">
        <v>0</v>
      </c>
      <c r="DU22" s="169">
        <v>0</v>
      </c>
      <c r="DV22" s="170">
        <v>0</v>
      </c>
      <c r="DW22" s="439">
        <v>0</v>
      </c>
      <c r="DX22" s="169">
        <v>0</v>
      </c>
      <c r="DY22" s="169">
        <v>0</v>
      </c>
      <c r="DZ22" s="169">
        <v>0</v>
      </c>
      <c r="EA22" s="169">
        <v>0</v>
      </c>
      <c r="EB22" s="169">
        <v>0</v>
      </c>
      <c r="EC22" s="170">
        <v>0</v>
      </c>
      <c r="ED22" s="171">
        <v>0</v>
      </c>
      <c r="EE22" s="174">
        <v>0</v>
      </c>
      <c r="EF22" s="169">
        <v>1</v>
      </c>
      <c r="EG22" s="170">
        <v>1</v>
      </c>
      <c r="EH22" s="439">
        <v>0</v>
      </c>
      <c r="EI22" s="169">
        <v>0</v>
      </c>
      <c r="EJ22" s="169">
        <v>0</v>
      </c>
      <c r="EK22" s="169">
        <v>0</v>
      </c>
      <c r="EL22" s="169">
        <v>1</v>
      </c>
      <c r="EM22" s="169">
        <v>0</v>
      </c>
      <c r="EN22" s="170">
        <v>1</v>
      </c>
      <c r="EO22" s="171">
        <v>2</v>
      </c>
      <c r="EP22" s="168">
        <v>2</v>
      </c>
      <c r="EQ22" s="169">
        <v>3</v>
      </c>
      <c r="ER22" s="170">
        <v>5</v>
      </c>
      <c r="ES22" s="439">
        <v>0</v>
      </c>
      <c r="ET22" s="169">
        <v>4</v>
      </c>
      <c r="EU22" s="169">
        <v>2</v>
      </c>
      <c r="EV22" s="169">
        <v>1</v>
      </c>
      <c r="EW22" s="169">
        <v>0</v>
      </c>
      <c r="EX22" s="169">
        <v>0</v>
      </c>
      <c r="EY22" s="170">
        <v>7</v>
      </c>
      <c r="EZ22" s="171">
        <v>12</v>
      </c>
      <c r="FA22" s="174">
        <v>0</v>
      </c>
      <c r="FB22" s="169">
        <v>0</v>
      </c>
      <c r="FC22" s="170">
        <v>0</v>
      </c>
      <c r="FD22" s="439">
        <v>0</v>
      </c>
      <c r="FE22" s="169">
        <v>4</v>
      </c>
      <c r="FF22" s="169">
        <v>1</v>
      </c>
      <c r="FG22" s="169">
        <v>3</v>
      </c>
      <c r="FH22" s="169">
        <v>2</v>
      </c>
      <c r="FI22" s="169">
        <v>1</v>
      </c>
      <c r="FJ22" s="170">
        <v>11</v>
      </c>
      <c r="FK22" s="171">
        <v>11</v>
      </c>
      <c r="FL22" s="168">
        <v>0</v>
      </c>
      <c r="FM22" s="169">
        <v>1</v>
      </c>
      <c r="FN22" s="170">
        <v>1</v>
      </c>
      <c r="FO22" s="439">
        <v>0</v>
      </c>
      <c r="FP22" s="169">
        <v>3</v>
      </c>
      <c r="FQ22" s="169">
        <v>2</v>
      </c>
      <c r="FR22" s="169">
        <v>4</v>
      </c>
      <c r="FS22" s="169">
        <v>1</v>
      </c>
      <c r="FT22" s="169">
        <v>4</v>
      </c>
      <c r="FU22" s="170">
        <v>14</v>
      </c>
      <c r="FV22" s="171">
        <v>15</v>
      </c>
      <c r="FW22" s="168">
        <v>0</v>
      </c>
      <c r="FX22" s="169">
        <v>0</v>
      </c>
      <c r="FY22" s="170">
        <v>0</v>
      </c>
      <c r="FZ22" s="439">
        <v>0</v>
      </c>
      <c r="GA22" s="169">
        <v>0</v>
      </c>
      <c r="GB22" s="169">
        <v>0</v>
      </c>
      <c r="GC22" s="169">
        <v>0</v>
      </c>
      <c r="GD22" s="169">
        <v>0</v>
      </c>
      <c r="GE22" s="169">
        <v>0</v>
      </c>
      <c r="GF22" s="170">
        <v>0</v>
      </c>
      <c r="GG22" s="171">
        <v>0</v>
      </c>
      <c r="GH22" s="168">
        <v>3</v>
      </c>
      <c r="GI22" s="169">
        <v>5</v>
      </c>
      <c r="GJ22" s="170">
        <v>8</v>
      </c>
      <c r="GK22" s="439">
        <v>0</v>
      </c>
      <c r="GL22" s="169">
        <v>11</v>
      </c>
      <c r="GM22" s="169">
        <v>6</v>
      </c>
      <c r="GN22" s="169">
        <v>8</v>
      </c>
      <c r="GO22" s="169">
        <v>4</v>
      </c>
      <c r="GP22" s="169">
        <v>5</v>
      </c>
      <c r="GQ22" s="170">
        <v>34</v>
      </c>
      <c r="GR22" s="171">
        <v>42</v>
      </c>
      <c r="GS22" s="172">
        <v>42</v>
      </c>
      <c r="GT22" s="164">
        <v>41</v>
      </c>
      <c r="GU22" s="165">
        <v>83</v>
      </c>
      <c r="GV22" s="439">
        <v>0</v>
      </c>
      <c r="GW22" s="164">
        <v>80</v>
      </c>
      <c r="GX22" s="164">
        <v>49</v>
      </c>
      <c r="GY22" s="164">
        <v>39</v>
      </c>
      <c r="GZ22" s="164">
        <v>23</v>
      </c>
      <c r="HA22" s="164">
        <v>29</v>
      </c>
      <c r="HB22" s="166">
        <v>220</v>
      </c>
      <c r="HC22" s="167">
        <v>303</v>
      </c>
      <c r="HD22" s="174">
        <v>1</v>
      </c>
      <c r="HE22" s="169">
        <v>2</v>
      </c>
      <c r="HF22" s="170">
        <v>3</v>
      </c>
      <c r="HG22" s="439">
        <v>0</v>
      </c>
      <c r="HH22" s="169">
        <v>1</v>
      </c>
      <c r="HI22" s="169">
        <v>2</v>
      </c>
      <c r="HJ22" s="169">
        <v>1</v>
      </c>
      <c r="HK22" s="169">
        <v>0</v>
      </c>
      <c r="HL22" s="169">
        <v>2</v>
      </c>
      <c r="HM22" s="170">
        <v>6</v>
      </c>
      <c r="HN22" s="171">
        <v>9</v>
      </c>
      <c r="HO22" s="168">
        <v>1</v>
      </c>
      <c r="HP22" s="169">
        <v>1</v>
      </c>
      <c r="HQ22" s="170">
        <v>2</v>
      </c>
      <c r="HR22" s="439">
        <v>0</v>
      </c>
      <c r="HS22" s="169">
        <v>3</v>
      </c>
      <c r="HT22" s="169">
        <v>3</v>
      </c>
      <c r="HU22" s="169">
        <v>0</v>
      </c>
      <c r="HV22" s="169">
        <v>1</v>
      </c>
      <c r="HW22" s="169">
        <v>0</v>
      </c>
      <c r="HX22" s="170">
        <v>7</v>
      </c>
      <c r="HY22" s="171">
        <v>9</v>
      </c>
      <c r="HZ22" s="174">
        <v>2</v>
      </c>
      <c r="IA22" s="169">
        <v>2</v>
      </c>
      <c r="IB22" s="170">
        <v>4</v>
      </c>
      <c r="IC22" s="439">
        <v>0</v>
      </c>
      <c r="ID22" s="169">
        <v>8</v>
      </c>
      <c r="IE22" s="169">
        <v>2</v>
      </c>
      <c r="IF22" s="169">
        <v>1</v>
      </c>
      <c r="IG22" s="169">
        <v>1</v>
      </c>
      <c r="IH22" s="169">
        <v>1</v>
      </c>
      <c r="II22" s="170">
        <v>13</v>
      </c>
      <c r="IJ22" s="171">
        <v>17</v>
      </c>
      <c r="IK22" s="168">
        <v>12</v>
      </c>
      <c r="IL22" s="169">
        <v>10</v>
      </c>
      <c r="IM22" s="170">
        <v>22</v>
      </c>
      <c r="IN22" s="439">
        <v>0</v>
      </c>
      <c r="IO22" s="169">
        <v>14</v>
      </c>
      <c r="IP22" s="169">
        <v>8</v>
      </c>
      <c r="IQ22" s="169">
        <v>9</v>
      </c>
      <c r="IR22" s="169">
        <v>4</v>
      </c>
      <c r="IS22" s="169">
        <v>4</v>
      </c>
      <c r="IT22" s="170">
        <v>39</v>
      </c>
      <c r="IU22" s="171">
        <v>61</v>
      </c>
      <c r="IV22" s="174">
        <v>12</v>
      </c>
      <c r="IW22" s="169">
        <v>13</v>
      </c>
      <c r="IX22" s="170">
        <v>25</v>
      </c>
      <c r="IY22" s="439">
        <v>0</v>
      </c>
      <c r="IZ22" s="169">
        <v>32</v>
      </c>
      <c r="JA22" s="169">
        <v>11</v>
      </c>
      <c r="JB22" s="169">
        <v>13</v>
      </c>
      <c r="JC22" s="169">
        <v>12</v>
      </c>
      <c r="JD22" s="169">
        <v>12</v>
      </c>
      <c r="JE22" s="170">
        <v>80</v>
      </c>
      <c r="JF22" s="171">
        <v>105</v>
      </c>
      <c r="JG22" s="168">
        <v>14</v>
      </c>
      <c r="JH22" s="169">
        <v>13</v>
      </c>
      <c r="JI22" s="170">
        <v>27</v>
      </c>
      <c r="JJ22" s="439">
        <v>0</v>
      </c>
      <c r="JK22" s="169">
        <v>22</v>
      </c>
      <c r="JL22" s="169">
        <v>23</v>
      </c>
      <c r="JM22" s="169">
        <v>15</v>
      </c>
      <c r="JN22" s="169">
        <v>5</v>
      </c>
      <c r="JO22" s="169">
        <v>10</v>
      </c>
      <c r="JP22" s="170">
        <v>75</v>
      </c>
      <c r="JQ22" s="171">
        <v>102</v>
      </c>
      <c r="JR22" s="168">
        <v>0</v>
      </c>
      <c r="JS22" s="169">
        <v>0</v>
      </c>
      <c r="JT22" s="170">
        <v>0</v>
      </c>
      <c r="JU22" s="439">
        <v>0</v>
      </c>
      <c r="JV22" s="169">
        <v>0</v>
      </c>
      <c r="JW22" s="169">
        <v>0</v>
      </c>
      <c r="JX22" s="169">
        <v>0</v>
      </c>
      <c r="JY22" s="169">
        <v>0</v>
      </c>
      <c r="JZ22" s="169">
        <v>0</v>
      </c>
      <c r="KA22" s="170">
        <v>0</v>
      </c>
      <c r="KB22" s="171">
        <v>0</v>
      </c>
      <c r="KC22" s="168">
        <v>42</v>
      </c>
      <c r="KD22" s="169">
        <v>41</v>
      </c>
      <c r="KE22" s="170">
        <v>83</v>
      </c>
      <c r="KF22" s="439">
        <v>0</v>
      </c>
      <c r="KG22" s="169">
        <v>80</v>
      </c>
      <c r="KH22" s="169">
        <v>49</v>
      </c>
      <c r="KI22" s="169">
        <v>39</v>
      </c>
      <c r="KJ22" s="169">
        <v>23</v>
      </c>
      <c r="KK22" s="169">
        <v>29</v>
      </c>
      <c r="KL22" s="170">
        <v>220</v>
      </c>
      <c r="KM22" s="171">
        <v>303</v>
      </c>
    </row>
    <row r="23" spans="2:299" s="137" customFormat="1" ht="21" customHeight="1" x14ac:dyDescent="0.2">
      <c r="B23" s="173" t="s">
        <v>20</v>
      </c>
      <c r="C23" s="163">
        <v>60</v>
      </c>
      <c r="D23" s="164">
        <v>64</v>
      </c>
      <c r="E23" s="165">
        <v>124</v>
      </c>
      <c r="F23" s="439">
        <v>0</v>
      </c>
      <c r="G23" s="164">
        <v>125</v>
      </c>
      <c r="H23" s="164">
        <v>78</v>
      </c>
      <c r="I23" s="164">
        <v>48</v>
      </c>
      <c r="J23" s="164">
        <v>40</v>
      </c>
      <c r="K23" s="164">
        <v>22</v>
      </c>
      <c r="L23" s="166">
        <v>313</v>
      </c>
      <c r="M23" s="167">
        <v>437</v>
      </c>
      <c r="N23" s="168">
        <v>0</v>
      </c>
      <c r="O23" s="169">
        <v>1</v>
      </c>
      <c r="P23" s="170">
        <v>1</v>
      </c>
      <c r="Q23" s="439">
        <v>0</v>
      </c>
      <c r="R23" s="169">
        <v>3</v>
      </c>
      <c r="S23" s="169">
        <v>1</v>
      </c>
      <c r="T23" s="169">
        <v>3</v>
      </c>
      <c r="U23" s="169">
        <v>0</v>
      </c>
      <c r="V23" s="169">
        <v>0</v>
      </c>
      <c r="W23" s="170">
        <v>7</v>
      </c>
      <c r="X23" s="171">
        <v>8</v>
      </c>
      <c r="Y23" s="168">
        <v>2</v>
      </c>
      <c r="Z23" s="169">
        <v>2</v>
      </c>
      <c r="AA23" s="170">
        <v>4</v>
      </c>
      <c r="AB23" s="439">
        <v>0</v>
      </c>
      <c r="AC23" s="169">
        <v>5</v>
      </c>
      <c r="AD23" s="169">
        <v>3</v>
      </c>
      <c r="AE23" s="169">
        <v>2</v>
      </c>
      <c r="AF23" s="169">
        <v>2</v>
      </c>
      <c r="AG23" s="169">
        <v>0</v>
      </c>
      <c r="AH23" s="170">
        <v>12</v>
      </c>
      <c r="AI23" s="171">
        <v>16</v>
      </c>
      <c r="AJ23" s="168">
        <v>8</v>
      </c>
      <c r="AK23" s="169">
        <v>6</v>
      </c>
      <c r="AL23" s="170">
        <v>14</v>
      </c>
      <c r="AM23" s="439">
        <v>0</v>
      </c>
      <c r="AN23" s="169">
        <v>15</v>
      </c>
      <c r="AO23" s="169">
        <v>4</v>
      </c>
      <c r="AP23" s="169">
        <v>7</v>
      </c>
      <c r="AQ23" s="169">
        <v>5</v>
      </c>
      <c r="AR23" s="169">
        <v>2</v>
      </c>
      <c r="AS23" s="170">
        <v>33</v>
      </c>
      <c r="AT23" s="171">
        <v>47</v>
      </c>
      <c r="AU23" s="168">
        <v>14</v>
      </c>
      <c r="AV23" s="169">
        <v>12</v>
      </c>
      <c r="AW23" s="170">
        <v>26</v>
      </c>
      <c r="AX23" s="439">
        <v>0</v>
      </c>
      <c r="AY23" s="169">
        <v>38</v>
      </c>
      <c r="AZ23" s="169">
        <v>18</v>
      </c>
      <c r="BA23" s="169">
        <v>11</v>
      </c>
      <c r="BB23" s="169">
        <v>10</v>
      </c>
      <c r="BC23" s="169">
        <v>9</v>
      </c>
      <c r="BD23" s="170">
        <v>86</v>
      </c>
      <c r="BE23" s="171">
        <v>112</v>
      </c>
      <c r="BF23" s="168">
        <v>22</v>
      </c>
      <c r="BG23" s="169">
        <v>24</v>
      </c>
      <c r="BH23" s="170">
        <v>46</v>
      </c>
      <c r="BI23" s="439">
        <v>0</v>
      </c>
      <c r="BJ23" s="169">
        <v>35</v>
      </c>
      <c r="BK23" s="169">
        <v>25</v>
      </c>
      <c r="BL23" s="169">
        <v>14</v>
      </c>
      <c r="BM23" s="169">
        <v>14</v>
      </c>
      <c r="BN23" s="169">
        <v>7</v>
      </c>
      <c r="BO23" s="170">
        <v>95</v>
      </c>
      <c r="BP23" s="171">
        <v>141</v>
      </c>
      <c r="BQ23" s="168">
        <v>14</v>
      </c>
      <c r="BR23" s="169">
        <v>19</v>
      </c>
      <c r="BS23" s="170">
        <v>33</v>
      </c>
      <c r="BT23" s="439">
        <v>0</v>
      </c>
      <c r="BU23" s="169">
        <v>29</v>
      </c>
      <c r="BV23" s="169">
        <v>27</v>
      </c>
      <c r="BW23" s="169">
        <v>11</v>
      </c>
      <c r="BX23" s="169">
        <v>9</v>
      </c>
      <c r="BY23" s="169">
        <v>4</v>
      </c>
      <c r="BZ23" s="170">
        <v>80</v>
      </c>
      <c r="CA23" s="171">
        <v>113</v>
      </c>
      <c r="CB23" s="168">
        <v>0</v>
      </c>
      <c r="CC23" s="169">
        <v>0</v>
      </c>
      <c r="CD23" s="170">
        <v>0</v>
      </c>
      <c r="CE23" s="439">
        <v>0</v>
      </c>
      <c r="CF23" s="169">
        <v>0</v>
      </c>
      <c r="CG23" s="169">
        <v>0</v>
      </c>
      <c r="CH23" s="169">
        <v>0</v>
      </c>
      <c r="CI23" s="169">
        <v>0</v>
      </c>
      <c r="CJ23" s="169">
        <v>0</v>
      </c>
      <c r="CK23" s="170">
        <v>0</v>
      </c>
      <c r="CL23" s="171">
        <v>0</v>
      </c>
      <c r="CM23" s="168">
        <v>60</v>
      </c>
      <c r="CN23" s="169">
        <v>64</v>
      </c>
      <c r="CO23" s="170">
        <v>124</v>
      </c>
      <c r="CP23" s="439">
        <v>0</v>
      </c>
      <c r="CQ23" s="169">
        <v>125</v>
      </c>
      <c r="CR23" s="169">
        <v>78</v>
      </c>
      <c r="CS23" s="169">
        <v>48</v>
      </c>
      <c r="CT23" s="169">
        <v>40</v>
      </c>
      <c r="CU23" s="169">
        <v>22</v>
      </c>
      <c r="CV23" s="170">
        <v>313</v>
      </c>
      <c r="CW23" s="171">
        <v>437</v>
      </c>
      <c r="CX23" s="172">
        <v>7</v>
      </c>
      <c r="CY23" s="164">
        <v>14</v>
      </c>
      <c r="CZ23" s="165">
        <v>21</v>
      </c>
      <c r="DA23" s="439">
        <v>0</v>
      </c>
      <c r="DB23" s="164">
        <v>16</v>
      </c>
      <c r="DC23" s="164">
        <v>4</v>
      </c>
      <c r="DD23" s="164">
        <v>2</v>
      </c>
      <c r="DE23" s="164">
        <v>6</v>
      </c>
      <c r="DF23" s="164">
        <v>4</v>
      </c>
      <c r="DG23" s="166">
        <v>32</v>
      </c>
      <c r="DH23" s="167">
        <v>53</v>
      </c>
      <c r="DI23" s="168">
        <v>0</v>
      </c>
      <c r="DJ23" s="169">
        <v>0</v>
      </c>
      <c r="DK23" s="170">
        <v>0</v>
      </c>
      <c r="DL23" s="439">
        <v>0</v>
      </c>
      <c r="DM23" s="169">
        <v>0</v>
      </c>
      <c r="DN23" s="169">
        <v>0</v>
      </c>
      <c r="DO23" s="169">
        <v>0</v>
      </c>
      <c r="DP23" s="169">
        <v>0</v>
      </c>
      <c r="DQ23" s="169">
        <v>0</v>
      </c>
      <c r="DR23" s="170">
        <v>0</v>
      </c>
      <c r="DS23" s="171">
        <v>0</v>
      </c>
      <c r="DT23" s="168">
        <v>0</v>
      </c>
      <c r="DU23" s="169">
        <v>1</v>
      </c>
      <c r="DV23" s="170">
        <v>1</v>
      </c>
      <c r="DW23" s="439">
        <v>0</v>
      </c>
      <c r="DX23" s="169">
        <v>0</v>
      </c>
      <c r="DY23" s="169">
        <v>1</v>
      </c>
      <c r="DZ23" s="169">
        <v>0</v>
      </c>
      <c r="EA23" s="169">
        <v>0</v>
      </c>
      <c r="EB23" s="169">
        <v>0</v>
      </c>
      <c r="EC23" s="170">
        <v>1</v>
      </c>
      <c r="ED23" s="171">
        <v>2</v>
      </c>
      <c r="EE23" s="168">
        <v>3</v>
      </c>
      <c r="EF23" s="169">
        <v>1</v>
      </c>
      <c r="EG23" s="170">
        <v>4</v>
      </c>
      <c r="EH23" s="439">
        <v>0</v>
      </c>
      <c r="EI23" s="169">
        <v>2</v>
      </c>
      <c r="EJ23" s="169">
        <v>1</v>
      </c>
      <c r="EK23" s="169">
        <v>0</v>
      </c>
      <c r="EL23" s="169">
        <v>0</v>
      </c>
      <c r="EM23" s="169">
        <v>1</v>
      </c>
      <c r="EN23" s="170">
        <v>4</v>
      </c>
      <c r="EO23" s="171">
        <v>8</v>
      </c>
      <c r="EP23" s="168">
        <v>4</v>
      </c>
      <c r="EQ23" s="169">
        <v>3</v>
      </c>
      <c r="ER23" s="170">
        <v>7</v>
      </c>
      <c r="ES23" s="439">
        <v>0</v>
      </c>
      <c r="ET23" s="169">
        <v>4</v>
      </c>
      <c r="EU23" s="169">
        <v>0</v>
      </c>
      <c r="EV23" s="169">
        <v>1</v>
      </c>
      <c r="EW23" s="169">
        <v>1</v>
      </c>
      <c r="EX23" s="169">
        <v>1</v>
      </c>
      <c r="EY23" s="170">
        <v>7</v>
      </c>
      <c r="EZ23" s="171">
        <v>14</v>
      </c>
      <c r="FA23" s="168">
        <v>0</v>
      </c>
      <c r="FB23" s="169">
        <v>6</v>
      </c>
      <c r="FC23" s="170">
        <v>6</v>
      </c>
      <c r="FD23" s="439">
        <v>0</v>
      </c>
      <c r="FE23" s="169">
        <v>2</v>
      </c>
      <c r="FF23" s="169">
        <v>0</v>
      </c>
      <c r="FG23" s="169">
        <v>0</v>
      </c>
      <c r="FH23" s="169">
        <v>2</v>
      </c>
      <c r="FI23" s="169">
        <v>0</v>
      </c>
      <c r="FJ23" s="170">
        <v>4</v>
      </c>
      <c r="FK23" s="171">
        <v>10</v>
      </c>
      <c r="FL23" s="168">
        <v>0</v>
      </c>
      <c r="FM23" s="169">
        <v>3</v>
      </c>
      <c r="FN23" s="170">
        <v>3</v>
      </c>
      <c r="FO23" s="439">
        <v>0</v>
      </c>
      <c r="FP23" s="169">
        <v>8</v>
      </c>
      <c r="FQ23" s="169">
        <v>2</v>
      </c>
      <c r="FR23" s="169">
        <v>1</v>
      </c>
      <c r="FS23" s="169">
        <v>3</v>
      </c>
      <c r="FT23" s="169">
        <v>2</v>
      </c>
      <c r="FU23" s="170">
        <v>16</v>
      </c>
      <c r="FV23" s="171">
        <v>19</v>
      </c>
      <c r="FW23" s="168">
        <v>0</v>
      </c>
      <c r="FX23" s="169">
        <v>0</v>
      </c>
      <c r="FY23" s="170">
        <v>0</v>
      </c>
      <c r="FZ23" s="439">
        <v>0</v>
      </c>
      <c r="GA23" s="169">
        <v>0</v>
      </c>
      <c r="GB23" s="169">
        <v>0</v>
      </c>
      <c r="GC23" s="169">
        <v>0</v>
      </c>
      <c r="GD23" s="169">
        <v>0</v>
      </c>
      <c r="GE23" s="169">
        <v>0</v>
      </c>
      <c r="GF23" s="170">
        <v>0</v>
      </c>
      <c r="GG23" s="171">
        <v>0</v>
      </c>
      <c r="GH23" s="168">
        <v>7</v>
      </c>
      <c r="GI23" s="169">
        <v>14</v>
      </c>
      <c r="GJ23" s="170">
        <v>21</v>
      </c>
      <c r="GK23" s="439">
        <v>0</v>
      </c>
      <c r="GL23" s="169">
        <v>16</v>
      </c>
      <c r="GM23" s="169">
        <v>4</v>
      </c>
      <c r="GN23" s="169">
        <v>2</v>
      </c>
      <c r="GO23" s="169">
        <v>6</v>
      </c>
      <c r="GP23" s="169">
        <v>4</v>
      </c>
      <c r="GQ23" s="170">
        <v>32</v>
      </c>
      <c r="GR23" s="171">
        <v>53</v>
      </c>
      <c r="GS23" s="172">
        <v>67</v>
      </c>
      <c r="GT23" s="164">
        <v>78</v>
      </c>
      <c r="GU23" s="165">
        <v>145</v>
      </c>
      <c r="GV23" s="439">
        <v>0</v>
      </c>
      <c r="GW23" s="164">
        <v>141</v>
      </c>
      <c r="GX23" s="164">
        <v>82</v>
      </c>
      <c r="GY23" s="164">
        <v>50</v>
      </c>
      <c r="GZ23" s="164">
        <v>46</v>
      </c>
      <c r="HA23" s="164">
        <v>26</v>
      </c>
      <c r="HB23" s="166">
        <v>345</v>
      </c>
      <c r="HC23" s="167">
        <v>490</v>
      </c>
      <c r="HD23" s="168">
        <v>0</v>
      </c>
      <c r="HE23" s="169">
        <v>1</v>
      </c>
      <c r="HF23" s="170">
        <v>1</v>
      </c>
      <c r="HG23" s="439">
        <v>0</v>
      </c>
      <c r="HH23" s="169">
        <v>3</v>
      </c>
      <c r="HI23" s="169">
        <v>1</v>
      </c>
      <c r="HJ23" s="169">
        <v>3</v>
      </c>
      <c r="HK23" s="169">
        <v>0</v>
      </c>
      <c r="HL23" s="169">
        <v>0</v>
      </c>
      <c r="HM23" s="170">
        <v>7</v>
      </c>
      <c r="HN23" s="171">
        <v>8</v>
      </c>
      <c r="HO23" s="168">
        <v>2</v>
      </c>
      <c r="HP23" s="169">
        <v>3</v>
      </c>
      <c r="HQ23" s="170">
        <v>5</v>
      </c>
      <c r="HR23" s="439">
        <v>0</v>
      </c>
      <c r="HS23" s="169">
        <v>5</v>
      </c>
      <c r="HT23" s="169">
        <v>4</v>
      </c>
      <c r="HU23" s="169">
        <v>2</v>
      </c>
      <c r="HV23" s="169">
        <v>2</v>
      </c>
      <c r="HW23" s="169">
        <v>0</v>
      </c>
      <c r="HX23" s="170">
        <v>13</v>
      </c>
      <c r="HY23" s="171">
        <v>18</v>
      </c>
      <c r="HZ23" s="168">
        <v>11</v>
      </c>
      <c r="IA23" s="169">
        <v>7</v>
      </c>
      <c r="IB23" s="170">
        <v>18</v>
      </c>
      <c r="IC23" s="439">
        <v>0</v>
      </c>
      <c r="ID23" s="169">
        <v>17</v>
      </c>
      <c r="IE23" s="169">
        <v>5</v>
      </c>
      <c r="IF23" s="169">
        <v>7</v>
      </c>
      <c r="IG23" s="169">
        <v>5</v>
      </c>
      <c r="IH23" s="169">
        <v>3</v>
      </c>
      <c r="II23" s="170">
        <v>37</v>
      </c>
      <c r="IJ23" s="171">
        <v>55</v>
      </c>
      <c r="IK23" s="168">
        <v>18</v>
      </c>
      <c r="IL23" s="169">
        <v>15</v>
      </c>
      <c r="IM23" s="170">
        <v>33</v>
      </c>
      <c r="IN23" s="439">
        <v>0</v>
      </c>
      <c r="IO23" s="169">
        <v>42</v>
      </c>
      <c r="IP23" s="169">
        <v>18</v>
      </c>
      <c r="IQ23" s="169">
        <v>12</v>
      </c>
      <c r="IR23" s="169">
        <v>11</v>
      </c>
      <c r="IS23" s="169">
        <v>10</v>
      </c>
      <c r="IT23" s="170">
        <v>93</v>
      </c>
      <c r="IU23" s="171">
        <v>126</v>
      </c>
      <c r="IV23" s="168">
        <v>22</v>
      </c>
      <c r="IW23" s="169">
        <v>30</v>
      </c>
      <c r="IX23" s="170">
        <v>52</v>
      </c>
      <c r="IY23" s="439">
        <v>0</v>
      </c>
      <c r="IZ23" s="169">
        <v>37</v>
      </c>
      <c r="JA23" s="169">
        <v>25</v>
      </c>
      <c r="JB23" s="169">
        <v>14</v>
      </c>
      <c r="JC23" s="169">
        <v>16</v>
      </c>
      <c r="JD23" s="169">
        <v>7</v>
      </c>
      <c r="JE23" s="170">
        <v>99</v>
      </c>
      <c r="JF23" s="171">
        <v>151</v>
      </c>
      <c r="JG23" s="168">
        <v>14</v>
      </c>
      <c r="JH23" s="169">
        <v>22</v>
      </c>
      <c r="JI23" s="170">
        <v>36</v>
      </c>
      <c r="JJ23" s="439">
        <v>0</v>
      </c>
      <c r="JK23" s="169">
        <v>37</v>
      </c>
      <c r="JL23" s="169">
        <v>29</v>
      </c>
      <c r="JM23" s="169">
        <v>12</v>
      </c>
      <c r="JN23" s="169">
        <v>12</v>
      </c>
      <c r="JO23" s="169">
        <v>6</v>
      </c>
      <c r="JP23" s="170">
        <v>96</v>
      </c>
      <c r="JQ23" s="171">
        <v>132</v>
      </c>
      <c r="JR23" s="168">
        <v>0</v>
      </c>
      <c r="JS23" s="169">
        <v>0</v>
      </c>
      <c r="JT23" s="170">
        <v>0</v>
      </c>
      <c r="JU23" s="439">
        <v>0</v>
      </c>
      <c r="JV23" s="169">
        <v>0</v>
      </c>
      <c r="JW23" s="169">
        <v>0</v>
      </c>
      <c r="JX23" s="169">
        <v>0</v>
      </c>
      <c r="JY23" s="169">
        <v>0</v>
      </c>
      <c r="JZ23" s="169">
        <v>0</v>
      </c>
      <c r="KA23" s="170">
        <v>0</v>
      </c>
      <c r="KB23" s="171">
        <v>0</v>
      </c>
      <c r="KC23" s="168">
        <v>67</v>
      </c>
      <c r="KD23" s="169">
        <v>78</v>
      </c>
      <c r="KE23" s="170">
        <v>145</v>
      </c>
      <c r="KF23" s="439">
        <v>0</v>
      </c>
      <c r="KG23" s="169">
        <v>141</v>
      </c>
      <c r="KH23" s="169">
        <v>82</v>
      </c>
      <c r="KI23" s="169">
        <v>50</v>
      </c>
      <c r="KJ23" s="169">
        <v>46</v>
      </c>
      <c r="KK23" s="169">
        <v>26</v>
      </c>
      <c r="KL23" s="170">
        <v>345</v>
      </c>
      <c r="KM23" s="171">
        <v>490</v>
      </c>
    </row>
    <row r="24" spans="2:299" s="137" customFormat="1" ht="21" customHeight="1" x14ac:dyDescent="0.2">
      <c r="B24" s="173" t="s">
        <v>21</v>
      </c>
      <c r="C24" s="163">
        <v>52</v>
      </c>
      <c r="D24" s="164">
        <v>39</v>
      </c>
      <c r="E24" s="165">
        <v>91</v>
      </c>
      <c r="F24" s="439">
        <v>0</v>
      </c>
      <c r="G24" s="164">
        <v>70</v>
      </c>
      <c r="H24" s="164">
        <v>62</v>
      </c>
      <c r="I24" s="164">
        <v>36</v>
      </c>
      <c r="J24" s="164">
        <v>25</v>
      </c>
      <c r="K24" s="164">
        <v>21</v>
      </c>
      <c r="L24" s="166">
        <v>214</v>
      </c>
      <c r="M24" s="167">
        <v>305</v>
      </c>
      <c r="N24" s="168">
        <v>1</v>
      </c>
      <c r="O24" s="169">
        <v>0</v>
      </c>
      <c r="P24" s="170">
        <v>1</v>
      </c>
      <c r="Q24" s="439">
        <v>0</v>
      </c>
      <c r="R24" s="169">
        <v>0</v>
      </c>
      <c r="S24" s="169">
        <v>3</v>
      </c>
      <c r="T24" s="169">
        <v>1</v>
      </c>
      <c r="U24" s="169">
        <v>0</v>
      </c>
      <c r="V24" s="169">
        <v>2</v>
      </c>
      <c r="W24" s="170">
        <v>6</v>
      </c>
      <c r="X24" s="171">
        <v>7</v>
      </c>
      <c r="Y24" s="168">
        <v>2</v>
      </c>
      <c r="Z24" s="169">
        <v>1</v>
      </c>
      <c r="AA24" s="170">
        <v>3</v>
      </c>
      <c r="AB24" s="439">
        <v>0</v>
      </c>
      <c r="AC24" s="169">
        <v>2</v>
      </c>
      <c r="AD24" s="169">
        <v>3</v>
      </c>
      <c r="AE24" s="169">
        <v>2</v>
      </c>
      <c r="AF24" s="169">
        <v>1</v>
      </c>
      <c r="AG24" s="169">
        <v>0</v>
      </c>
      <c r="AH24" s="170">
        <v>8</v>
      </c>
      <c r="AI24" s="171">
        <v>11</v>
      </c>
      <c r="AJ24" s="168">
        <v>7</v>
      </c>
      <c r="AK24" s="169">
        <v>3</v>
      </c>
      <c r="AL24" s="170">
        <v>10</v>
      </c>
      <c r="AM24" s="439">
        <v>0</v>
      </c>
      <c r="AN24" s="169">
        <v>10</v>
      </c>
      <c r="AO24" s="169">
        <v>6</v>
      </c>
      <c r="AP24" s="169">
        <v>4</v>
      </c>
      <c r="AQ24" s="169">
        <v>4</v>
      </c>
      <c r="AR24" s="169">
        <v>2</v>
      </c>
      <c r="AS24" s="170">
        <v>26</v>
      </c>
      <c r="AT24" s="171">
        <v>36</v>
      </c>
      <c r="AU24" s="168">
        <v>11</v>
      </c>
      <c r="AV24" s="169">
        <v>9</v>
      </c>
      <c r="AW24" s="170">
        <v>20</v>
      </c>
      <c r="AX24" s="439">
        <v>0</v>
      </c>
      <c r="AY24" s="169">
        <v>15</v>
      </c>
      <c r="AZ24" s="169">
        <v>14</v>
      </c>
      <c r="BA24" s="169">
        <v>7</v>
      </c>
      <c r="BB24" s="169">
        <v>6</v>
      </c>
      <c r="BC24" s="169">
        <v>4</v>
      </c>
      <c r="BD24" s="170">
        <v>46</v>
      </c>
      <c r="BE24" s="171">
        <v>66</v>
      </c>
      <c r="BF24" s="168">
        <v>20</v>
      </c>
      <c r="BG24" s="169">
        <v>13</v>
      </c>
      <c r="BH24" s="170">
        <v>33</v>
      </c>
      <c r="BI24" s="439">
        <v>0</v>
      </c>
      <c r="BJ24" s="169">
        <v>23</v>
      </c>
      <c r="BK24" s="169">
        <v>14</v>
      </c>
      <c r="BL24" s="169">
        <v>11</v>
      </c>
      <c r="BM24" s="169">
        <v>3</v>
      </c>
      <c r="BN24" s="169">
        <v>5</v>
      </c>
      <c r="BO24" s="170">
        <v>56</v>
      </c>
      <c r="BP24" s="171">
        <v>89</v>
      </c>
      <c r="BQ24" s="168">
        <v>11</v>
      </c>
      <c r="BR24" s="169">
        <v>13</v>
      </c>
      <c r="BS24" s="170">
        <v>24</v>
      </c>
      <c r="BT24" s="439">
        <v>0</v>
      </c>
      <c r="BU24" s="169">
        <v>20</v>
      </c>
      <c r="BV24" s="169">
        <v>22</v>
      </c>
      <c r="BW24" s="169">
        <v>11</v>
      </c>
      <c r="BX24" s="169">
        <v>11</v>
      </c>
      <c r="BY24" s="169">
        <v>8</v>
      </c>
      <c r="BZ24" s="170">
        <v>72</v>
      </c>
      <c r="CA24" s="171">
        <v>96</v>
      </c>
      <c r="CB24" s="168">
        <v>0</v>
      </c>
      <c r="CC24" s="169">
        <v>0</v>
      </c>
      <c r="CD24" s="170">
        <v>0</v>
      </c>
      <c r="CE24" s="439">
        <v>0</v>
      </c>
      <c r="CF24" s="169">
        <v>0</v>
      </c>
      <c r="CG24" s="169">
        <v>0</v>
      </c>
      <c r="CH24" s="169">
        <v>0</v>
      </c>
      <c r="CI24" s="169">
        <v>0</v>
      </c>
      <c r="CJ24" s="169">
        <v>0</v>
      </c>
      <c r="CK24" s="170">
        <v>0</v>
      </c>
      <c r="CL24" s="171">
        <v>0</v>
      </c>
      <c r="CM24" s="168">
        <v>52</v>
      </c>
      <c r="CN24" s="169">
        <v>39</v>
      </c>
      <c r="CO24" s="170">
        <v>91</v>
      </c>
      <c r="CP24" s="439">
        <v>0</v>
      </c>
      <c r="CQ24" s="169">
        <v>70</v>
      </c>
      <c r="CR24" s="169">
        <v>62</v>
      </c>
      <c r="CS24" s="169">
        <v>36</v>
      </c>
      <c r="CT24" s="169">
        <v>25</v>
      </c>
      <c r="CU24" s="169">
        <v>21</v>
      </c>
      <c r="CV24" s="170">
        <v>214</v>
      </c>
      <c r="CW24" s="171">
        <v>305</v>
      </c>
      <c r="CX24" s="172">
        <v>7</v>
      </c>
      <c r="CY24" s="164">
        <v>5</v>
      </c>
      <c r="CZ24" s="165">
        <v>12</v>
      </c>
      <c r="DA24" s="439">
        <v>0</v>
      </c>
      <c r="DB24" s="164">
        <v>12</v>
      </c>
      <c r="DC24" s="164">
        <v>8</v>
      </c>
      <c r="DD24" s="164">
        <v>6</v>
      </c>
      <c r="DE24" s="164">
        <v>6</v>
      </c>
      <c r="DF24" s="164">
        <v>4</v>
      </c>
      <c r="DG24" s="166">
        <v>36</v>
      </c>
      <c r="DH24" s="167">
        <v>48</v>
      </c>
      <c r="DI24" s="168">
        <v>0</v>
      </c>
      <c r="DJ24" s="169">
        <v>0</v>
      </c>
      <c r="DK24" s="170">
        <v>0</v>
      </c>
      <c r="DL24" s="439">
        <v>0</v>
      </c>
      <c r="DM24" s="169">
        <v>3</v>
      </c>
      <c r="DN24" s="169">
        <v>0</v>
      </c>
      <c r="DO24" s="169">
        <v>0</v>
      </c>
      <c r="DP24" s="169">
        <v>0</v>
      </c>
      <c r="DQ24" s="169">
        <v>0</v>
      </c>
      <c r="DR24" s="170">
        <v>3</v>
      </c>
      <c r="DS24" s="171">
        <v>3</v>
      </c>
      <c r="DT24" s="168">
        <v>0</v>
      </c>
      <c r="DU24" s="169">
        <v>0</v>
      </c>
      <c r="DV24" s="170">
        <v>0</v>
      </c>
      <c r="DW24" s="439">
        <v>0</v>
      </c>
      <c r="DX24" s="169">
        <v>0</v>
      </c>
      <c r="DY24" s="169">
        <v>1</v>
      </c>
      <c r="DZ24" s="169">
        <v>0</v>
      </c>
      <c r="EA24" s="169">
        <v>0</v>
      </c>
      <c r="EB24" s="169">
        <v>1</v>
      </c>
      <c r="EC24" s="170">
        <v>2</v>
      </c>
      <c r="ED24" s="171">
        <v>2</v>
      </c>
      <c r="EE24" s="168">
        <v>1</v>
      </c>
      <c r="EF24" s="169">
        <v>2</v>
      </c>
      <c r="EG24" s="170">
        <v>3</v>
      </c>
      <c r="EH24" s="439">
        <v>0</v>
      </c>
      <c r="EI24" s="169">
        <v>1</v>
      </c>
      <c r="EJ24" s="169">
        <v>0</v>
      </c>
      <c r="EK24" s="169">
        <v>0</v>
      </c>
      <c r="EL24" s="169">
        <v>0</v>
      </c>
      <c r="EM24" s="169">
        <v>0</v>
      </c>
      <c r="EN24" s="170">
        <v>1</v>
      </c>
      <c r="EO24" s="171">
        <v>4</v>
      </c>
      <c r="EP24" s="168">
        <v>2</v>
      </c>
      <c r="EQ24" s="169">
        <v>0</v>
      </c>
      <c r="ER24" s="170">
        <v>2</v>
      </c>
      <c r="ES24" s="439">
        <v>0</v>
      </c>
      <c r="ET24" s="169">
        <v>0</v>
      </c>
      <c r="EU24" s="169">
        <v>0</v>
      </c>
      <c r="EV24" s="169">
        <v>2</v>
      </c>
      <c r="EW24" s="169">
        <v>0</v>
      </c>
      <c r="EX24" s="169">
        <v>1</v>
      </c>
      <c r="EY24" s="170">
        <v>3</v>
      </c>
      <c r="EZ24" s="171">
        <v>5</v>
      </c>
      <c r="FA24" s="168">
        <v>3</v>
      </c>
      <c r="FB24" s="169">
        <v>1</v>
      </c>
      <c r="FC24" s="170">
        <v>4</v>
      </c>
      <c r="FD24" s="439">
        <v>0</v>
      </c>
      <c r="FE24" s="169">
        <v>5</v>
      </c>
      <c r="FF24" s="169">
        <v>3</v>
      </c>
      <c r="FG24" s="169">
        <v>1</v>
      </c>
      <c r="FH24" s="169">
        <v>2</v>
      </c>
      <c r="FI24" s="169">
        <v>1</v>
      </c>
      <c r="FJ24" s="170">
        <v>12</v>
      </c>
      <c r="FK24" s="171">
        <v>16</v>
      </c>
      <c r="FL24" s="168">
        <v>1</v>
      </c>
      <c r="FM24" s="169">
        <v>2</v>
      </c>
      <c r="FN24" s="170">
        <v>3</v>
      </c>
      <c r="FO24" s="439">
        <v>0</v>
      </c>
      <c r="FP24" s="169">
        <v>3</v>
      </c>
      <c r="FQ24" s="169">
        <v>4</v>
      </c>
      <c r="FR24" s="169">
        <v>3</v>
      </c>
      <c r="FS24" s="169">
        <v>4</v>
      </c>
      <c r="FT24" s="169">
        <v>1</v>
      </c>
      <c r="FU24" s="170">
        <v>15</v>
      </c>
      <c r="FV24" s="171">
        <v>18</v>
      </c>
      <c r="FW24" s="168">
        <v>0</v>
      </c>
      <c r="FX24" s="169">
        <v>0</v>
      </c>
      <c r="FY24" s="170">
        <v>0</v>
      </c>
      <c r="FZ24" s="439">
        <v>0</v>
      </c>
      <c r="GA24" s="169">
        <v>0</v>
      </c>
      <c r="GB24" s="169">
        <v>0</v>
      </c>
      <c r="GC24" s="169">
        <v>0</v>
      </c>
      <c r="GD24" s="169">
        <v>0</v>
      </c>
      <c r="GE24" s="169">
        <v>0</v>
      </c>
      <c r="GF24" s="170">
        <v>0</v>
      </c>
      <c r="GG24" s="171">
        <v>0</v>
      </c>
      <c r="GH24" s="168">
        <v>7</v>
      </c>
      <c r="GI24" s="169">
        <v>5</v>
      </c>
      <c r="GJ24" s="170">
        <v>12</v>
      </c>
      <c r="GK24" s="439">
        <v>0</v>
      </c>
      <c r="GL24" s="169">
        <v>12</v>
      </c>
      <c r="GM24" s="169">
        <v>8</v>
      </c>
      <c r="GN24" s="169">
        <v>6</v>
      </c>
      <c r="GO24" s="169">
        <v>6</v>
      </c>
      <c r="GP24" s="169">
        <v>4</v>
      </c>
      <c r="GQ24" s="170">
        <v>36</v>
      </c>
      <c r="GR24" s="171">
        <v>48</v>
      </c>
      <c r="GS24" s="172">
        <v>59</v>
      </c>
      <c r="GT24" s="164">
        <v>44</v>
      </c>
      <c r="GU24" s="165">
        <v>103</v>
      </c>
      <c r="GV24" s="439">
        <v>0</v>
      </c>
      <c r="GW24" s="164">
        <v>82</v>
      </c>
      <c r="GX24" s="164">
        <v>70</v>
      </c>
      <c r="GY24" s="164">
        <v>42</v>
      </c>
      <c r="GZ24" s="164">
        <v>31</v>
      </c>
      <c r="HA24" s="164">
        <v>25</v>
      </c>
      <c r="HB24" s="166">
        <v>250</v>
      </c>
      <c r="HC24" s="167">
        <v>353</v>
      </c>
      <c r="HD24" s="168">
        <v>1</v>
      </c>
      <c r="HE24" s="169">
        <v>0</v>
      </c>
      <c r="HF24" s="170">
        <v>1</v>
      </c>
      <c r="HG24" s="439">
        <v>0</v>
      </c>
      <c r="HH24" s="169">
        <v>3</v>
      </c>
      <c r="HI24" s="169">
        <v>3</v>
      </c>
      <c r="HJ24" s="169">
        <v>1</v>
      </c>
      <c r="HK24" s="169">
        <v>0</v>
      </c>
      <c r="HL24" s="169">
        <v>2</v>
      </c>
      <c r="HM24" s="170">
        <v>9</v>
      </c>
      <c r="HN24" s="171">
        <v>10</v>
      </c>
      <c r="HO24" s="168">
        <v>2</v>
      </c>
      <c r="HP24" s="169">
        <v>1</v>
      </c>
      <c r="HQ24" s="170">
        <v>3</v>
      </c>
      <c r="HR24" s="439">
        <v>0</v>
      </c>
      <c r="HS24" s="169">
        <v>2</v>
      </c>
      <c r="HT24" s="169">
        <v>4</v>
      </c>
      <c r="HU24" s="169">
        <v>2</v>
      </c>
      <c r="HV24" s="169">
        <v>1</v>
      </c>
      <c r="HW24" s="169">
        <v>1</v>
      </c>
      <c r="HX24" s="170">
        <v>10</v>
      </c>
      <c r="HY24" s="171">
        <v>13</v>
      </c>
      <c r="HZ24" s="168">
        <v>8</v>
      </c>
      <c r="IA24" s="169">
        <v>5</v>
      </c>
      <c r="IB24" s="170">
        <v>13</v>
      </c>
      <c r="IC24" s="439">
        <v>0</v>
      </c>
      <c r="ID24" s="169">
        <v>11</v>
      </c>
      <c r="IE24" s="169">
        <v>6</v>
      </c>
      <c r="IF24" s="169">
        <v>4</v>
      </c>
      <c r="IG24" s="169">
        <v>4</v>
      </c>
      <c r="IH24" s="169">
        <v>2</v>
      </c>
      <c r="II24" s="170">
        <v>27</v>
      </c>
      <c r="IJ24" s="171">
        <v>40</v>
      </c>
      <c r="IK24" s="168">
        <v>13</v>
      </c>
      <c r="IL24" s="169">
        <v>9</v>
      </c>
      <c r="IM24" s="170">
        <v>22</v>
      </c>
      <c r="IN24" s="439">
        <v>0</v>
      </c>
      <c r="IO24" s="169">
        <v>15</v>
      </c>
      <c r="IP24" s="169">
        <v>14</v>
      </c>
      <c r="IQ24" s="169">
        <v>9</v>
      </c>
      <c r="IR24" s="169">
        <v>6</v>
      </c>
      <c r="IS24" s="169">
        <v>5</v>
      </c>
      <c r="IT24" s="170">
        <v>49</v>
      </c>
      <c r="IU24" s="171">
        <v>71</v>
      </c>
      <c r="IV24" s="168">
        <v>23</v>
      </c>
      <c r="IW24" s="169">
        <v>14</v>
      </c>
      <c r="IX24" s="170">
        <v>37</v>
      </c>
      <c r="IY24" s="439">
        <v>0</v>
      </c>
      <c r="IZ24" s="169">
        <v>28</v>
      </c>
      <c r="JA24" s="169">
        <v>17</v>
      </c>
      <c r="JB24" s="169">
        <v>12</v>
      </c>
      <c r="JC24" s="169">
        <v>5</v>
      </c>
      <c r="JD24" s="169">
        <v>6</v>
      </c>
      <c r="JE24" s="170">
        <v>68</v>
      </c>
      <c r="JF24" s="171">
        <v>105</v>
      </c>
      <c r="JG24" s="168">
        <v>12</v>
      </c>
      <c r="JH24" s="169">
        <v>15</v>
      </c>
      <c r="JI24" s="170">
        <v>27</v>
      </c>
      <c r="JJ24" s="439">
        <v>0</v>
      </c>
      <c r="JK24" s="169">
        <v>23</v>
      </c>
      <c r="JL24" s="169">
        <v>26</v>
      </c>
      <c r="JM24" s="169">
        <v>14</v>
      </c>
      <c r="JN24" s="169">
        <v>15</v>
      </c>
      <c r="JO24" s="169">
        <v>9</v>
      </c>
      <c r="JP24" s="170">
        <v>87</v>
      </c>
      <c r="JQ24" s="171">
        <v>114</v>
      </c>
      <c r="JR24" s="168">
        <v>0</v>
      </c>
      <c r="JS24" s="169">
        <v>0</v>
      </c>
      <c r="JT24" s="170">
        <v>0</v>
      </c>
      <c r="JU24" s="439">
        <v>0</v>
      </c>
      <c r="JV24" s="169">
        <v>0</v>
      </c>
      <c r="JW24" s="169">
        <v>0</v>
      </c>
      <c r="JX24" s="169">
        <v>0</v>
      </c>
      <c r="JY24" s="169">
        <v>0</v>
      </c>
      <c r="JZ24" s="169">
        <v>0</v>
      </c>
      <c r="KA24" s="170">
        <v>0</v>
      </c>
      <c r="KB24" s="171">
        <v>0</v>
      </c>
      <c r="KC24" s="168">
        <v>59</v>
      </c>
      <c r="KD24" s="169">
        <v>44</v>
      </c>
      <c r="KE24" s="170">
        <v>103</v>
      </c>
      <c r="KF24" s="439">
        <v>0</v>
      </c>
      <c r="KG24" s="169">
        <v>82</v>
      </c>
      <c r="KH24" s="169">
        <v>70</v>
      </c>
      <c r="KI24" s="169">
        <v>42</v>
      </c>
      <c r="KJ24" s="169">
        <v>31</v>
      </c>
      <c r="KK24" s="169">
        <v>25</v>
      </c>
      <c r="KL24" s="170">
        <v>250</v>
      </c>
      <c r="KM24" s="171">
        <v>353</v>
      </c>
    </row>
    <row r="25" spans="2:299" s="137" customFormat="1" ht="21" customHeight="1" x14ac:dyDescent="0.2">
      <c r="B25" s="173" t="s">
        <v>22</v>
      </c>
      <c r="C25" s="163">
        <v>15</v>
      </c>
      <c r="D25" s="164">
        <v>14</v>
      </c>
      <c r="E25" s="165">
        <v>29</v>
      </c>
      <c r="F25" s="439">
        <v>0</v>
      </c>
      <c r="G25" s="164">
        <v>46</v>
      </c>
      <c r="H25" s="164">
        <v>30</v>
      </c>
      <c r="I25" s="164">
        <v>18</v>
      </c>
      <c r="J25" s="164">
        <v>18</v>
      </c>
      <c r="K25" s="164">
        <v>9</v>
      </c>
      <c r="L25" s="166">
        <v>121</v>
      </c>
      <c r="M25" s="167">
        <v>150</v>
      </c>
      <c r="N25" s="168">
        <v>0</v>
      </c>
      <c r="O25" s="169">
        <v>0</v>
      </c>
      <c r="P25" s="170">
        <v>0</v>
      </c>
      <c r="Q25" s="439">
        <v>0</v>
      </c>
      <c r="R25" s="169">
        <v>0</v>
      </c>
      <c r="S25" s="169">
        <v>0</v>
      </c>
      <c r="T25" s="169">
        <v>0</v>
      </c>
      <c r="U25" s="169">
        <v>0</v>
      </c>
      <c r="V25" s="169">
        <v>0</v>
      </c>
      <c r="W25" s="170">
        <v>0</v>
      </c>
      <c r="X25" s="171">
        <v>0</v>
      </c>
      <c r="Y25" s="168">
        <v>0</v>
      </c>
      <c r="Z25" s="169">
        <v>0</v>
      </c>
      <c r="AA25" s="170">
        <v>0</v>
      </c>
      <c r="AB25" s="439">
        <v>0</v>
      </c>
      <c r="AC25" s="169">
        <v>0</v>
      </c>
      <c r="AD25" s="169">
        <v>0</v>
      </c>
      <c r="AE25" s="169">
        <v>0</v>
      </c>
      <c r="AF25" s="169">
        <v>0</v>
      </c>
      <c r="AG25" s="169">
        <v>1</v>
      </c>
      <c r="AH25" s="170">
        <v>1</v>
      </c>
      <c r="AI25" s="171">
        <v>1</v>
      </c>
      <c r="AJ25" s="168">
        <v>0</v>
      </c>
      <c r="AK25" s="169">
        <v>1</v>
      </c>
      <c r="AL25" s="170">
        <v>1</v>
      </c>
      <c r="AM25" s="439">
        <v>0</v>
      </c>
      <c r="AN25" s="169">
        <v>6</v>
      </c>
      <c r="AO25" s="169">
        <v>4</v>
      </c>
      <c r="AP25" s="169">
        <v>2</v>
      </c>
      <c r="AQ25" s="169">
        <v>2</v>
      </c>
      <c r="AR25" s="169">
        <v>1</v>
      </c>
      <c r="AS25" s="170">
        <v>15</v>
      </c>
      <c r="AT25" s="171">
        <v>16</v>
      </c>
      <c r="AU25" s="168">
        <v>2</v>
      </c>
      <c r="AV25" s="169">
        <v>3</v>
      </c>
      <c r="AW25" s="170">
        <v>5</v>
      </c>
      <c r="AX25" s="439">
        <v>0</v>
      </c>
      <c r="AY25" s="169">
        <v>5</v>
      </c>
      <c r="AZ25" s="169">
        <v>7</v>
      </c>
      <c r="BA25" s="169">
        <v>4</v>
      </c>
      <c r="BB25" s="169">
        <v>2</v>
      </c>
      <c r="BC25" s="169">
        <v>2</v>
      </c>
      <c r="BD25" s="170">
        <v>20</v>
      </c>
      <c r="BE25" s="171">
        <v>25</v>
      </c>
      <c r="BF25" s="168">
        <v>8</v>
      </c>
      <c r="BG25" s="169">
        <v>6</v>
      </c>
      <c r="BH25" s="170">
        <v>14</v>
      </c>
      <c r="BI25" s="439">
        <v>0</v>
      </c>
      <c r="BJ25" s="169">
        <v>14</v>
      </c>
      <c r="BK25" s="169">
        <v>7</v>
      </c>
      <c r="BL25" s="169">
        <v>5</v>
      </c>
      <c r="BM25" s="169">
        <v>8</v>
      </c>
      <c r="BN25" s="169">
        <v>2</v>
      </c>
      <c r="BO25" s="170">
        <v>36</v>
      </c>
      <c r="BP25" s="171">
        <v>50</v>
      </c>
      <c r="BQ25" s="168">
        <v>5</v>
      </c>
      <c r="BR25" s="169">
        <v>4</v>
      </c>
      <c r="BS25" s="170">
        <v>9</v>
      </c>
      <c r="BT25" s="439">
        <v>0</v>
      </c>
      <c r="BU25" s="169">
        <v>21</v>
      </c>
      <c r="BV25" s="169">
        <v>12</v>
      </c>
      <c r="BW25" s="169">
        <v>7</v>
      </c>
      <c r="BX25" s="169">
        <v>6</v>
      </c>
      <c r="BY25" s="169">
        <v>3</v>
      </c>
      <c r="BZ25" s="170">
        <v>49</v>
      </c>
      <c r="CA25" s="171">
        <v>58</v>
      </c>
      <c r="CB25" s="168">
        <v>0</v>
      </c>
      <c r="CC25" s="169">
        <v>0</v>
      </c>
      <c r="CD25" s="170">
        <v>0</v>
      </c>
      <c r="CE25" s="439">
        <v>0</v>
      </c>
      <c r="CF25" s="169">
        <v>0</v>
      </c>
      <c r="CG25" s="169">
        <v>0</v>
      </c>
      <c r="CH25" s="169">
        <v>0</v>
      </c>
      <c r="CI25" s="169">
        <v>0</v>
      </c>
      <c r="CJ25" s="169">
        <v>0</v>
      </c>
      <c r="CK25" s="170">
        <v>0</v>
      </c>
      <c r="CL25" s="171">
        <v>0</v>
      </c>
      <c r="CM25" s="168">
        <v>15</v>
      </c>
      <c r="CN25" s="169">
        <v>14</v>
      </c>
      <c r="CO25" s="170">
        <v>29</v>
      </c>
      <c r="CP25" s="439">
        <v>0</v>
      </c>
      <c r="CQ25" s="169">
        <v>46</v>
      </c>
      <c r="CR25" s="169">
        <v>30</v>
      </c>
      <c r="CS25" s="169">
        <v>18</v>
      </c>
      <c r="CT25" s="169">
        <v>18</v>
      </c>
      <c r="CU25" s="169">
        <v>9</v>
      </c>
      <c r="CV25" s="170">
        <v>121</v>
      </c>
      <c r="CW25" s="171">
        <v>150</v>
      </c>
      <c r="CX25" s="172">
        <v>2</v>
      </c>
      <c r="CY25" s="164">
        <v>4</v>
      </c>
      <c r="CZ25" s="165">
        <v>6</v>
      </c>
      <c r="DA25" s="439">
        <v>0</v>
      </c>
      <c r="DB25" s="164">
        <v>7</v>
      </c>
      <c r="DC25" s="164">
        <v>2</v>
      </c>
      <c r="DD25" s="164">
        <v>4</v>
      </c>
      <c r="DE25" s="164">
        <v>5</v>
      </c>
      <c r="DF25" s="164">
        <v>1</v>
      </c>
      <c r="DG25" s="166">
        <v>19</v>
      </c>
      <c r="DH25" s="167">
        <v>25</v>
      </c>
      <c r="DI25" s="168">
        <v>0</v>
      </c>
      <c r="DJ25" s="169">
        <v>0</v>
      </c>
      <c r="DK25" s="170">
        <v>0</v>
      </c>
      <c r="DL25" s="439">
        <v>0</v>
      </c>
      <c r="DM25" s="169">
        <v>0</v>
      </c>
      <c r="DN25" s="169">
        <v>0</v>
      </c>
      <c r="DO25" s="169">
        <v>0</v>
      </c>
      <c r="DP25" s="169">
        <v>0</v>
      </c>
      <c r="DQ25" s="169">
        <v>0</v>
      </c>
      <c r="DR25" s="170">
        <v>0</v>
      </c>
      <c r="DS25" s="171">
        <v>0</v>
      </c>
      <c r="DT25" s="168">
        <v>0</v>
      </c>
      <c r="DU25" s="169">
        <v>1</v>
      </c>
      <c r="DV25" s="170">
        <v>1</v>
      </c>
      <c r="DW25" s="439">
        <v>0</v>
      </c>
      <c r="DX25" s="169">
        <v>0</v>
      </c>
      <c r="DY25" s="169">
        <v>0</v>
      </c>
      <c r="DZ25" s="169">
        <v>0</v>
      </c>
      <c r="EA25" s="169">
        <v>0</v>
      </c>
      <c r="EB25" s="169">
        <v>0</v>
      </c>
      <c r="EC25" s="170">
        <v>0</v>
      </c>
      <c r="ED25" s="171">
        <v>1</v>
      </c>
      <c r="EE25" s="168">
        <v>0</v>
      </c>
      <c r="EF25" s="169">
        <v>0</v>
      </c>
      <c r="EG25" s="170">
        <v>0</v>
      </c>
      <c r="EH25" s="439">
        <v>0</v>
      </c>
      <c r="EI25" s="169">
        <v>0</v>
      </c>
      <c r="EJ25" s="169">
        <v>0</v>
      </c>
      <c r="EK25" s="169">
        <v>0</v>
      </c>
      <c r="EL25" s="169">
        <v>1</v>
      </c>
      <c r="EM25" s="169">
        <v>1</v>
      </c>
      <c r="EN25" s="170">
        <v>2</v>
      </c>
      <c r="EO25" s="171">
        <v>2</v>
      </c>
      <c r="EP25" s="168">
        <v>2</v>
      </c>
      <c r="EQ25" s="169">
        <v>3</v>
      </c>
      <c r="ER25" s="170">
        <v>5</v>
      </c>
      <c r="ES25" s="439">
        <v>0</v>
      </c>
      <c r="ET25" s="169">
        <v>1</v>
      </c>
      <c r="EU25" s="169">
        <v>0</v>
      </c>
      <c r="EV25" s="169">
        <v>1</v>
      </c>
      <c r="EW25" s="169">
        <v>0</v>
      </c>
      <c r="EX25" s="169">
        <v>0</v>
      </c>
      <c r="EY25" s="170">
        <v>2</v>
      </c>
      <c r="EZ25" s="171">
        <v>7</v>
      </c>
      <c r="FA25" s="168">
        <v>0</v>
      </c>
      <c r="FB25" s="169">
        <v>0</v>
      </c>
      <c r="FC25" s="170">
        <v>0</v>
      </c>
      <c r="FD25" s="439">
        <v>0</v>
      </c>
      <c r="FE25" s="169">
        <v>2</v>
      </c>
      <c r="FF25" s="169">
        <v>2</v>
      </c>
      <c r="FG25" s="169">
        <v>0</v>
      </c>
      <c r="FH25" s="169">
        <v>0</v>
      </c>
      <c r="FI25" s="169">
        <v>0</v>
      </c>
      <c r="FJ25" s="170">
        <v>4</v>
      </c>
      <c r="FK25" s="171">
        <v>4</v>
      </c>
      <c r="FL25" s="168">
        <v>0</v>
      </c>
      <c r="FM25" s="169">
        <v>0</v>
      </c>
      <c r="FN25" s="170">
        <v>0</v>
      </c>
      <c r="FO25" s="439">
        <v>0</v>
      </c>
      <c r="FP25" s="169">
        <v>4</v>
      </c>
      <c r="FQ25" s="169">
        <v>0</v>
      </c>
      <c r="FR25" s="169">
        <v>3</v>
      </c>
      <c r="FS25" s="169">
        <v>4</v>
      </c>
      <c r="FT25" s="169">
        <v>0</v>
      </c>
      <c r="FU25" s="170">
        <v>11</v>
      </c>
      <c r="FV25" s="171">
        <v>11</v>
      </c>
      <c r="FW25" s="168">
        <v>0</v>
      </c>
      <c r="FX25" s="169">
        <v>0</v>
      </c>
      <c r="FY25" s="170">
        <v>0</v>
      </c>
      <c r="FZ25" s="439">
        <v>0</v>
      </c>
      <c r="GA25" s="169">
        <v>0</v>
      </c>
      <c r="GB25" s="169">
        <v>0</v>
      </c>
      <c r="GC25" s="169">
        <v>0</v>
      </c>
      <c r="GD25" s="169">
        <v>0</v>
      </c>
      <c r="GE25" s="169">
        <v>0</v>
      </c>
      <c r="GF25" s="170">
        <v>0</v>
      </c>
      <c r="GG25" s="171">
        <v>0</v>
      </c>
      <c r="GH25" s="168">
        <v>2</v>
      </c>
      <c r="GI25" s="169">
        <v>4</v>
      </c>
      <c r="GJ25" s="170">
        <v>6</v>
      </c>
      <c r="GK25" s="439">
        <v>0</v>
      </c>
      <c r="GL25" s="169">
        <v>7</v>
      </c>
      <c r="GM25" s="169">
        <v>2</v>
      </c>
      <c r="GN25" s="169">
        <v>4</v>
      </c>
      <c r="GO25" s="169">
        <v>5</v>
      </c>
      <c r="GP25" s="169">
        <v>1</v>
      </c>
      <c r="GQ25" s="170">
        <v>19</v>
      </c>
      <c r="GR25" s="171">
        <v>25</v>
      </c>
      <c r="GS25" s="172">
        <v>17</v>
      </c>
      <c r="GT25" s="164">
        <v>18</v>
      </c>
      <c r="GU25" s="165">
        <v>35</v>
      </c>
      <c r="GV25" s="439">
        <v>0</v>
      </c>
      <c r="GW25" s="164">
        <v>53</v>
      </c>
      <c r="GX25" s="164">
        <v>32</v>
      </c>
      <c r="GY25" s="164">
        <v>22</v>
      </c>
      <c r="GZ25" s="164">
        <v>23</v>
      </c>
      <c r="HA25" s="164">
        <v>10</v>
      </c>
      <c r="HB25" s="166">
        <v>140</v>
      </c>
      <c r="HC25" s="167">
        <v>175</v>
      </c>
      <c r="HD25" s="168">
        <v>0</v>
      </c>
      <c r="HE25" s="169">
        <v>0</v>
      </c>
      <c r="HF25" s="170">
        <v>0</v>
      </c>
      <c r="HG25" s="439">
        <v>0</v>
      </c>
      <c r="HH25" s="169">
        <v>0</v>
      </c>
      <c r="HI25" s="169">
        <v>0</v>
      </c>
      <c r="HJ25" s="169">
        <v>0</v>
      </c>
      <c r="HK25" s="169">
        <v>0</v>
      </c>
      <c r="HL25" s="169">
        <v>0</v>
      </c>
      <c r="HM25" s="170">
        <v>0</v>
      </c>
      <c r="HN25" s="171">
        <v>0</v>
      </c>
      <c r="HO25" s="168">
        <v>0</v>
      </c>
      <c r="HP25" s="169">
        <v>1</v>
      </c>
      <c r="HQ25" s="170">
        <v>1</v>
      </c>
      <c r="HR25" s="439">
        <v>0</v>
      </c>
      <c r="HS25" s="169">
        <v>0</v>
      </c>
      <c r="HT25" s="169">
        <v>0</v>
      </c>
      <c r="HU25" s="169">
        <v>0</v>
      </c>
      <c r="HV25" s="169">
        <v>0</v>
      </c>
      <c r="HW25" s="169">
        <v>1</v>
      </c>
      <c r="HX25" s="170">
        <v>1</v>
      </c>
      <c r="HY25" s="171">
        <v>2</v>
      </c>
      <c r="HZ25" s="168">
        <v>0</v>
      </c>
      <c r="IA25" s="169">
        <v>1</v>
      </c>
      <c r="IB25" s="170">
        <v>1</v>
      </c>
      <c r="IC25" s="439">
        <v>0</v>
      </c>
      <c r="ID25" s="169">
        <v>6</v>
      </c>
      <c r="IE25" s="169">
        <v>4</v>
      </c>
      <c r="IF25" s="169">
        <v>2</v>
      </c>
      <c r="IG25" s="169">
        <v>3</v>
      </c>
      <c r="IH25" s="169">
        <v>2</v>
      </c>
      <c r="II25" s="170">
        <v>17</v>
      </c>
      <c r="IJ25" s="171">
        <v>18</v>
      </c>
      <c r="IK25" s="168">
        <v>4</v>
      </c>
      <c r="IL25" s="169">
        <v>6</v>
      </c>
      <c r="IM25" s="170">
        <v>10</v>
      </c>
      <c r="IN25" s="439">
        <v>0</v>
      </c>
      <c r="IO25" s="169">
        <v>6</v>
      </c>
      <c r="IP25" s="169">
        <v>7</v>
      </c>
      <c r="IQ25" s="169">
        <v>5</v>
      </c>
      <c r="IR25" s="169">
        <v>2</v>
      </c>
      <c r="IS25" s="169">
        <v>2</v>
      </c>
      <c r="IT25" s="170">
        <v>22</v>
      </c>
      <c r="IU25" s="171">
        <v>32</v>
      </c>
      <c r="IV25" s="168">
        <v>8</v>
      </c>
      <c r="IW25" s="169">
        <v>6</v>
      </c>
      <c r="IX25" s="170">
        <v>14</v>
      </c>
      <c r="IY25" s="439">
        <v>0</v>
      </c>
      <c r="IZ25" s="169">
        <v>16</v>
      </c>
      <c r="JA25" s="169">
        <v>9</v>
      </c>
      <c r="JB25" s="169">
        <v>5</v>
      </c>
      <c r="JC25" s="169">
        <v>8</v>
      </c>
      <c r="JD25" s="169">
        <v>2</v>
      </c>
      <c r="JE25" s="170">
        <v>40</v>
      </c>
      <c r="JF25" s="171">
        <v>54</v>
      </c>
      <c r="JG25" s="168">
        <v>5</v>
      </c>
      <c r="JH25" s="169">
        <v>4</v>
      </c>
      <c r="JI25" s="170">
        <v>9</v>
      </c>
      <c r="JJ25" s="439">
        <v>0</v>
      </c>
      <c r="JK25" s="169">
        <v>25</v>
      </c>
      <c r="JL25" s="169">
        <v>12</v>
      </c>
      <c r="JM25" s="169">
        <v>10</v>
      </c>
      <c r="JN25" s="169">
        <v>10</v>
      </c>
      <c r="JO25" s="169">
        <v>3</v>
      </c>
      <c r="JP25" s="170">
        <v>60</v>
      </c>
      <c r="JQ25" s="171">
        <v>69</v>
      </c>
      <c r="JR25" s="168">
        <v>0</v>
      </c>
      <c r="JS25" s="169">
        <v>0</v>
      </c>
      <c r="JT25" s="170">
        <v>0</v>
      </c>
      <c r="JU25" s="439">
        <v>0</v>
      </c>
      <c r="JV25" s="169">
        <v>0</v>
      </c>
      <c r="JW25" s="169">
        <v>0</v>
      </c>
      <c r="JX25" s="169">
        <v>0</v>
      </c>
      <c r="JY25" s="169">
        <v>0</v>
      </c>
      <c r="JZ25" s="169">
        <v>0</v>
      </c>
      <c r="KA25" s="170">
        <v>0</v>
      </c>
      <c r="KB25" s="171">
        <v>0</v>
      </c>
      <c r="KC25" s="168">
        <v>17</v>
      </c>
      <c r="KD25" s="169">
        <v>18</v>
      </c>
      <c r="KE25" s="170">
        <v>35</v>
      </c>
      <c r="KF25" s="439">
        <v>0</v>
      </c>
      <c r="KG25" s="169">
        <v>53</v>
      </c>
      <c r="KH25" s="169">
        <v>32</v>
      </c>
      <c r="KI25" s="169">
        <v>22</v>
      </c>
      <c r="KJ25" s="169">
        <v>23</v>
      </c>
      <c r="KK25" s="169">
        <v>10</v>
      </c>
      <c r="KL25" s="170">
        <v>140</v>
      </c>
      <c r="KM25" s="171">
        <v>175</v>
      </c>
    </row>
    <row r="26" spans="2:299" s="137" customFormat="1" ht="21" customHeight="1" x14ac:dyDescent="0.2">
      <c r="B26" s="173" t="s">
        <v>23</v>
      </c>
      <c r="C26" s="163">
        <v>43</v>
      </c>
      <c r="D26" s="164">
        <v>31</v>
      </c>
      <c r="E26" s="165">
        <v>74</v>
      </c>
      <c r="F26" s="439">
        <v>0</v>
      </c>
      <c r="G26" s="164">
        <v>45</v>
      </c>
      <c r="H26" s="164">
        <v>31</v>
      </c>
      <c r="I26" s="164">
        <v>27</v>
      </c>
      <c r="J26" s="164">
        <v>16</v>
      </c>
      <c r="K26" s="164">
        <v>11</v>
      </c>
      <c r="L26" s="166">
        <v>130</v>
      </c>
      <c r="M26" s="167">
        <v>204</v>
      </c>
      <c r="N26" s="168">
        <v>0</v>
      </c>
      <c r="O26" s="169">
        <v>2</v>
      </c>
      <c r="P26" s="170">
        <v>2</v>
      </c>
      <c r="Q26" s="439">
        <v>0</v>
      </c>
      <c r="R26" s="169">
        <v>0</v>
      </c>
      <c r="S26" s="169">
        <v>1</v>
      </c>
      <c r="T26" s="169">
        <v>0</v>
      </c>
      <c r="U26" s="169">
        <v>1</v>
      </c>
      <c r="V26" s="169">
        <v>1</v>
      </c>
      <c r="W26" s="170">
        <v>3</v>
      </c>
      <c r="X26" s="171">
        <v>5</v>
      </c>
      <c r="Y26" s="168">
        <v>1</v>
      </c>
      <c r="Z26" s="169">
        <v>0</v>
      </c>
      <c r="AA26" s="170">
        <v>1</v>
      </c>
      <c r="AB26" s="439">
        <v>0</v>
      </c>
      <c r="AC26" s="169">
        <v>0</v>
      </c>
      <c r="AD26" s="169">
        <v>3</v>
      </c>
      <c r="AE26" s="169">
        <v>2</v>
      </c>
      <c r="AF26" s="169">
        <v>0</v>
      </c>
      <c r="AG26" s="169">
        <v>0</v>
      </c>
      <c r="AH26" s="170">
        <v>5</v>
      </c>
      <c r="AI26" s="171">
        <v>6</v>
      </c>
      <c r="AJ26" s="168">
        <v>7</v>
      </c>
      <c r="AK26" s="169">
        <v>3</v>
      </c>
      <c r="AL26" s="170">
        <v>10</v>
      </c>
      <c r="AM26" s="439">
        <v>0</v>
      </c>
      <c r="AN26" s="169">
        <v>8</v>
      </c>
      <c r="AO26" s="169">
        <v>0</v>
      </c>
      <c r="AP26" s="169">
        <v>1</v>
      </c>
      <c r="AQ26" s="169">
        <v>4</v>
      </c>
      <c r="AR26" s="169">
        <v>2</v>
      </c>
      <c r="AS26" s="170">
        <v>15</v>
      </c>
      <c r="AT26" s="171">
        <v>25</v>
      </c>
      <c r="AU26" s="168">
        <v>12</v>
      </c>
      <c r="AV26" s="169">
        <v>11</v>
      </c>
      <c r="AW26" s="170">
        <v>23</v>
      </c>
      <c r="AX26" s="439">
        <v>0</v>
      </c>
      <c r="AY26" s="169">
        <v>9</v>
      </c>
      <c r="AZ26" s="169">
        <v>10</v>
      </c>
      <c r="BA26" s="169">
        <v>8</v>
      </c>
      <c r="BB26" s="169">
        <v>4</v>
      </c>
      <c r="BC26" s="169">
        <v>3</v>
      </c>
      <c r="BD26" s="170">
        <v>34</v>
      </c>
      <c r="BE26" s="171">
        <v>57</v>
      </c>
      <c r="BF26" s="168">
        <v>12</v>
      </c>
      <c r="BG26" s="169">
        <v>12</v>
      </c>
      <c r="BH26" s="170">
        <v>24</v>
      </c>
      <c r="BI26" s="439">
        <v>0</v>
      </c>
      <c r="BJ26" s="169">
        <v>20</v>
      </c>
      <c r="BK26" s="169">
        <v>5</v>
      </c>
      <c r="BL26" s="169">
        <v>8</v>
      </c>
      <c r="BM26" s="169">
        <v>2</v>
      </c>
      <c r="BN26" s="169">
        <v>3</v>
      </c>
      <c r="BO26" s="170">
        <v>38</v>
      </c>
      <c r="BP26" s="171">
        <v>62</v>
      </c>
      <c r="BQ26" s="168">
        <v>11</v>
      </c>
      <c r="BR26" s="169">
        <v>3</v>
      </c>
      <c r="BS26" s="170">
        <v>14</v>
      </c>
      <c r="BT26" s="439">
        <v>0</v>
      </c>
      <c r="BU26" s="169">
        <v>8</v>
      </c>
      <c r="BV26" s="169">
        <v>12</v>
      </c>
      <c r="BW26" s="169">
        <v>8</v>
      </c>
      <c r="BX26" s="169">
        <v>5</v>
      </c>
      <c r="BY26" s="169">
        <v>2</v>
      </c>
      <c r="BZ26" s="170">
        <v>35</v>
      </c>
      <c r="CA26" s="171">
        <v>49</v>
      </c>
      <c r="CB26" s="168">
        <v>0</v>
      </c>
      <c r="CC26" s="169">
        <v>0</v>
      </c>
      <c r="CD26" s="170">
        <v>0</v>
      </c>
      <c r="CE26" s="439">
        <v>0</v>
      </c>
      <c r="CF26" s="169">
        <v>0</v>
      </c>
      <c r="CG26" s="169">
        <v>0</v>
      </c>
      <c r="CH26" s="169">
        <v>0</v>
      </c>
      <c r="CI26" s="169">
        <v>0</v>
      </c>
      <c r="CJ26" s="169">
        <v>0</v>
      </c>
      <c r="CK26" s="170">
        <v>0</v>
      </c>
      <c r="CL26" s="171">
        <v>0</v>
      </c>
      <c r="CM26" s="168">
        <v>43</v>
      </c>
      <c r="CN26" s="169">
        <v>31</v>
      </c>
      <c r="CO26" s="170">
        <v>74</v>
      </c>
      <c r="CP26" s="439">
        <v>0</v>
      </c>
      <c r="CQ26" s="169">
        <v>45</v>
      </c>
      <c r="CR26" s="169">
        <v>31</v>
      </c>
      <c r="CS26" s="169">
        <v>27</v>
      </c>
      <c r="CT26" s="169">
        <v>16</v>
      </c>
      <c r="CU26" s="169">
        <v>11</v>
      </c>
      <c r="CV26" s="170">
        <v>130</v>
      </c>
      <c r="CW26" s="171">
        <v>204</v>
      </c>
      <c r="CX26" s="172">
        <v>2</v>
      </c>
      <c r="CY26" s="164">
        <v>3</v>
      </c>
      <c r="CZ26" s="165">
        <v>5</v>
      </c>
      <c r="DA26" s="439">
        <v>0</v>
      </c>
      <c r="DB26" s="164">
        <v>3</v>
      </c>
      <c r="DC26" s="164">
        <v>6</v>
      </c>
      <c r="DD26" s="164">
        <v>2</v>
      </c>
      <c r="DE26" s="164">
        <v>5</v>
      </c>
      <c r="DF26" s="164">
        <v>0</v>
      </c>
      <c r="DG26" s="166">
        <v>16</v>
      </c>
      <c r="DH26" s="167">
        <v>21</v>
      </c>
      <c r="DI26" s="168">
        <v>0</v>
      </c>
      <c r="DJ26" s="169">
        <v>0</v>
      </c>
      <c r="DK26" s="170">
        <v>0</v>
      </c>
      <c r="DL26" s="439">
        <v>0</v>
      </c>
      <c r="DM26" s="169">
        <v>0</v>
      </c>
      <c r="DN26" s="169">
        <v>0</v>
      </c>
      <c r="DO26" s="169">
        <v>0</v>
      </c>
      <c r="DP26" s="169">
        <v>0</v>
      </c>
      <c r="DQ26" s="169">
        <v>0</v>
      </c>
      <c r="DR26" s="170">
        <v>0</v>
      </c>
      <c r="DS26" s="171">
        <v>0</v>
      </c>
      <c r="DT26" s="168">
        <v>0</v>
      </c>
      <c r="DU26" s="169">
        <v>2</v>
      </c>
      <c r="DV26" s="170">
        <v>2</v>
      </c>
      <c r="DW26" s="439">
        <v>0</v>
      </c>
      <c r="DX26" s="169">
        <v>0</v>
      </c>
      <c r="DY26" s="169">
        <v>0</v>
      </c>
      <c r="DZ26" s="169">
        <v>0</v>
      </c>
      <c r="EA26" s="169">
        <v>1</v>
      </c>
      <c r="EB26" s="169">
        <v>0</v>
      </c>
      <c r="EC26" s="170">
        <v>1</v>
      </c>
      <c r="ED26" s="171">
        <v>3</v>
      </c>
      <c r="EE26" s="168">
        <v>1</v>
      </c>
      <c r="EF26" s="169">
        <v>0</v>
      </c>
      <c r="EG26" s="170">
        <v>1</v>
      </c>
      <c r="EH26" s="439">
        <v>0</v>
      </c>
      <c r="EI26" s="169">
        <v>1</v>
      </c>
      <c r="EJ26" s="169">
        <v>2</v>
      </c>
      <c r="EK26" s="169">
        <v>0</v>
      </c>
      <c r="EL26" s="169">
        <v>1</v>
      </c>
      <c r="EM26" s="169">
        <v>0</v>
      </c>
      <c r="EN26" s="170">
        <v>4</v>
      </c>
      <c r="EO26" s="171">
        <v>5</v>
      </c>
      <c r="EP26" s="168">
        <v>1</v>
      </c>
      <c r="EQ26" s="169">
        <v>0</v>
      </c>
      <c r="ER26" s="170">
        <v>1</v>
      </c>
      <c r="ES26" s="439">
        <v>0</v>
      </c>
      <c r="ET26" s="169">
        <v>1</v>
      </c>
      <c r="EU26" s="169">
        <v>1</v>
      </c>
      <c r="EV26" s="169">
        <v>0</v>
      </c>
      <c r="EW26" s="169">
        <v>0</v>
      </c>
      <c r="EX26" s="169">
        <v>0</v>
      </c>
      <c r="EY26" s="170">
        <v>2</v>
      </c>
      <c r="EZ26" s="171">
        <v>3</v>
      </c>
      <c r="FA26" s="168">
        <v>0</v>
      </c>
      <c r="FB26" s="169">
        <v>1</v>
      </c>
      <c r="FC26" s="170">
        <v>1</v>
      </c>
      <c r="FD26" s="439">
        <v>0</v>
      </c>
      <c r="FE26" s="169">
        <v>1</v>
      </c>
      <c r="FF26" s="169">
        <v>3</v>
      </c>
      <c r="FG26" s="169">
        <v>1</v>
      </c>
      <c r="FH26" s="169">
        <v>1</v>
      </c>
      <c r="FI26" s="169">
        <v>0</v>
      </c>
      <c r="FJ26" s="170">
        <v>6</v>
      </c>
      <c r="FK26" s="171">
        <v>7</v>
      </c>
      <c r="FL26" s="168">
        <v>0</v>
      </c>
      <c r="FM26" s="169">
        <v>0</v>
      </c>
      <c r="FN26" s="170">
        <v>0</v>
      </c>
      <c r="FO26" s="439">
        <v>0</v>
      </c>
      <c r="FP26" s="169">
        <v>0</v>
      </c>
      <c r="FQ26" s="169">
        <v>0</v>
      </c>
      <c r="FR26" s="169">
        <v>1</v>
      </c>
      <c r="FS26" s="169">
        <v>2</v>
      </c>
      <c r="FT26" s="169">
        <v>0</v>
      </c>
      <c r="FU26" s="170">
        <v>3</v>
      </c>
      <c r="FV26" s="171">
        <v>3</v>
      </c>
      <c r="FW26" s="168">
        <v>0</v>
      </c>
      <c r="FX26" s="169">
        <v>0</v>
      </c>
      <c r="FY26" s="170">
        <v>0</v>
      </c>
      <c r="FZ26" s="439">
        <v>0</v>
      </c>
      <c r="GA26" s="169">
        <v>0</v>
      </c>
      <c r="GB26" s="169">
        <v>0</v>
      </c>
      <c r="GC26" s="169">
        <v>0</v>
      </c>
      <c r="GD26" s="169">
        <v>0</v>
      </c>
      <c r="GE26" s="169">
        <v>0</v>
      </c>
      <c r="GF26" s="170">
        <v>0</v>
      </c>
      <c r="GG26" s="171">
        <v>0</v>
      </c>
      <c r="GH26" s="168">
        <v>2</v>
      </c>
      <c r="GI26" s="169">
        <v>3</v>
      </c>
      <c r="GJ26" s="170">
        <v>5</v>
      </c>
      <c r="GK26" s="439">
        <v>0</v>
      </c>
      <c r="GL26" s="169">
        <v>3</v>
      </c>
      <c r="GM26" s="169">
        <v>6</v>
      </c>
      <c r="GN26" s="169">
        <v>2</v>
      </c>
      <c r="GO26" s="169">
        <v>5</v>
      </c>
      <c r="GP26" s="169">
        <v>0</v>
      </c>
      <c r="GQ26" s="170">
        <v>16</v>
      </c>
      <c r="GR26" s="171">
        <v>21</v>
      </c>
      <c r="GS26" s="172">
        <v>45</v>
      </c>
      <c r="GT26" s="164">
        <v>34</v>
      </c>
      <c r="GU26" s="165">
        <v>79</v>
      </c>
      <c r="GV26" s="439">
        <v>0</v>
      </c>
      <c r="GW26" s="164">
        <v>48</v>
      </c>
      <c r="GX26" s="164">
        <v>37</v>
      </c>
      <c r="GY26" s="164">
        <v>29</v>
      </c>
      <c r="GZ26" s="164">
        <v>21</v>
      </c>
      <c r="HA26" s="164">
        <v>11</v>
      </c>
      <c r="HB26" s="166">
        <v>146</v>
      </c>
      <c r="HC26" s="167">
        <v>225</v>
      </c>
      <c r="HD26" s="168">
        <v>0</v>
      </c>
      <c r="HE26" s="169">
        <v>2</v>
      </c>
      <c r="HF26" s="170">
        <v>2</v>
      </c>
      <c r="HG26" s="439">
        <v>0</v>
      </c>
      <c r="HH26" s="169">
        <v>0</v>
      </c>
      <c r="HI26" s="169">
        <v>1</v>
      </c>
      <c r="HJ26" s="169">
        <v>0</v>
      </c>
      <c r="HK26" s="169">
        <v>1</v>
      </c>
      <c r="HL26" s="169">
        <v>1</v>
      </c>
      <c r="HM26" s="170">
        <v>3</v>
      </c>
      <c r="HN26" s="171">
        <v>5</v>
      </c>
      <c r="HO26" s="168">
        <v>1</v>
      </c>
      <c r="HP26" s="169">
        <v>2</v>
      </c>
      <c r="HQ26" s="170">
        <v>3</v>
      </c>
      <c r="HR26" s="439">
        <v>0</v>
      </c>
      <c r="HS26" s="169">
        <v>0</v>
      </c>
      <c r="HT26" s="169">
        <v>3</v>
      </c>
      <c r="HU26" s="169">
        <v>2</v>
      </c>
      <c r="HV26" s="169">
        <v>1</v>
      </c>
      <c r="HW26" s="169">
        <v>0</v>
      </c>
      <c r="HX26" s="170">
        <v>6</v>
      </c>
      <c r="HY26" s="171">
        <v>9</v>
      </c>
      <c r="HZ26" s="168">
        <v>8</v>
      </c>
      <c r="IA26" s="169">
        <v>3</v>
      </c>
      <c r="IB26" s="170">
        <v>11</v>
      </c>
      <c r="IC26" s="439">
        <v>0</v>
      </c>
      <c r="ID26" s="169">
        <v>9</v>
      </c>
      <c r="IE26" s="169">
        <v>2</v>
      </c>
      <c r="IF26" s="169">
        <v>1</v>
      </c>
      <c r="IG26" s="169">
        <v>5</v>
      </c>
      <c r="IH26" s="169">
        <v>2</v>
      </c>
      <c r="II26" s="170">
        <v>19</v>
      </c>
      <c r="IJ26" s="171">
        <v>30</v>
      </c>
      <c r="IK26" s="168">
        <v>13</v>
      </c>
      <c r="IL26" s="169">
        <v>11</v>
      </c>
      <c r="IM26" s="170">
        <v>24</v>
      </c>
      <c r="IN26" s="439">
        <v>0</v>
      </c>
      <c r="IO26" s="169">
        <v>10</v>
      </c>
      <c r="IP26" s="169">
        <v>11</v>
      </c>
      <c r="IQ26" s="169">
        <v>8</v>
      </c>
      <c r="IR26" s="169">
        <v>4</v>
      </c>
      <c r="IS26" s="169">
        <v>3</v>
      </c>
      <c r="IT26" s="170">
        <v>36</v>
      </c>
      <c r="IU26" s="171">
        <v>60</v>
      </c>
      <c r="IV26" s="168">
        <v>12</v>
      </c>
      <c r="IW26" s="169">
        <v>13</v>
      </c>
      <c r="IX26" s="170">
        <v>25</v>
      </c>
      <c r="IY26" s="439">
        <v>0</v>
      </c>
      <c r="IZ26" s="169">
        <v>21</v>
      </c>
      <c r="JA26" s="169">
        <v>8</v>
      </c>
      <c r="JB26" s="169">
        <v>9</v>
      </c>
      <c r="JC26" s="169">
        <v>3</v>
      </c>
      <c r="JD26" s="169">
        <v>3</v>
      </c>
      <c r="JE26" s="170">
        <v>44</v>
      </c>
      <c r="JF26" s="171">
        <v>69</v>
      </c>
      <c r="JG26" s="168">
        <v>11</v>
      </c>
      <c r="JH26" s="169">
        <v>3</v>
      </c>
      <c r="JI26" s="170">
        <v>14</v>
      </c>
      <c r="JJ26" s="439">
        <v>0</v>
      </c>
      <c r="JK26" s="169">
        <v>8</v>
      </c>
      <c r="JL26" s="169">
        <v>12</v>
      </c>
      <c r="JM26" s="169">
        <v>9</v>
      </c>
      <c r="JN26" s="169">
        <v>7</v>
      </c>
      <c r="JO26" s="169">
        <v>2</v>
      </c>
      <c r="JP26" s="170">
        <v>38</v>
      </c>
      <c r="JQ26" s="171">
        <v>52</v>
      </c>
      <c r="JR26" s="168">
        <v>0</v>
      </c>
      <c r="JS26" s="169">
        <v>0</v>
      </c>
      <c r="JT26" s="170">
        <v>0</v>
      </c>
      <c r="JU26" s="439">
        <v>0</v>
      </c>
      <c r="JV26" s="169">
        <v>0</v>
      </c>
      <c r="JW26" s="169">
        <v>0</v>
      </c>
      <c r="JX26" s="169">
        <v>0</v>
      </c>
      <c r="JY26" s="169">
        <v>0</v>
      </c>
      <c r="JZ26" s="169">
        <v>0</v>
      </c>
      <c r="KA26" s="170">
        <v>0</v>
      </c>
      <c r="KB26" s="171">
        <v>0</v>
      </c>
      <c r="KC26" s="168">
        <v>45</v>
      </c>
      <c r="KD26" s="169">
        <v>34</v>
      </c>
      <c r="KE26" s="170">
        <v>79</v>
      </c>
      <c r="KF26" s="439">
        <v>0</v>
      </c>
      <c r="KG26" s="169">
        <v>48</v>
      </c>
      <c r="KH26" s="169">
        <v>37</v>
      </c>
      <c r="KI26" s="169">
        <v>29</v>
      </c>
      <c r="KJ26" s="169">
        <v>21</v>
      </c>
      <c r="KK26" s="169">
        <v>11</v>
      </c>
      <c r="KL26" s="170">
        <v>146</v>
      </c>
      <c r="KM26" s="171">
        <v>225</v>
      </c>
    </row>
    <row r="27" spans="2:299" s="137" customFormat="1" ht="21" customHeight="1" x14ac:dyDescent="0.2">
      <c r="B27" s="173" t="s">
        <v>24</v>
      </c>
      <c r="C27" s="163">
        <v>35</v>
      </c>
      <c r="D27" s="164">
        <v>20</v>
      </c>
      <c r="E27" s="165">
        <v>55</v>
      </c>
      <c r="F27" s="439">
        <v>0</v>
      </c>
      <c r="G27" s="164">
        <v>35</v>
      </c>
      <c r="H27" s="164">
        <v>28</v>
      </c>
      <c r="I27" s="164">
        <v>21</v>
      </c>
      <c r="J27" s="164">
        <v>19</v>
      </c>
      <c r="K27" s="164">
        <v>7</v>
      </c>
      <c r="L27" s="166">
        <v>110</v>
      </c>
      <c r="M27" s="167">
        <v>165</v>
      </c>
      <c r="N27" s="168">
        <v>1</v>
      </c>
      <c r="O27" s="169">
        <v>0</v>
      </c>
      <c r="P27" s="170">
        <v>1</v>
      </c>
      <c r="Q27" s="439">
        <v>0</v>
      </c>
      <c r="R27" s="169">
        <v>1</v>
      </c>
      <c r="S27" s="169">
        <v>0</v>
      </c>
      <c r="T27" s="169">
        <v>0</v>
      </c>
      <c r="U27" s="169">
        <v>0</v>
      </c>
      <c r="V27" s="169">
        <v>0</v>
      </c>
      <c r="W27" s="170">
        <v>1</v>
      </c>
      <c r="X27" s="171">
        <v>2</v>
      </c>
      <c r="Y27" s="168">
        <v>0</v>
      </c>
      <c r="Z27" s="169">
        <v>2</v>
      </c>
      <c r="AA27" s="170">
        <v>2</v>
      </c>
      <c r="AB27" s="439">
        <v>0</v>
      </c>
      <c r="AC27" s="169">
        <v>1</v>
      </c>
      <c r="AD27" s="169">
        <v>0</v>
      </c>
      <c r="AE27" s="169">
        <v>1</v>
      </c>
      <c r="AF27" s="169">
        <v>0</v>
      </c>
      <c r="AG27" s="169">
        <v>2</v>
      </c>
      <c r="AH27" s="170">
        <v>4</v>
      </c>
      <c r="AI27" s="171">
        <v>6</v>
      </c>
      <c r="AJ27" s="168">
        <v>2</v>
      </c>
      <c r="AK27" s="169">
        <v>0</v>
      </c>
      <c r="AL27" s="170">
        <v>2</v>
      </c>
      <c r="AM27" s="439">
        <v>0</v>
      </c>
      <c r="AN27" s="169">
        <v>2</v>
      </c>
      <c r="AO27" s="169">
        <v>3</v>
      </c>
      <c r="AP27" s="169">
        <v>2</v>
      </c>
      <c r="AQ27" s="169">
        <v>4</v>
      </c>
      <c r="AR27" s="169">
        <v>0</v>
      </c>
      <c r="AS27" s="170">
        <v>11</v>
      </c>
      <c r="AT27" s="171">
        <v>13</v>
      </c>
      <c r="AU27" s="168">
        <v>7</v>
      </c>
      <c r="AV27" s="169">
        <v>3</v>
      </c>
      <c r="AW27" s="170">
        <v>10</v>
      </c>
      <c r="AX27" s="439">
        <v>0</v>
      </c>
      <c r="AY27" s="169">
        <v>8</v>
      </c>
      <c r="AZ27" s="169">
        <v>1</v>
      </c>
      <c r="BA27" s="169">
        <v>1</v>
      </c>
      <c r="BB27" s="169">
        <v>4</v>
      </c>
      <c r="BC27" s="169">
        <v>2</v>
      </c>
      <c r="BD27" s="170">
        <v>16</v>
      </c>
      <c r="BE27" s="171">
        <v>26</v>
      </c>
      <c r="BF27" s="168">
        <v>13</v>
      </c>
      <c r="BG27" s="169">
        <v>9</v>
      </c>
      <c r="BH27" s="170">
        <v>22</v>
      </c>
      <c r="BI27" s="439">
        <v>0</v>
      </c>
      <c r="BJ27" s="169">
        <v>8</v>
      </c>
      <c r="BK27" s="169">
        <v>11</v>
      </c>
      <c r="BL27" s="169">
        <v>10</v>
      </c>
      <c r="BM27" s="169">
        <v>5</v>
      </c>
      <c r="BN27" s="169">
        <v>1</v>
      </c>
      <c r="BO27" s="170">
        <v>35</v>
      </c>
      <c r="BP27" s="171">
        <v>57</v>
      </c>
      <c r="BQ27" s="168">
        <v>12</v>
      </c>
      <c r="BR27" s="169">
        <v>6</v>
      </c>
      <c r="BS27" s="170">
        <v>18</v>
      </c>
      <c r="BT27" s="439">
        <v>0</v>
      </c>
      <c r="BU27" s="169">
        <v>15</v>
      </c>
      <c r="BV27" s="169">
        <v>13</v>
      </c>
      <c r="BW27" s="169">
        <v>7</v>
      </c>
      <c r="BX27" s="169">
        <v>6</v>
      </c>
      <c r="BY27" s="169">
        <v>2</v>
      </c>
      <c r="BZ27" s="170">
        <v>43</v>
      </c>
      <c r="CA27" s="171">
        <v>61</v>
      </c>
      <c r="CB27" s="168">
        <v>0</v>
      </c>
      <c r="CC27" s="169">
        <v>0</v>
      </c>
      <c r="CD27" s="170">
        <v>0</v>
      </c>
      <c r="CE27" s="439">
        <v>0</v>
      </c>
      <c r="CF27" s="169">
        <v>0</v>
      </c>
      <c r="CG27" s="169">
        <v>0</v>
      </c>
      <c r="CH27" s="169">
        <v>0</v>
      </c>
      <c r="CI27" s="169">
        <v>0</v>
      </c>
      <c r="CJ27" s="169">
        <v>0</v>
      </c>
      <c r="CK27" s="170">
        <v>0</v>
      </c>
      <c r="CL27" s="171">
        <v>0</v>
      </c>
      <c r="CM27" s="168">
        <v>35</v>
      </c>
      <c r="CN27" s="169">
        <v>20</v>
      </c>
      <c r="CO27" s="170">
        <v>55</v>
      </c>
      <c r="CP27" s="439">
        <v>0</v>
      </c>
      <c r="CQ27" s="169">
        <v>35</v>
      </c>
      <c r="CR27" s="169">
        <v>28</v>
      </c>
      <c r="CS27" s="169">
        <v>21</v>
      </c>
      <c r="CT27" s="169">
        <v>19</v>
      </c>
      <c r="CU27" s="169">
        <v>7</v>
      </c>
      <c r="CV27" s="170">
        <v>110</v>
      </c>
      <c r="CW27" s="171">
        <v>165</v>
      </c>
      <c r="CX27" s="172">
        <v>2</v>
      </c>
      <c r="CY27" s="164">
        <v>2</v>
      </c>
      <c r="CZ27" s="165">
        <v>4</v>
      </c>
      <c r="DA27" s="439">
        <v>0</v>
      </c>
      <c r="DB27" s="164">
        <v>5</v>
      </c>
      <c r="DC27" s="164">
        <v>2</v>
      </c>
      <c r="DD27" s="164">
        <v>4</v>
      </c>
      <c r="DE27" s="164">
        <v>4</v>
      </c>
      <c r="DF27" s="164">
        <v>3</v>
      </c>
      <c r="DG27" s="166">
        <v>18</v>
      </c>
      <c r="DH27" s="167">
        <v>22</v>
      </c>
      <c r="DI27" s="168">
        <v>0</v>
      </c>
      <c r="DJ27" s="169">
        <v>0</v>
      </c>
      <c r="DK27" s="170">
        <v>0</v>
      </c>
      <c r="DL27" s="439">
        <v>0</v>
      </c>
      <c r="DM27" s="169">
        <v>0</v>
      </c>
      <c r="DN27" s="169">
        <v>0</v>
      </c>
      <c r="DO27" s="169">
        <v>0</v>
      </c>
      <c r="DP27" s="169">
        <v>0</v>
      </c>
      <c r="DQ27" s="169">
        <v>0</v>
      </c>
      <c r="DR27" s="170">
        <v>0</v>
      </c>
      <c r="DS27" s="171">
        <v>0</v>
      </c>
      <c r="DT27" s="168">
        <v>0</v>
      </c>
      <c r="DU27" s="169">
        <v>0</v>
      </c>
      <c r="DV27" s="170">
        <v>0</v>
      </c>
      <c r="DW27" s="439">
        <v>0</v>
      </c>
      <c r="DX27" s="169">
        <v>0</v>
      </c>
      <c r="DY27" s="169">
        <v>0</v>
      </c>
      <c r="DZ27" s="169">
        <v>0</v>
      </c>
      <c r="EA27" s="169">
        <v>0</v>
      </c>
      <c r="EB27" s="169">
        <v>0</v>
      </c>
      <c r="EC27" s="170">
        <v>0</v>
      </c>
      <c r="ED27" s="171">
        <v>0</v>
      </c>
      <c r="EE27" s="168">
        <v>0</v>
      </c>
      <c r="EF27" s="169">
        <v>0</v>
      </c>
      <c r="EG27" s="170">
        <v>0</v>
      </c>
      <c r="EH27" s="439">
        <v>0</v>
      </c>
      <c r="EI27" s="169">
        <v>0</v>
      </c>
      <c r="EJ27" s="169">
        <v>0</v>
      </c>
      <c r="EK27" s="169">
        <v>0</v>
      </c>
      <c r="EL27" s="169">
        <v>0</v>
      </c>
      <c r="EM27" s="169">
        <v>0</v>
      </c>
      <c r="EN27" s="170">
        <v>0</v>
      </c>
      <c r="EO27" s="171">
        <v>0</v>
      </c>
      <c r="EP27" s="168">
        <v>0</v>
      </c>
      <c r="EQ27" s="169">
        <v>0</v>
      </c>
      <c r="ER27" s="170">
        <v>0</v>
      </c>
      <c r="ES27" s="439">
        <v>0</v>
      </c>
      <c r="ET27" s="169">
        <v>2</v>
      </c>
      <c r="EU27" s="169">
        <v>0</v>
      </c>
      <c r="EV27" s="169">
        <v>1</v>
      </c>
      <c r="EW27" s="169">
        <v>1</v>
      </c>
      <c r="EX27" s="169">
        <v>2</v>
      </c>
      <c r="EY27" s="170">
        <v>6</v>
      </c>
      <c r="EZ27" s="171">
        <v>6</v>
      </c>
      <c r="FA27" s="168">
        <v>1</v>
      </c>
      <c r="FB27" s="169">
        <v>2</v>
      </c>
      <c r="FC27" s="170">
        <v>3</v>
      </c>
      <c r="FD27" s="439">
        <v>0</v>
      </c>
      <c r="FE27" s="169">
        <v>1</v>
      </c>
      <c r="FF27" s="169">
        <v>1</v>
      </c>
      <c r="FG27" s="169">
        <v>0</v>
      </c>
      <c r="FH27" s="169">
        <v>1</v>
      </c>
      <c r="FI27" s="169">
        <v>1</v>
      </c>
      <c r="FJ27" s="170">
        <v>4</v>
      </c>
      <c r="FK27" s="171">
        <v>7</v>
      </c>
      <c r="FL27" s="168">
        <v>1</v>
      </c>
      <c r="FM27" s="169">
        <v>0</v>
      </c>
      <c r="FN27" s="170">
        <v>1</v>
      </c>
      <c r="FO27" s="439">
        <v>0</v>
      </c>
      <c r="FP27" s="169">
        <v>2</v>
      </c>
      <c r="FQ27" s="169">
        <v>1</v>
      </c>
      <c r="FR27" s="169">
        <v>3</v>
      </c>
      <c r="FS27" s="169">
        <v>2</v>
      </c>
      <c r="FT27" s="169">
        <v>0</v>
      </c>
      <c r="FU27" s="170">
        <v>8</v>
      </c>
      <c r="FV27" s="171">
        <v>9</v>
      </c>
      <c r="FW27" s="168">
        <v>0</v>
      </c>
      <c r="FX27" s="169">
        <v>0</v>
      </c>
      <c r="FY27" s="170">
        <v>0</v>
      </c>
      <c r="FZ27" s="439">
        <v>0</v>
      </c>
      <c r="GA27" s="169">
        <v>0</v>
      </c>
      <c r="GB27" s="169">
        <v>0</v>
      </c>
      <c r="GC27" s="169">
        <v>0</v>
      </c>
      <c r="GD27" s="169">
        <v>0</v>
      </c>
      <c r="GE27" s="169">
        <v>0</v>
      </c>
      <c r="GF27" s="170">
        <v>0</v>
      </c>
      <c r="GG27" s="171">
        <v>0</v>
      </c>
      <c r="GH27" s="168">
        <v>2</v>
      </c>
      <c r="GI27" s="169">
        <v>2</v>
      </c>
      <c r="GJ27" s="170">
        <v>4</v>
      </c>
      <c r="GK27" s="439">
        <v>0</v>
      </c>
      <c r="GL27" s="169">
        <v>5</v>
      </c>
      <c r="GM27" s="169">
        <v>2</v>
      </c>
      <c r="GN27" s="169">
        <v>4</v>
      </c>
      <c r="GO27" s="169">
        <v>4</v>
      </c>
      <c r="GP27" s="169">
        <v>3</v>
      </c>
      <c r="GQ27" s="170">
        <v>18</v>
      </c>
      <c r="GR27" s="171">
        <v>22</v>
      </c>
      <c r="GS27" s="172">
        <v>37</v>
      </c>
      <c r="GT27" s="164">
        <v>22</v>
      </c>
      <c r="GU27" s="165">
        <v>59</v>
      </c>
      <c r="GV27" s="439">
        <v>0</v>
      </c>
      <c r="GW27" s="164">
        <v>40</v>
      </c>
      <c r="GX27" s="164">
        <v>30</v>
      </c>
      <c r="GY27" s="164">
        <v>25</v>
      </c>
      <c r="GZ27" s="164">
        <v>23</v>
      </c>
      <c r="HA27" s="164">
        <v>10</v>
      </c>
      <c r="HB27" s="166">
        <v>128</v>
      </c>
      <c r="HC27" s="167">
        <v>187</v>
      </c>
      <c r="HD27" s="168">
        <v>1</v>
      </c>
      <c r="HE27" s="169">
        <v>0</v>
      </c>
      <c r="HF27" s="170">
        <v>1</v>
      </c>
      <c r="HG27" s="439">
        <v>0</v>
      </c>
      <c r="HH27" s="169">
        <v>1</v>
      </c>
      <c r="HI27" s="169">
        <v>0</v>
      </c>
      <c r="HJ27" s="169">
        <v>0</v>
      </c>
      <c r="HK27" s="169">
        <v>0</v>
      </c>
      <c r="HL27" s="169">
        <v>0</v>
      </c>
      <c r="HM27" s="170">
        <v>1</v>
      </c>
      <c r="HN27" s="171">
        <v>2</v>
      </c>
      <c r="HO27" s="168">
        <v>0</v>
      </c>
      <c r="HP27" s="169">
        <v>2</v>
      </c>
      <c r="HQ27" s="170">
        <v>2</v>
      </c>
      <c r="HR27" s="439">
        <v>0</v>
      </c>
      <c r="HS27" s="169">
        <v>1</v>
      </c>
      <c r="HT27" s="169">
        <v>0</v>
      </c>
      <c r="HU27" s="169">
        <v>1</v>
      </c>
      <c r="HV27" s="169">
        <v>0</v>
      </c>
      <c r="HW27" s="169">
        <v>2</v>
      </c>
      <c r="HX27" s="170">
        <v>4</v>
      </c>
      <c r="HY27" s="171">
        <v>6</v>
      </c>
      <c r="HZ27" s="168">
        <v>2</v>
      </c>
      <c r="IA27" s="169">
        <v>0</v>
      </c>
      <c r="IB27" s="170">
        <v>2</v>
      </c>
      <c r="IC27" s="439">
        <v>0</v>
      </c>
      <c r="ID27" s="169">
        <v>2</v>
      </c>
      <c r="IE27" s="169">
        <v>3</v>
      </c>
      <c r="IF27" s="169">
        <v>2</v>
      </c>
      <c r="IG27" s="169">
        <v>4</v>
      </c>
      <c r="IH27" s="169">
        <v>0</v>
      </c>
      <c r="II27" s="170">
        <v>11</v>
      </c>
      <c r="IJ27" s="171">
        <v>13</v>
      </c>
      <c r="IK27" s="168">
        <v>7</v>
      </c>
      <c r="IL27" s="169">
        <v>3</v>
      </c>
      <c r="IM27" s="170">
        <v>10</v>
      </c>
      <c r="IN27" s="439">
        <v>0</v>
      </c>
      <c r="IO27" s="169">
        <v>10</v>
      </c>
      <c r="IP27" s="169">
        <v>1</v>
      </c>
      <c r="IQ27" s="169">
        <v>2</v>
      </c>
      <c r="IR27" s="169">
        <v>5</v>
      </c>
      <c r="IS27" s="169">
        <v>4</v>
      </c>
      <c r="IT27" s="170">
        <v>22</v>
      </c>
      <c r="IU27" s="171">
        <v>32</v>
      </c>
      <c r="IV27" s="168">
        <v>14</v>
      </c>
      <c r="IW27" s="169">
        <v>11</v>
      </c>
      <c r="IX27" s="170">
        <v>25</v>
      </c>
      <c r="IY27" s="439">
        <v>0</v>
      </c>
      <c r="IZ27" s="169">
        <v>9</v>
      </c>
      <c r="JA27" s="169">
        <v>12</v>
      </c>
      <c r="JB27" s="169">
        <v>10</v>
      </c>
      <c r="JC27" s="169">
        <v>6</v>
      </c>
      <c r="JD27" s="169">
        <v>2</v>
      </c>
      <c r="JE27" s="170">
        <v>39</v>
      </c>
      <c r="JF27" s="171">
        <v>64</v>
      </c>
      <c r="JG27" s="168">
        <v>13</v>
      </c>
      <c r="JH27" s="169">
        <v>6</v>
      </c>
      <c r="JI27" s="170">
        <v>19</v>
      </c>
      <c r="JJ27" s="439">
        <v>0</v>
      </c>
      <c r="JK27" s="169">
        <v>17</v>
      </c>
      <c r="JL27" s="169">
        <v>14</v>
      </c>
      <c r="JM27" s="169">
        <v>10</v>
      </c>
      <c r="JN27" s="169">
        <v>8</v>
      </c>
      <c r="JO27" s="169">
        <v>2</v>
      </c>
      <c r="JP27" s="170">
        <v>51</v>
      </c>
      <c r="JQ27" s="171">
        <v>70</v>
      </c>
      <c r="JR27" s="168">
        <v>0</v>
      </c>
      <c r="JS27" s="169">
        <v>0</v>
      </c>
      <c r="JT27" s="170">
        <v>0</v>
      </c>
      <c r="JU27" s="439">
        <v>0</v>
      </c>
      <c r="JV27" s="169">
        <v>0</v>
      </c>
      <c r="JW27" s="169">
        <v>0</v>
      </c>
      <c r="JX27" s="169">
        <v>0</v>
      </c>
      <c r="JY27" s="169">
        <v>0</v>
      </c>
      <c r="JZ27" s="169">
        <v>0</v>
      </c>
      <c r="KA27" s="170">
        <v>0</v>
      </c>
      <c r="KB27" s="171">
        <v>0</v>
      </c>
      <c r="KC27" s="168">
        <v>37</v>
      </c>
      <c r="KD27" s="169">
        <v>22</v>
      </c>
      <c r="KE27" s="170">
        <v>59</v>
      </c>
      <c r="KF27" s="439">
        <v>0</v>
      </c>
      <c r="KG27" s="169">
        <v>40</v>
      </c>
      <c r="KH27" s="169">
        <v>30</v>
      </c>
      <c r="KI27" s="169">
        <v>25</v>
      </c>
      <c r="KJ27" s="169">
        <v>23</v>
      </c>
      <c r="KK27" s="169">
        <v>10</v>
      </c>
      <c r="KL27" s="170">
        <v>128</v>
      </c>
      <c r="KM27" s="171">
        <v>187</v>
      </c>
    </row>
    <row r="28" spans="2:299" s="137" customFormat="1" ht="21" customHeight="1" x14ac:dyDescent="0.2">
      <c r="B28" s="173" t="s">
        <v>25</v>
      </c>
      <c r="C28" s="163">
        <v>14</v>
      </c>
      <c r="D28" s="164">
        <v>21</v>
      </c>
      <c r="E28" s="165">
        <v>35</v>
      </c>
      <c r="F28" s="439">
        <v>0</v>
      </c>
      <c r="G28" s="164">
        <v>28</v>
      </c>
      <c r="H28" s="164">
        <v>16</v>
      </c>
      <c r="I28" s="164">
        <v>9</v>
      </c>
      <c r="J28" s="164">
        <v>13</v>
      </c>
      <c r="K28" s="164">
        <v>8</v>
      </c>
      <c r="L28" s="166">
        <v>74</v>
      </c>
      <c r="M28" s="167">
        <v>109</v>
      </c>
      <c r="N28" s="168">
        <v>0</v>
      </c>
      <c r="O28" s="169">
        <v>0</v>
      </c>
      <c r="P28" s="170">
        <v>0</v>
      </c>
      <c r="Q28" s="439">
        <v>0</v>
      </c>
      <c r="R28" s="169">
        <v>1</v>
      </c>
      <c r="S28" s="169">
        <v>1</v>
      </c>
      <c r="T28" s="169">
        <v>0</v>
      </c>
      <c r="U28" s="169">
        <v>0</v>
      </c>
      <c r="V28" s="169">
        <v>0</v>
      </c>
      <c r="W28" s="170">
        <v>2</v>
      </c>
      <c r="X28" s="171">
        <v>2</v>
      </c>
      <c r="Y28" s="168">
        <v>2</v>
      </c>
      <c r="Z28" s="169">
        <v>2</v>
      </c>
      <c r="AA28" s="170">
        <v>4</v>
      </c>
      <c r="AB28" s="439">
        <v>0</v>
      </c>
      <c r="AC28" s="169">
        <v>0</v>
      </c>
      <c r="AD28" s="169">
        <v>1</v>
      </c>
      <c r="AE28" s="169">
        <v>0</v>
      </c>
      <c r="AF28" s="169">
        <v>4</v>
      </c>
      <c r="AG28" s="169">
        <v>0</v>
      </c>
      <c r="AH28" s="170">
        <v>5</v>
      </c>
      <c r="AI28" s="171">
        <v>9</v>
      </c>
      <c r="AJ28" s="168">
        <v>2</v>
      </c>
      <c r="AK28" s="169">
        <v>3</v>
      </c>
      <c r="AL28" s="170">
        <v>5</v>
      </c>
      <c r="AM28" s="439">
        <v>0</v>
      </c>
      <c r="AN28" s="169">
        <v>7</v>
      </c>
      <c r="AO28" s="169">
        <v>1</v>
      </c>
      <c r="AP28" s="169">
        <v>1</v>
      </c>
      <c r="AQ28" s="169">
        <v>4</v>
      </c>
      <c r="AR28" s="169">
        <v>2</v>
      </c>
      <c r="AS28" s="170">
        <v>15</v>
      </c>
      <c r="AT28" s="171">
        <v>20</v>
      </c>
      <c r="AU28" s="168">
        <v>2</v>
      </c>
      <c r="AV28" s="169">
        <v>8</v>
      </c>
      <c r="AW28" s="170">
        <v>10</v>
      </c>
      <c r="AX28" s="439">
        <v>0</v>
      </c>
      <c r="AY28" s="169">
        <v>6</v>
      </c>
      <c r="AZ28" s="169">
        <v>1</v>
      </c>
      <c r="BA28" s="169">
        <v>3</v>
      </c>
      <c r="BB28" s="169">
        <v>1</v>
      </c>
      <c r="BC28" s="169">
        <v>4</v>
      </c>
      <c r="BD28" s="170">
        <v>15</v>
      </c>
      <c r="BE28" s="171">
        <v>25</v>
      </c>
      <c r="BF28" s="168">
        <v>3</v>
      </c>
      <c r="BG28" s="169">
        <v>4</v>
      </c>
      <c r="BH28" s="170">
        <v>7</v>
      </c>
      <c r="BI28" s="439">
        <v>0</v>
      </c>
      <c r="BJ28" s="169">
        <v>10</v>
      </c>
      <c r="BK28" s="169">
        <v>4</v>
      </c>
      <c r="BL28" s="169">
        <v>4</v>
      </c>
      <c r="BM28" s="169">
        <v>1</v>
      </c>
      <c r="BN28" s="169">
        <v>1</v>
      </c>
      <c r="BO28" s="170">
        <v>20</v>
      </c>
      <c r="BP28" s="171">
        <v>27</v>
      </c>
      <c r="BQ28" s="168">
        <v>5</v>
      </c>
      <c r="BR28" s="169">
        <v>4</v>
      </c>
      <c r="BS28" s="170">
        <v>9</v>
      </c>
      <c r="BT28" s="439">
        <v>0</v>
      </c>
      <c r="BU28" s="169">
        <v>4</v>
      </c>
      <c r="BV28" s="169">
        <v>8</v>
      </c>
      <c r="BW28" s="169">
        <v>1</v>
      </c>
      <c r="BX28" s="169">
        <v>3</v>
      </c>
      <c r="BY28" s="169">
        <v>1</v>
      </c>
      <c r="BZ28" s="170">
        <v>17</v>
      </c>
      <c r="CA28" s="171">
        <v>26</v>
      </c>
      <c r="CB28" s="168">
        <v>0</v>
      </c>
      <c r="CC28" s="169">
        <v>0</v>
      </c>
      <c r="CD28" s="170">
        <v>0</v>
      </c>
      <c r="CE28" s="439">
        <v>0</v>
      </c>
      <c r="CF28" s="169">
        <v>0</v>
      </c>
      <c r="CG28" s="169">
        <v>0</v>
      </c>
      <c r="CH28" s="169">
        <v>0</v>
      </c>
      <c r="CI28" s="169">
        <v>0</v>
      </c>
      <c r="CJ28" s="169">
        <v>0</v>
      </c>
      <c r="CK28" s="170">
        <v>0</v>
      </c>
      <c r="CL28" s="171">
        <v>0</v>
      </c>
      <c r="CM28" s="168">
        <v>14</v>
      </c>
      <c r="CN28" s="169">
        <v>21</v>
      </c>
      <c r="CO28" s="170">
        <v>35</v>
      </c>
      <c r="CP28" s="439">
        <v>0</v>
      </c>
      <c r="CQ28" s="169">
        <v>28</v>
      </c>
      <c r="CR28" s="169">
        <v>16</v>
      </c>
      <c r="CS28" s="169">
        <v>9</v>
      </c>
      <c r="CT28" s="169">
        <v>13</v>
      </c>
      <c r="CU28" s="169">
        <v>8</v>
      </c>
      <c r="CV28" s="170">
        <v>74</v>
      </c>
      <c r="CW28" s="171">
        <v>109</v>
      </c>
      <c r="CX28" s="172">
        <v>2</v>
      </c>
      <c r="CY28" s="164">
        <v>2</v>
      </c>
      <c r="CZ28" s="165">
        <v>4</v>
      </c>
      <c r="DA28" s="439">
        <v>0</v>
      </c>
      <c r="DB28" s="164">
        <v>4</v>
      </c>
      <c r="DC28" s="164">
        <v>1</v>
      </c>
      <c r="DD28" s="164">
        <v>1</v>
      </c>
      <c r="DE28" s="164">
        <v>0</v>
      </c>
      <c r="DF28" s="164">
        <v>1</v>
      </c>
      <c r="DG28" s="166">
        <v>7</v>
      </c>
      <c r="DH28" s="167">
        <v>11</v>
      </c>
      <c r="DI28" s="168">
        <v>0</v>
      </c>
      <c r="DJ28" s="169">
        <v>0</v>
      </c>
      <c r="DK28" s="170">
        <v>0</v>
      </c>
      <c r="DL28" s="439">
        <v>0</v>
      </c>
      <c r="DM28" s="169">
        <v>0</v>
      </c>
      <c r="DN28" s="169">
        <v>0</v>
      </c>
      <c r="DO28" s="169">
        <v>0</v>
      </c>
      <c r="DP28" s="169">
        <v>0</v>
      </c>
      <c r="DQ28" s="169">
        <v>0</v>
      </c>
      <c r="DR28" s="170">
        <v>0</v>
      </c>
      <c r="DS28" s="171">
        <v>0</v>
      </c>
      <c r="DT28" s="168">
        <v>0</v>
      </c>
      <c r="DU28" s="169">
        <v>0</v>
      </c>
      <c r="DV28" s="170">
        <v>0</v>
      </c>
      <c r="DW28" s="439">
        <v>0</v>
      </c>
      <c r="DX28" s="169">
        <v>0</v>
      </c>
      <c r="DY28" s="169">
        <v>0</v>
      </c>
      <c r="DZ28" s="169">
        <v>0</v>
      </c>
      <c r="EA28" s="169">
        <v>0</v>
      </c>
      <c r="EB28" s="169">
        <v>0</v>
      </c>
      <c r="EC28" s="170">
        <v>0</v>
      </c>
      <c r="ED28" s="171">
        <v>0</v>
      </c>
      <c r="EE28" s="168">
        <v>0</v>
      </c>
      <c r="EF28" s="169">
        <v>0</v>
      </c>
      <c r="EG28" s="170">
        <v>0</v>
      </c>
      <c r="EH28" s="439">
        <v>0</v>
      </c>
      <c r="EI28" s="169">
        <v>0</v>
      </c>
      <c r="EJ28" s="169">
        <v>0</v>
      </c>
      <c r="EK28" s="169">
        <v>0</v>
      </c>
      <c r="EL28" s="169">
        <v>0</v>
      </c>
      <c r="EM28" s="169">
        <v>1</v>
      </c>
      <c r="EN28" s="170">
        <v>1</v>
      </c>
      <c r="EO28" s="171">
        <v>1</v>
      </c>
      <c r="EP28" s="168">
        <v>0</v>
      </c>
      <c r="EQ28" s="169">
        <v>0</v>
      </c>
      <c r="ER28" s="170">
        <v>0</v>
      </c>
      <c r="ES28" s="439">
        <v>0</v>
      </c>
      <c r="ET28" s="169">
        <v>0</v>
      </c>
      <c r="EU28" s="169">
        <v>1</v>
      </c>
      <c r="EV28" s="169">
        <v>0</v>
      </c>
      <c r="EW28" s="169">
        <v>0</v>
      </c>
      <c r="EX28" s="169">
        <v>0</v>
      </c>
      <c r="EY28" s="170">
        <v>1</v>
      </c>
      <c r="EZ28" s="171">
        <v>1</v>
      </c>
      <c r="FA28" s="168">
        <v>0</v>
      </c>
      <c r="FB28" s="169">
        <v>1</v>
      </c>
      <c r="FC28" s="170">
        <v>1</v>
      </c>
      <c r="FD28" s="439">
        <v>0</v>
      </c>
      <c r="FE28" s="169">
        <v>1</v>
      </c>
      <c r="FF28" s="169">
        <v>0</v>
      </c>
      <c r="FG28" s="169">
        <v>1</v>
      </c>
      <c r="FH28" s="169">
        <v>0</v>
      </c>
      <c r="FI28" s="169">
        <v>0</v>
      </c>
      <c r="FJ28" s="170">
        <v>2</v>
      </c>
      <c r="FK28" s="171">
        <v>3</v>
      </c>
      <c r="FL28" s="168">
        <v>2</v>
      </c>
      <c r="FM28" s="169">
        <v>1</v>
      </c>
      <c r="FN28" s="170">
        <v>3</v>
      </c>
      <c r="FO28" s="439">
        <v>0</v>
      </c>
      <c r="FP28" s="169">
        <v>3</v>
      </c>
      <c r="FQ28" s="169">
        <v>0</v>
      </c>
      <c r="FR28" s="169">
        <v>0</v>
      </c>
      <c r="FS28" s="169">
        <v>0</v>
      </c>
      <c r="FT28" s="169">
        <v>0</v>
      </c>
      <c r="FU28" s="170">
        <v>3</v>
      </c>
      <c r="FV28" s="171">
        <v>6</v>
      </c>
      <c r="FW28" s="168">
        <v>0</v>
      </c>
      <c r="FX28" s="169">
        <v>0</v>
      </c>
      <c r="FY28" s="170">
        <v>0</v>
      </c>
      <c r="FZ28" s="439">
        <v>0</v>
      </c>
      <c r="GA28" s="169">
        <v>0</v>
      </c>
      <c r="GB28" s="169">
        <v>0</v>
      </c>
      <c r="GC28" s="169">
        <v>0</v>
      </c>
      <c r="GD28" s="169">
        <v>0</v>
      </c>
      <c r="GE28" s="169">
        <v>0</v>
      </c>
      <c r="GF28" s="170">
        <v>0</v>
      </c>
      <c r="GG28" s="171">
        <v>0</v>
      </c>
      <c r="GH28" s="168">
        <v>2</v>
      </c>
      <c r="GI28" s="169">
        <v>2</v>
      </c>
      <c r="GJ28" s="170">
        <v>4</v>
      </c>
      <c r="GK28" s="439">
        <v>0</v>
      </c>
      <c r="GL28" s="169">
        <v>4</v>
      </c>
      <c r="GM28" s="169">
        <v>1</v>
      </c>
      <c r="GN28" s="169">
        <v>1</v>
      </c>
      <c r="GO28" s="169">
        <v>0</v>
      </c>
      <c r="GP28" s="169">
        <v>1</v>
      </c>
      <c r="GQ28" s="170">
        <v>7</v>
      </c>
      <c r="GR28" s="171">
        <v>11</v>
      </c>
      <c r="GS28" s="172">
        <v>16</v>
      </c>
      <c r="GT28" s="164">
        <v>23</v>
      </c>
      <c r="GU28" s="165">
        <v>39</v>
      </c>
      <c r="GV28" s="439">
        <v>0</v>
      </c>
      <c r="GW28" s="164">
        <v>32</v>
      </c>
      <c r="GX28" s="164">
        <v>17</v>
      </c>
      <c r="GY28" s="164">
        <v>10</v>
      </c>
      <c r="GZ28" s="164">
        <v>13</v>
      </c>
      <c r="HA28" s="164">
        <v>9</v>
      </c>
      <c r="HB28" s="166">
        <v>81</v>
      </c>
      <c r="HC28" s="167">
        <v>120</v>
      </c>
      <c r="HD28" s="168">
        <v>0</v>
      </c>
      <c r="HE28" s="169">
        <v>0</v>
      </c>
      <c r="HF28" s="170">
        <v>0</v>
      </c>
      <c r="HG28" s="439">
        <v>0</v>
      </c>
      <c r="HH28" s="169">
        <v>1</v>
      </c>
      <c r="HI28" s="169">
        <v>1</v>
      </c>
      <c r="HJ28" s="169">
        <v>0</v>
      </c>
      <c r="HK28" s="169">
        <v>0</v>
      </c>
      <c r="HL28" s="169">
        <v>0</v>
      </c>
      <c r="HM28" s="170">
        <v>2</v>
      </c>
      <c r="HN28" s="171">
        <v>2</v>
      </c>
      <c r="HO28" s="168">
        <v>2</v>
      </c>
      <c r="HP28" s="169">
        <v>2</v>
      </c>
      <c r="HQ28" s="170">
        <v>4</v>
      </c>
      <c r="HR28" s="439">
        <v>0</v>
      </c>
      <c r="HS28" s="169">
        <v>0</v>
      </c>
      <c r="HT28" s="169">
        <v>1</v>
      </c>
      <c r="HU28" s="169">
        <v>0</v>
      </c>
      <c r="HV28" s="169">
        <v>4</v>
      </c>
      <c r="HW28" s="169">
        <v>0</v>
      </c>
      <c r="HX28" s="170">
        <v>5</v>
      </c>
      <c r="HY28" s="171">
        <v>9</v>
      </c>
      <c r="HZ28" s="168">
        <v>2</v>
      </c>
      <c r="IA28" s="169">
        <v>3</v>
      </c>
      <c r="IB28" s="170">
        <v>5</v>
      </c>
      <c r="IC28" s="439">
        <v>0</v>
      </c>
      <c r="ID28" s="169">
        <v>7</v>
      </c>
      <c r="IE28" s="169">
        <v>1</v>
      </c>
      <c r="IF28" s="169">
        <v>1</v>
      </c>
      <c r="IG28" s="169">
        <v>4</v>
      </c>
      <c r="IH28" s="169">
        <v>3</v>
      </c>
      <c r="II28" s="170">
        <v>16</v>
      </c>
      <c r="IJ28" s="171">
        <v>21</v>
      </c>
      <c r="IK28" s="168">
        <v>2</v>
      </c>
      <c r="IL28" s="169">
        <v>8</v>
      </c>
      <c r="IM28" s="170">
        <v>10</v>
      </c>
      <c r="IN28" s="439">
        <v>0</v>
      </c>
      <c r="IO28" s="169">
        <v>6</v>
      </c>
      <c r="IP28" s="169">
        <v>2</v>
      </c>
      <c r="IQ28" s="169">
        <v>3</v>
      </c>
      <c r="IR28" s="169">
        <v>1</v>
      </c>
      <c r="IS28" s="169">
        <v>4</v>
      </c>
      <c r="IT28" s="170">
        <v>16</v>
      </c>
      <c r="IU28" s="171">
        <v>26</v>
      </c>
      <c r="IV28" s="168">
        <v>3</v>
      </c>
      <c r="IW28" s="169">
        <v>5</v>
      </c>
      <c r="IX28" s="170">
        <v>8</v>
      </c>
      <c r="IY28" s="439">
        <v>0</v>
      </c>
      <c r="IZ28" s="169">
        <v>11</v>
      </c>
      <c r="JA28" s="169">
        <v>4</v>
      </c>
      <c r="JB28" s="169">
        <v>5</v>
      </c>
      <c r="JC28" s="169">
        <v>1</v>
      </c>
      <c r="JD28" s="169">
        <v>1</v>
      </c>
      <c r="JE28" s="170">
        <v>22</v>
      </c>
      <c r="JF28" s="171">
        <v>30</v>
      </c>
      <c r="JG28" s="168">
        <v>7</v>
      </c>
      <c r="JH28" s="169">
        <v>5</v>
      </c>
      <c r="JI28" s="170">
        <v>12</v>
      </c>
      <c r="JJ28" s="439">
        <v>0</v>
      </c>
      <c r="JK28" s="169">
        <v>7</v>
      </c>
      <c r="JL28" s="169">
        <v>8</v>
      </c>
      <c r="JM28" s="169">
        <v>1</v>
      </c>
      <c r="JN28" s="169">
        <v>3</v>
      </c>
      <c r="JO28" s="169">
        <v>1</v>
      </c>
      <c r="JP28" s="170">
        <v>20</v>
      </c>
      <c r="JQ28" s="171">
        <v>32</v>
      </c>
      <c r="JR28" s="168">
        <v>0</v>
      </c>
      <c r="JS28" s="169">
        <v>0</v>
      </c>
      <c r="JT28" s="170">
        <v>0</v>
      </c>
      <c r="JU28" s="439">
        <v>0</v>
      </c>
      <c r="JV28" s="169">
        <v>0</v>
      </c>
      <c r="JW28" s="169">
        <v>0</v>
      </c>
      <c r="JX28" s="169">
        <v>0</v>
      </c>
      <c r="JY28" s="169">
        <v>0</v>
      </c>
      <c r="JZ28" s="169">
        <v>0</v>
      </c>
      <c r="KA28" s="170">
        <v>0</v>
      </c>
      <c r="KB28" s="171">
        <v>0</v>
      </c>
      <c r="KC28" s="168">
        <v>16</v>
      </c>
      <c r="KD28" s="169">
        <v>23</v>
      </c>
      <c r="KE28" s="170">
        <v>39</v>
      </c>
      <c r="KF28" s="439">
        <v>0</v>
      </c>
      <c r="KG28" s="169">
        <v>32</v>
      </c>
      <c r="KH28" s="169">
        <v>17</v>
      </c>
      <c r="KI28" s="169">
        <v>10</v>
      </c>
      <c r="KJ28" s="169">
        <v>13</v>
      </c>
      <c r="KK28" s="169">
        <v>9</v>
      </c>
      <c r="KL28" s="170">
        <v>81</v>
      </c>
      <c r="KM28" s="171">
        <v>120</v>
      </c>
    </row>
    <row r="29" spans="2:299" s="137" customFormat="1" ht="21" customHeight="1" x14ac:dyDescent="0.2">
      <c r="B29" s="173" t="s">
        <v>26</v>
      </c>
      <c r="C29" s="163">
        <v>24</v>
      </c>
      <c r="D29" s="164">
        <v>17</v>
      </c>
      <c r="E29" s="165">
        <v>41</v>
      </c>
      <c r="F29" s="439">
        <v>0</v>
      </c>
      <c r="G29" s="164">
        <v>26</v>
      </c>
      <c r="H29" s="164">
        <v>20</v>
      </c>
      <c r="I29" s="164">
        <v>18</v>
      </c>
      <c r="J29" s="164">
        <v>11</v>
      </c>
      <c r="K29" s="164">
        <v>8</v>
      </c>
      <c r="L29" s="166">
        <v>83</v>
      </c>
      <c r="M29" s="167">
        <v>124</v>
      </c>
      <c r="N29" s="168">
        <v>0</v>
      </c>
      <c r="O29" s="169">
        <v>0</v>
      </c>
      <c r="P29" s="170">
        <v>0</v>
      </c>
      <c r="Q29" s="439">
        <v>0</v>
      </c>
      <c r="R29" s="169">
        <v>0</v>
      </c>
      <c r="S29" s="169">
        <v>0</v>
      </c>
      <c r="T29" s="169">
        <v>0</v>
      </c>
      <c r="U29" s="169">
        <v>1</v>
      </c>
      <c r="V29" s="169">
        <v>0</v>
      </c>
      <c r="W29" s="170">
        <v>1</v>
      </c>
      <c r="X29" s="171">
        <v>1</v>
      </c>
      <c r="Y29" s="168">
        <v>0</v>
      </c>
      <c r="Z29" s="169">
        <v>0</v>
      </c>
      <c r="AA29" s="170">
        <v>0</v>
      </c>
      <c r="AB29" s="439">
        <v>0</v>
      </c>
      <c r="AC29" s="169">
        <v>2</v>
      </c>
      <c r="AD29" s="169">
        <v>0</v>
      </c>
      <c r="AE29" s="169">
        <v>0</v>
      </c>
      <c r="AF29" s="169">
        <v>0</v>
      </c>
      <c r="AG29" s="169">
        <v>0</v>
      </c>
      <c r="AH29" s="170">
        <v>2</v>
      </c>
      <c r="AI29" s="171">
        <v>2</v>
      </c>
      <c r="AJ29" s="168">
        <v>0</v>
      </c>
      <c r="AK29" s="169">
        <v>2</v>
      </c>
      <c r="AL29" s="170">
        <v>2</v>
      </c>
      <c r="AM29" s="439">
        <v>0</v>
      </c>
      <c r="AN29" s="169">
        <v>2</v>
      </c>
      <c r="AO29" s="169">
        <v>0</v>
      </c>
      <c r="AP29" s="169">
        <v>1</v>
      </c>
      <c r="AQ29" s="169">
        <v>0</v>
      </c>
      <c r="AR29" s="169">
        <v>0</v>
      </c>
      <c r="AS29" s="170">
        <v>3</v>
      </c>
      <c r="AT29" s="171">
        <v>5</v>
      </c>
      <c r="AU29" s="168">
        <v>7</v>
      </c>
      <c r="AV29" s="169">
        <v>7</v>
      </c>
      <c r="AW29" s="170">
        <v>14</v>
      </c>
      <c r="AX29" s="439">
        <v>0</v>
      </c>
      <c r="AY29" s="169">
        <v>6</v>
      </c>
      <c r="AZ29" s="169">
        <v>6</v>
      </c>
      <c r="BA29" s="169">
        <v>4</v>
      </c>
      <c r="BB29" s="169">
        <v>2</v>
      </c>
      <c r="BC29" s="169">
        <v>1</v>
      </c>
      <c r="BD29" s="170">
        <v>19</v>
      </c>
      <c r="BE29" s="171">
        <v>33</v>
      </c>
      <c r="BF29" s="168">
        <v>5</v>
      </c>
      <c r="BG29" s="169">
        <v>3</v>
      </c>
      <c r="BH29" s="170">
        <v>8</v>
      </c>
      <c r="BI29" s="439">
        <v>0</v>
      </c>
      <c r="BJ29" s="169">
        <v>8</v>
      </c>
      <c r="BK29" s="169">
        <v>10</v>
      </c>
      <c r="BL29" s="169">
        <v>8</v>
      </c>
      <c r="BM29" s="169">
        <v>4</v>
      </c>
      <c r="BN29" s="169">
        <v>4</v>
      </c>
      <c r="BO29" s="170">
        <v>34</v>
      </c>
      <c r="BP29" s="171">
        <v>42</v>
      </c>
      <c r="BQ29" s="168">
        <v>12</v>
      </c>
      <c r="BR29" s="169">
        <v>5</v>
      </c>
      <c r="BS29" s="170">
        <v>17</v>
      </c>
      <c r="BT29" s="439">
        <v>0</v>
      </c>
      <c r="BU29" s="169">
        <v>8</v>
      </c>
      <c r="BV29" s="169">
        <v>4</v>
      </c>
      <c r="BW29" s="169">
        <v>5</v>
      </c>
      <c r="BX29" s="169">
        <v>4</v>
      </c>
      <c r="BY29" s="169">
        <v>3</v>
      </c>
      <c r="BZ29" s="170">
        <v>24</v>
      </c>
      <c r="CA29" s="171">
        <v>41</v>
      </c>
      <c r="CB29" s="168">
        <v>0</v>
      </c>
      <c r="CC29" s="169">
        <v>0</v>
      </c>
      <c r="CD29" s="170">
        <v>0</v>
      </c>
      <c r="CE29" s="439">
        <v>0</v>
      </c>
      <c r="CF29" s="169">
        <v>0</v>
      </c>
      <c r="CG29" s="169">
        <v>0</v>
      </c>
      <c r="CH29" s="169">
        <v>0</v>
      </c>
      <c r="CI29" s="169">
        <v>0</v>
      </c>
      <c r="CJ29" s="169">
        <v>0</v>
      </c>
      <c r="CK29" s="170">
        <v>0</v>
      </c>
      <c r="CL29" s="171">
        <v>0</v>
      </c>
      <c r="CM29" s="168">
        <v>24</v>
      </c>
      <c r="CN29" s="169">
        <v>17</v>
      </c>
      <c r="CO29" s="170">
        <v>41</v>
      </c>
      <c r="CP29" s="439">
        <v>0</v>
      </c>
      <c r="CQ29" s="169">
        <v>26</v>
      </c>
      <c r="CR29" s="169">
        <v>20</v>
      </c>
      <c r="CS29" s="169">
        <v>18</v>
      </c>
      <c r="CT29" s="169">
        <v>11</v>
      </c>
      <c r="CU29" s="169">
        <v>8</v>
      </c>
      <c r="CV29" s="170">
        <v>83</v>
      </c>
      <c r="CW29" s="171">
        <v>124</v>
      </c>
      <c r="CX29" s="172">
        <v>3</v>
      </c>
      <c r="CY29" s="164">
        <v>2</v>
      </c>
      <c r="CZ29" s="165">
        <v>5</v>
      </c>
      <c r="DA29" s="439">
        <v>0</v>
      </c>
      <c r="DB29" s="164">
        <v>3</v>
      </c>
      <c r="DC29" s="164">
        <v>3</v>
      </c>
      <c r="DD29" s="164">
        <v>4</v>
      </c>
      <c r="DE29" s="164">
        <v>1</v>
      </c>
      <c r="DF29" s="164">
        <v>0</v>
      </c>
      <c r="DG29" s="166">
        <v>11</v>
      </c>
      <c r="DH29" s="167">
        <v>16</v>
      </c>
      <c r="DI29" s="168">
        <v>0</v>
      </c>
      <c r="DJ29" s="169">
        <v>0</v>
      </c>
      <c r="DK29" s="170">
        <v>0</v>
      </c>
      <c r="DL29" s="439">
        <v>0</v>
      </c>
      <c r="DM29" s="169">
        <v>1</v>
      </c>
      <c r="DN29" s="169">
        <v>0</v>
      </c>
      <c r="DO29" s="169">
        <v>0</v>
      </c>
      <c r="DP29" s="169">
        <v>0</v>
      </c>
      <c r="DQ29" s="169">
        <v>0</v>
      </c>
      <c r="DR29" s="170">
        <v>1</v>
      </c>
      <c r="DS29" s="171">
        <v>1</v>
      </c>
      <c r="DT29" s="168">
        <v>1</v>
      </c>
      <c r="DU29" s="169">
        <v>0</v>
      </c>
      <c r="DV29" s="170">
        <v>1</v>
      </c>
      <c r="DW29" s="439">
        <v>0</v>
      </c>
      <c r="DX29" s="169">
        <v>0</v>
      </c>
      <c r="DY29" s="169">
        <v>0</v>
      </c>
      <c r="DZ29" s="169">
        <v>0</v>
      </c>
      <c r="EA29" s="169">
        <v>1</v>
      </c>
      <c r="EB29" s="169">
        <v>0</v>
      </c>
      <c r="EC29" s="170">
        <v>1</v>
      </c>
      <c r="ED29" s="171">
        <v>2</v>
      </c>
      <c r="EE29" s="168">
        <v>1</v>
      </c>
      <c r="EF29" s="169">
        <v>0</v>
      </c>
      <c r="EG29" s="170">
        <v>1</v>
      </c>
      <c r="EH29" s="439">
        <v>0</v>
      </c>
      <c r="EI29" s="169">
        <v>0</v>
      </c>
      <c r="EJ29" s="169">
        <v>0</v>
      </c>
      <c r="EK29" s="169">
        <v>0</v>
      </c>
      <c r="EL29" s="169">
        <v>0</v>
      </c>
      <c r="EM29" s="169">
        <v>0</v>
      </c>
      <c r="EN29" s="170">
        <v>0</v>
      </c>
      <c r="EO29" s="171">
        <v>1</v>
      </c>
      <c r="EP29" s="168">
        <v>0</v>
      </c>
      <c r="EQ29" s="169">
        <v>0</v>
      </c>
      <c r="ER29" s="170">
        <v>0</v>
      </c>
      <c r="ES29" s="439">
        <v>0</v>
      </c>
      <c r="ET29" s="169">
        <v>1</v>
      </c>
      <c r="EU29" s="169">
        <v>1</v>
      </c>
      <c r="EV29" s="169">
        <v>1</v>
      </c>
      <c r="EW29" s="169">
        <v>0</v>
      </c>
      <c r="EX29" s="169">
        <v>0</v>
      </c>
      <c r="EY29" s="170">
        <v>3</v>
      </c>
      <c r="EZ29" s="171">
        <v>3</v>
      </c>
      <c r="FA29" s="168">
        <v>0</v>
      </c>
      <c r="FB29" s="169">
        <v>0</v>
      </c>
      <c r="FC29" s="170">
        <v>0</v>
      </c>
      <c r="FD29" s="439">
        <v>0</v>
      </c>
      <c r="FE29" s="169">
        <v>0</v>
      </c>
      <c r="FF29" s="169">
        <v>2</v>
      </c>
      <c r="FG29" s="169">
        <v>0</v>
      </c>
      <c r="FH29" s="169">
        <v>0</v>
      </c>
      <c r="FI29" s="169">
        <v>0</v>
      </c>
      <c r="FJ29" s="170">
        <v>2</v>
      </c>
      <c r="FK29" s="171">
        <v>2</v>
      </c>
      <c r="FL29" s="168">
        <v>1</v>
      </c>
      <c r="FM29" s="169">
        <v>2</v>
      </c>
      <c r="FN29" s="170">
        <v>3</v>
      </c>
      <c r="FO29" s="439">
        <v>0</v>
      </c>
      <c r="FP29" s="169">
        <v>1</v>
      </c>
      <c r="FQ29" s="169">
        <v>0</v>
      </c>
      <c r="FR29" s="169">
        <v>3</v>
      </c>
      <c r="FS29" s="169">
        <v>0</v>
      </c>
      <c r="FT29" s="169">
        <v>0</v>
      </c>
      <c r="FU29" s="170">
        <v>4</v>
      </c>
      <c r="FV29" s="171">
        <v>7</v>
      </c>
      <c r="FW29" s="168">
        <v>0</v>
      </c>
      <c r="FX29" s="169">
        <v>0</v>
      </c>
      <c r="FY29" s="170">
        <v>0</v>
      </c>
      <c r="FZ29" s="439">
        <v>0</v>
      </c>
      <c r="GA29" s="169">
        <v>0</v>
      </c>
      <c r="GB29" s="169">
        <v>0</v>
      </c>
      <c r="GC29" s="169">
        <v>0</v>
      </c>
      <c r="GD29" s="169">
        <v>0</v>
      </c>
      <c r="GE29" s="169">
        <v>0</v>
      </c>
      <c r="GF29" s="170">
        <v>0</v>
      </c>
      <c r="GG29" s="171">
        <v>0</v>
      </c>
      <c r="GH29" s="168">
        <v>3</v>
      </c>
      <c r="GI29" s="169">
        <v>2</v>
      </c>
      <c r="GJ29" s="170">
        <v>5</v>
      </c>
      <c r="GK29" s="439">
        <v>0</v>
      </c>
      <c r="GL29" s="169">
        <v>3</v>
      </c>
      <c r="GM29" s="169">
        <v>3</v>
      </c>
      <c r="GN29" s="169">
        <v>4</v>
      </c>
      <c r="GO29" s="169">
        <v>1</v>
      </c>
      <c r="GP29" s="169">
        <v>0</v>
      </c>
      <c r="GQ29" s="170">
        <v>11</v>
      </c>
      <c r="GR29" s="171">
        <v>16</v>
      </c>
      <c r="GS29" s="172">
        <v>27</v>
      </c>
      <c r="GT29" s="164">
        <v>19</v>
      </c>
      <c r="GU29" s="165">
        <v>46</v>
      </c>
      <c r="GV29" s="439">
        <v>0</v>
      </c>
      <c r="GW29" s="164">
        <v>29</v>
      </c>
      <c r="GX29" s="164">
        <v>23</v>
      </c>
      <c r="GY29" s="164">
        <v>22</v>
      </c>
      <c r="GZ29" s="164">
        <v>12</v>
      </c>
      <c r="HA29" s="164">
        <v>8</v>
      </c>
      <c r="HB29" s="166">
        <v>94</v>
      </c>
      <c r="HC29" s="167">
        <v>140</v>
      </c>
      <c r="HD29" s="168">
        <v>0</v>
      </c>
      <c r="HE29" s="169">
        <v>0</v>
      </c>
      <c r="HF29" s="170">
        <v>0</v>
      </c>
      <c r="HG29" s="439">
        <v>0</v>
      </c>
      <c r="HH29" s="169">
        <v>1</v>
      </c>
      <c r="HI29" s="169">
        <v>0</v>
      </c>
      <c r="HJ29" s="169">
        <v>0</v>
      </c>
      <c r="HK29" s="169">
        <v>1</v>
      </c>
      <c r="HL29" s="169">
        <v>0</v>
      </c>
      <c r="HM29" s="170">
        <v>2</v>
      </c>
      <c r="HN29" s="171">
        <v>2</v>
      </c>
      <c r="HO29" s="168">
        <v>1</v>
      </c>
      <c r="HP29" s="169">
        <v>0</v>
      </c>
      <c r="HQ29" s="170">
        <v>1</v>
      </c>
      <c r="HR29" s="439">
        <v>0</v>
      </c>
      <c r="HS29" s="169">
        <v>2</v>
      </c>
      <c r="HT29" s="169">
        <v>0</v>
      </c>
      <c r="HU29" s="169">
        <v>0</v>
      </c>
      <c r="HV29" s="169">
        <v>1</v>
      </c>
      <c r="HW29" s="169">
        <v>0</v>
      </c>
      <c r="HX29" s="170">
        <v>3</v>
      </c>
      <c r="HY29" s="171">
        <v>4</v>
      </c>
      <c r="HZ29" s="168">
        <v>1</v>
      </c>
      <c r="IA29" s="169">
        <v>2</v>
      </c>
      <c r="IB29" s="170">
        <v>3</v>
      </c>
      <c r="IC29" s="439">
        <v>0</v>
      </c>
      <c r="ID29" s="169">
        <v>2</v>
      </c>
      <c r="IE29" s="169">
        <v>0</v>
      </c>
      <c r="IF29" s="169">
        <v>1</v>
      </c>
      <c r="IG29" s="169">
        <v>0</v>
      </c>
      <c r="IH29" s="169">
        <v>0</v>
      </c>
      <c r="II29" s="170">
        <v>3</v>
      </c>
      <c r="IJ29" s="171">
        <v>6</v>
      </c>
      <c r="IK29" s="168">
        <v>7</v>
      </c>
      <c r="IL29" s="169">
        <v>7</v>
      </c>
      <c r="IM29" s="170">
        <v>14</v>
      </c>
      <c r="IN29" s="439">
        <v>0</v>
      </c>
      <c r="IO29" s="169">
        <v>7</v>
      </c>
      <c r="IP29" s="169">
        <v>7</v>
      </c>
      <c r="IQ29" s="169">
        <v>5</v>
      </c>
      <c r="IR29" s="169">
        <v>2</v>
      </c>
      <c r="IS29" s="169">
        <v>1</v>
      </c>
      <c r="IT29" s="170">
        <v>22</v>
      </c>
      <c r="IU29" s="171">
        <v>36</v>
      </c>
      <c r="IV29" s="168">
        <v>5</v>
      </c>
      <c r="IW29" s="169">
        <v>3</v>
      </c>
      <c r="IX29" s="170">
        <v>8</v>
      </c>
      <c r="IY29" s="439">
        <v>0</v>
      </c>
      <c r="IZ29" s="169">
        <v>8</v>
      </c>
      <c r="JA29" s="169">
        <v>12</v>
      </c>
      <c r="JB29" s="169">
        <v>8</v>
      </c>
      <c r="JC29" s="169">
        <v>4</v>
      </c>
      <c r="JD29" s="169">
        <v>4</v>
      </c>
      <c r="JE29" s="170">
        <v>36</v>
      </c>
      <c r="JF29" s="171">
        <v>44</v>
      </c>
      <c r="JG29" s="168">
        <v>13</v>
      </c>
      <c r="JH29" s="169">
        <v>7</v>
      </c>
      <c r="JI29" s="170">
        <v>20</v>
      </c>
      <c r="JJ29" s="439">
        <v>0</v>
      </c>
      <c r="JK29" s="169">
        <v>9</v>
      </c>
      <c r="JL29" s="169">
        <v>4</v>
      </c>
      <c r="JM29" s="169">
        <v>8</v>
      </c>
      <c r="JN29" s="169">
        <v>4</v>
      </c>
      <c r="JO29" s="169">
        <v>3</v>
      </c>
      <c r="JP29" s="170">
        <v>28</v>
      </c>
      <c r="JQ29" s="171">
        <v>48</v>
      </c>
      <c r="JR29" s="168">
        <v>0</v>
      </c>
      <c r="JS29" s="169">
        <v>0</v>
      </c>
      <c r="JT29" s="170">
        <v>0</v>
      </c>
      <c r="JU29" s="439">
        <v>0</v>
      </c>
      <c r="JV29" s="169">
        <v>0</v>
      </c>
      <c r="JW29" s="169">
        <v>0</v>
      </c>
      <c r="JX29" s="169">
        <v>0</v>
      </c>
      <c r="JY29" s="169">
        <v>0</v>
      </c>
      <c r="JZ29" s="169">
        <v>0</v>
      </c>
      <c r="KA29" s="170">
        <v>0</v>
      </c>
      <c r="KB29" s="171">
        <v>0</v>
      </c>
      <c r="KC29" s="168">
        <v>27</v>
      </c>
      <c r="KD29" s="169">
        <v>19</v>
      </c>
      <c r="KE29" s="170">
        <v>46</v>
      </c>
      <c r="KF29" s="439">
        <v>0</v>
      </c>
      <c r="KG29" s="169">
        <v>29</v>
      </c>
      <c r="KH29" s="169">
        <v>23</v>
      </c>
      <c r="KI29" s="169">
        <v>22</v>
      </c>
      <c r="KJ29" s="169">
        <v>12</v>
      </c>
      <c r="KK29" s="169">
        <v>8</v>
      </c>
      <c r="KL29" s="170">
        <v>94</v>
      </c>
      <c r="KM29" s="171">
        <v>140</v>
      </c>
    </row>
    <row r="30" spans="2:299" s="137" customFormat="1" ht="21" customHeight="1" x14ac:dyDescent="0.2">
      <c r="B30" s="173" t="s">
        <v>27</v>
      </c>
      <c r="C30" s="163">
        <v>22</v>
      </c>
      <c r="D30" s="164">
        <v>25</v>
      </c>
      <c r="E30" s="165">
        <v>47</v>
      </c>
      <c r="F30" s="439">
        <v>0</v>
      </c>
      <c r="G30" s="164">
        <v>24</v>
      </c>
      <c r="H30" s="164">
        <v>15</v>
      </c>
      <c r="I30" s="164">
        <v>11</v>
      </c>
      <c r="J30" s="164">
        <v>13</v>
      </c>
      <c r="K30" s="164">
        <v>9</v>
      </c>
      <c r="L30" s="166">
        <v>72</v>
      </c>
      <c r="M30" s="167">
        <v>119</v>
      </c>
      <c r="N30" s="168">
        <v>0</v>
      </c>
      <c r="O30" s="169">
        <v>0</v>
      </c>
      <c r="P30" s="170">
        <v>0</v>
      </c>
      <c r="Q30" s="439">
        <v>0</v>
      </c>
      <c r="R30" s="169">
        <v>0</v>
      </c>
      <c r="S30" s="169">
        <v>0</v>
      </c>
      <c r="T30" s="169">
        <v>0</v>
      </c>
      <c r="U30" s="169">
        <v>0</v>
      </c>
      <c r="V30" s="169">
        <v>1</v>
      </c>
      <c r="W30" s="170">
        <v>1</v>
      </c>
      <c r="X30" s="171">
        <v>1</v>
      </c>
      <c r="Y30" s="168">
        <v>1</v>
      </c>
      <c r="Z30" s="169">
        <v>2</v>
      </c>
      <c r="AA30" s="170">
        <v>3</v>
      </c>
      <c r="AB30" s="439">
        <v>0</v>
      </c>
      <c r="AC30" s="169">
        <v>2</v>
      </c>
      <c r="AD30" s="169">
        <v>0</v>
      </c>
      <c r="AE30" s="169">
        <v>0</v>
      </c>
      <c r="AF30" s="169">
        <v>0</v>
      </c>
      <c r="AG30" s="169">
        <v>1</v>
      </c>
      <c r="AH30" s="170">
        <v>3</v>
      </c>
      <c r="AI30" s="171">
        <v>6</v>
      </c>
      <c r="AJ30" s="168">
        <v>1</v>
      </c>
      <c r="AK30" s="169">
        <v>4</v>
      </c>
      <c r="AL30" s="170">
        <v>5</v>
      </c>
      <c r="AM30" s="439">
        <v>0</v>
      </c>
      <c r="AN30" s="169">
        <v>0</v>
      </c>
      <c r="AO30" s="169">
        <v>1</v>
      </c>
      <c r="AP30" s="169">
        <v>0</v>
      </c>
      <c r="AQ30" s="169">
        <v>0</v>
      </c>
      <c r="AR30" s="169">
        <v>1</v>
      </c>
      <c r="AS30" s="170">
        <v>2</v>
      </c>
      <c r="AT30" s="171">
        <v>7</v>
      </c>
      <c r="AU30" s="168">
        <v>4</v>
      </c>
      <c r="AV30" s="169">
        <v>3</v>
      </c>
      <c r="AW30" s="170">
        <v>7</v>
      </c>
      <c r="AX30" s="439">
        <v>0</v>
      </c>
      <c r="AY30" s="169">
        <v>4</v>
      </c>
      <c r="AZ30" s="169">
        <v>4</v>
      </c>
      <c r="BA30" s="169">
        <v>5</v>
      </c>
      <c r="BB30" s="169">
        <v>1</v>
      </c>
      <c r="BC30" s="169">
        <v>1</v>
      </c>
      <c r="BD30" s="170">
        <v>15</v>
      </c>
      <c r="BE30" s="171">
        <v>22</v>
      </c>
      <c r="BF30" s="168">
        <v>10</v>
      </c>
      <c r="BG30" s="169">
        <v>7</v>
      </c>
      <c r="BH30" s="170">
        <v>17</v>
      </c>
      <c r="BI30" s="439">
        <v>0</v>
      </c>
      <c r="BJ30" s="169">
        <v>7</v>
      </c>
      <c r="BK30" s="169">
        <v>4</v>
      </c>
      <c r="BL30" s="169">
        <v>4</v>
      </c>
      <c r="BM30" s="169">
        <v>5</v>
      </c>
      <c r="BN30" s="169">
        <v>2</v>
      </c>
      <c r="BO30" s="170">
        <v>22</v>
      </c>
      <c r="BP30" s="171">
        <v>39</v>
      </c>
      <c r="BQ30" s="168">
        <v>6</v>
      </c>
      <c r="BR30" s="169">
        <v>9</v>
      </c>
      <c r="BS30" s="170">
        <v>15</v>
      </c>
      <c r="BT30" s="439">
        <v>0</v>
      </c>
      <c r="BU30" s="169">
        <v>11</v>
      </c>
      <c r="BV30" s="169">
        <v>6</v>
      </c>
      <c r="BW30" s="169">
        <v>2</v>
      </c>
      <c r="BX30" s="169">
        <v>7</v>
      </c>
      <c r="BY30" s="169">
        <v>3</v>
      </c>
      <c r="BZ30" s="170">
        <v>29</v>
      </c>
      <c r="CA30" s="171">
        <v>44</v>
      </c>
      <c r="CB30" s="168">
        <v>0</v>
      </c>
      <c r="CC30" s="169">
        <v>0</v>
      </c>
      <c r="CD30" s="170">
        <v>0</v>
      </c>
      <c r="CE30" s="439">
        <v>0</v>
      </c>
      <c r="CF30" s="169">
        <v>0</v>
      </c>
      <c r="CG30" s="169">
        <v>0</v>
      </c>
      <c r="CH30" s="169">
        <v>0</v>
      </c>
      <c r="CI30" s="169">
        <v>0</v>
      </c>
      <c r="CJ30" s="169">
        <v>0</v>
      </c>
      <c r="CK30" s="170">
        <v>0</v>
      </c>
      <c r="CL30" s="171">
        <v>0</v>
      </c>
      <c r="CM30" s="168">
        <v>22</v>
      </c>
      <c r="CN30" s="169">
        <v>25</v>
      </c>
      <c r="CO30" s="170">
        <v>47</v>
      </c>
      <c r="CP30" s="439">
        <v>0</v>
      </c>
      <c r="CQ30" s="169">
        <v>24</v>
      </c>
      <c r="CR30" s="169">
        <v>15</v>
      </c>
      <c r="CS30" s="169">
        <v>11</v>
      </c>
      <c r="CT30" s="169">
        <v>13</v>
      </c>
      <c r="CU30" s="169">
        <v>9</v>
      </c>
      <c r="CV30" s="170">
        <v>72</v>
      </c>
      <c r="CW30" s="171">
        <v>119</v>
      </c>
      <c r="CX30" s="172">
        <v>4</v>
      </c>
      <c r="CY30" s="164">
        <v>4</v>
      </c>
      <c r="CZ30" s="165">
        <v>8</v>
      </c>
      <c r="DA30" s="439">
        <v>0</v>
      </c>
      <c r="DB30" s="164">
        <v>3</v>
      </c>
      <c r="DC30" s="164">
        <v>2</v>
      </c>
      <c r="DD30" s="164">
        <v>1</v>
      </c>
      <c r="DE30" s="164">
        <v>3</v>
      </c>
      <c r="DF30" s="164">
        <v>2</v>
      </c>
      <c r="DG30" s="166">
        <v>11</v>
      </c>
      <c r="DH30" s="167">
        <v>19</v>
      </c>
      <c r="DI30" s="168">
        <v>0</v>
      </c>
      <c r="DJ30" s="169">
        <v>0</v>
      </c>
      <c r="DK30" s="170">
        <v>0</v>
      </c>
      <c r="DL30" s="439">
        <v>0</v>
      </c>
      <c r="DM30" s="169">
        <v>0</v>
      </c>
      <c r="DN30" s="169">
        <v>0</v>
      </c>
      <c r="DO30" s="169">
        <v>0</v>
      </c>
      <c r="DP30" s="169">
        <v>0</v>
      </c>
      <c r="DQ30" s="169">
        <v>0</v>
      </c>
      <c r="DR30" s="170">
        <v>0</v>
      </c>
      <c r="DS30" s="171">
        <v>0</v>
      </c>
      <c r="DT30" s="168">
        <v>0</v>
      </c>
      <c r="DU30" s="169">
        <v>0</v>
      </c>
      <c r="DV30" s="170">
        <v>0</v>
      </c>
      <c r="DW30" s="439">
        <v>0</v>
      </c>
      <c r="DX30" s="169">
        <v>0</v>
      </c>
      <c r="DY30" s="169">
        <v>0</v>
      </c>
      <c r="DZ30" s="169">
        <v>0</v>
      </c>
      <c r="EA30" s="169">
        <v>1</v>
      </c>
      <c r="EB30" s="169">
        <v>0</v>
      </c>
      <c r="EC30" s="170">
        <v>1</v>
      </c>
      <c r="ED30" s="171">
        <v>1</v>
      </c>
      <c r="EE30" s="168">
        <v>0</v>
      </c>
      <c r="EF30" s="169">
        <v>0</v>
      </c>
      <c r="EG30" s="170">
        <v>0</v>
      </c>
      <c r="EH30" s="439">
        <v>0</v>
      </c>
      <c r="EI30" s="169">
        <v>0</v>
      </c>
      <c r="EJ30" s="169">
        <v>0</v>
      </c>
      <c r="EK30" s="169">
        <v>0</v>
      </c>
      <c r="EL30" s="169">
        <v>0</v>
      </c>
      <c r="EM30" s="169">
        <v>0</v>
      </c>
      <c r="EN30" s="170">
        <v>0</v>
      </c>
      <c r="EO30" s="171">
        <v>0</v>
      </c>
      <c r="EP30" s="168">
        <v>1</v>
      </c>
      <c r="EQ30" s="169">
        <v>0</v>
      </c>
      <c r="ER30" s="170">
        <v>1</v>
      </c>
      <c r="ES30" s="439">
        <v>0</v>
      </c>
      <c r="ET30" s="169">
        <v>1</v>
      </c>
      <c r="EU30" s="169">
        <v>0</v>
      </c>
      <c r="EV30" s="169">
        <v>0</v>
      </c>
      <c r="EW30" s="169">
        <v>0</v>
      </c>
      <c r="EX30" s="169">
        <v>0</v>
      </c>
      <c r="EY30" s="170">
        <v>1</v>
      </c>
      <c r="EZ30" s="171">
        <v>2</v>
      </c>
      <c r="FA30" s="168">
        <v>0</v>
      </c>
      <c r="FB30" s="169">
        <v>1</v>
      </c>
      <c r="FC30" s="170">
        <v>1</v>
      </c>
      <c r="FD30" s="439">
        <v>0</v>
      </c>
      <c r="FE30" s="169">
        <v>2</v>
      </c>
      <c r="FF30" s="169">
        <v>1</v>
      </c>
      <c r="FG30" s="169">
        <v>0</v>
      </c>
      <c r="FH30" s="169">
        <v>0</v>
      </c>
      <c r="FI30" s="169">
        <v>0</v>
      </c>
      <c r="FJ30" s="170">
        <v>3</v>
      </c>
      <c r="FK30" s="171">
        <v>4</v>
      </c>
      <c r="FL30" s="168">
        <v>3</v>
      </c>
      <c r="FM30" s="169">
        <v>3</v>
      </c>
      <c r="FN30" s="170">
        <v>6</v>
      </c>
      <c r="FO30" s="439">
        <v>0</v>
      </c>
      <c r="FP30" s="169">
        <v>0</v>
      </c>
      <c r="FQ30" s="169">
        <v>1</v>
      </c>
      <c r="FR30" s="169">
        <v>1</v>
      </c>
      <c r="FS30" s="169">
        <v>2</v>
      </c>
      <c r="FT30" s="169">
        <v>2</v>
      </c>
      <c r="FU30" s="170">
        <v>6</v>
      </c>
      <c r="FV30" s="171">
        <v>12</v>
      </c>
      <c r="FW30" s="168">
        <v>0</v>
      </c>
      <c r="FX30" s="169">
        <v>0</v>
      </c>
      <c r="FY30" s="170">
        <v>0</v>
      </c>
      <c r="FZ30" s="439">
        <v>0</v>
      </c>
      <c r="GA30" s="169">
        <v>0</v>
      </c>
      <c r="GB30" s="169">
        <v>0</v>
      </c>
      <c r="GC30" s="169">
        <v>0</v>
      </c>
      <c r="GD30" s="169">
        <v>0</v>
      </c>
      <c r="GE30" s="169">
        <v>0</v>
      </c>
      <c r="GF30" s="170">
        <v>0</v>
      </c>
      <c r="GG30" s="171">
        <v>0</v>
      </c>
      <c r="GH30" s="168">
        <v>4</v>
      </c>
      <c r="GI30" s="169">
        <v>4</v>
      </c>
      <c r="GJ30" s="170">
        <v>8</v>
      </c>
      <c r="GK30" s="439">
        <v>0</v>
      </c>
      <c r="GL30" s="169">
        <v>3</v>
      </c>
      <c r="GM30" s="169">
        <v>2</v>
      </c>
      <c r="GN30" s="169">
        <v>1</v>
      </c>
      <c r="GO30" s="169">
        <v>3</v>
      </c>
      <c r="GP30" s="169">
        <v>2</v>
      </c>
      <c r="GQ30" s="170">
        <v>11</v>
      </c>
      <c r="GR30" s="171">
        <v>19</v>
      </c>
      <c r="GS30" s="172">
        <v>26</v>
      </c>
      <c r="GT30" s="164">
        <v>29</v>
      </c>
      <c r="GU30" s="165">
        <v>55</v>
      </c>
      <c r="GV30" s="439">
        <v>0</v>
      </c>
      <c r="GW30" s="164">
        <v>27</v>
      </c>
      <c r="GX30" s="164">
        <v>17</v>
      </c>
      <c r="GY30" s="164">
        <v>12</v>
      </c>
      <c r="GZ30" s="164">
        <v>16</v>
      </c>
      <c r="HA30" s="164">
        <v>11</v>
      </c>
      <c r="HB30" s="166">
        <v>83</v>
      </c>
      <c r="HC30" s="167">
        <v>138</v>
      </c>
      <c r="HD30" s="168">
        <v>0</v>
      </c>
      <c r="HE30" s="169">
        <v>0</v>
      </c>
      <c r="HF30" s="170">
        <v>0</v>
      </c>
      <c r="HG30" s="439">
        <v>0</v>
      </c>
      <c r="HH30" s="169">
        <v>0</v>
      </c>
      <c r="HI30" s="169">
        <v>0</v>
      </c>
      <c r="HJ30" s="169">
        <v>0</v>
      </c>
      <c r="HK30" s="169">
        <v>0</v>
      </c>
      <c r="HL30" s="169">
        <v>1</v>
      </c>
      <c r="HM30" s="170">
        <v>1</v>
      </c>
      <c r="HN30" s="171">
        <v>1</v>
      </c>
      <c r="HO30" s="168">
        <v>1</v>
      </c>
      <c r="HP30" s="169">
        <v>2</v>
      </c>
      <c r="HQ30" s="170">
        <v>3</v>
      </c>
      <c r="HR30" s="439">
        <v>0</v>
      </c>
      <c r="HS30" s="169">
        <v>2</v>
      </c>
      <c r="HT30" s="169">
        <v>0</v>
      </c>
      <c r="HU30" s="169">
        <v>0</v>
      </c>
      <c r="HV30" s="169">
        <v>1</v>
      </c>
      <c r="HW30" s="169">
        <v>1</v>
      </c>
      <c r="HX30" s="170">
        <v>4</v>
      </c>
      <c r="HY30" s="171">
        <v>7</v>
      </c>
      <c r="HZ30" s="168">
        <v>1</v>
      </c>
      <c r="IA30" s="169">
        <v>4</v>
      </c>
      <c r="IB30" s="170">
        <v>5</v>
      </c>
      <c r="IC30" s="439">
        <v>0</v>
      </c>
      <c r="ID30" s="169">
        <v>0</v>
      </c>
      <c r="IE30" s="169">
        <v>1</v>
      </c>
      <c r="IF30" s="169">
        <v>0</v>
      </c>
      <c r="IG30" s="169">
        <v>0</v>
      </c>
      <c r="IH30" s="169">
        <v>1</v>
      </c>
      <c r="II30" s="170">
        <v>2</v>
      </c>
      <c r="IJ30" s="171">
        <v>7</v>
      </c>
      <c r="IK30" s="168">
        <v>5</v>
      </c>
      <c r="IL30" s="169">
        <v>3</v>
      </c>
      <c r="IM30" s="170">
        <v>8</v>
      </c>
      <c r="IN30" s="439">
        <v>0</v>
      </c>
      <c r="IO30" s="169">
        <v>5</v>
      </c>
      <c r="IP30" s="169">
        <v>4</v>
      </c>
      <c r="IQ30" s="169">
        <v>5</v>
      </c>
      <c r="IR30" s="169">
        <v>1</v>
      </c>
      <c r="IS30" s="169">
        <v>1</v>
      </c>
      <c r="IT30" s="170">
        <v>16</v>
      </c>
      <c r="IU30" s="171">
        <v>24</v>
      </c>
      <c r="IV30" s="168">
        <v>10</v>
      </c>
      <c r="IW30" s="169">
        <v>8</v>
      </c>
      <c r="IX30" s="170">
        <v>18</v>
      </c>
      <c r="IY30" s="439">
        <v>0</v>
      </c>
      <c r="IZ30" s="169">
        <v>9</v>
      </c>
      <c r="JA30" s="169">
        <v>5</v>
      </c>
      <c r="JB30" s="169">
        <v>4</v>
      </c>
      <c r="JC30" s="169">
        <v>5</v>
      </c>
      <c r="JD30" s="169">
        <v>2</v>
      </c>
      <c r="JE30" s="170">
        <v>25</v>
      </c>
      <c r="JF30" s="171">
        <v>43</v>
      </c>
      <c r="JG30" s="168">
        <v>9</v>
      </c>
      <c r="JH30" s="169">
        <v>12</v>
      </c>
      <c r="JI30" s="170">
        <v>21</v>
      </c>
      <c r="JJ30" s="439">
        <v>0</v>
      </c>
      <c r="JK30" s="169">
        <v>11</v>
      </c>
      <c r="JL30" s="169">
        <v>7</v>
      </c>
      <c r="JM30" s="169">
        <v>3</v>
      </c>
      <c r="JN30" s="169">
        <v>9</v>
      </c>
      <c r="JO30" s="169">
        <v>5</v>
      </c>
      <c r="JP30" s="170">
        <v>35</v>
      </c>
      <c r="JQ30" s="171">
        <v>56</v>
      </c>
      <c r="JR30" s="168">
        <v>0</v>
      </c>
      <c r="JS30" s="169">
        <v>0</v>
      </c>
      <c r="JT30" s="170">
        <v>0</v>
      </c>
      <c r="JU30" s="439">
        <v>0</v>
      </c>
      <c r="JV30" s="169">
        <v>0</v>
      </c>
      <c r="JW30" s="169">
        <v>0</v>
      </c>
      <c r="JX30" s="169">
        <v>0</v>
      </c>
      <c r="JY30" s="169">
        <v>0</v>
      </c>
      <c r="JZ30" s="169">
        <v>0</v>
      </c>
      <c r="KA30" s="170">
        <v>0</v>
      </c>
      <c r="KB30" s="171">
        <v>0</v>
      </c>
      <c r="KC30" s="168">
        <v>26</v>
      </c>
      <c r="KD30" s="169">
        <v>29</v>
      </c>
      <c r="KE30" s="170">
        <v>55</v>
      </c>
      <c r="KF30" s="439">
        <v>0</v>
      </c>
      <c r="KG30" s="169">
        <v>27</v>
      </c>
      <c r="KH30" s="169">
        <v>17</v>
      </c>
      <c r="KI30" s="169">
        <v>12</v>
      </c>
      <c r="KJ30" s="169">
        <v>16</v>
      </c>
      <c r="KK30" s="169">
        <v>11</v>
      </c>
      <c r="KL30" s="170">
        <v>83</v>
      </c>
      <c r="KM30" s="171">
        <v>138</v>
      </c>
    </row>
    <row r="31" spans="2:299" s="137" customFormat="1" ht="21" customHeight="1" x14ac:dyDescent="0.2">
      <c r="B31" s="173" t="s">
        <v>28</v>
      </c>
      <c r="C31" s="163">
        <v>1</v>
      </c>
      <c r="D31" s="164">
        <v>5</v>
      </c>
      <c r="E31" s="165">
        <v>6</v>
      </c>
      <c r="F31" s="439">
        <v>0</v>
      </c>
      <c r="G31" s="164">
        <v>11</v>
      </c>
      <c r="H31" s="164">
        <v>8</v>
      </c>
      <c r="I31" s="164">
        <v>3</v>
      </c>
      <c r="J31" s="164">
        <v>2</v>
      </c>
      <c r="K31" s="164">
        <v>1</v>
      </c>
      <c r="L31" s="166">
        <v>25</v>
      </c>
      <c r="M31" s="167">
        <v>31</v>
      </c>
      <c r="N31" s="168">
        <v>0</v>
      </c>
      <c r="O31" s="169">
        <v>0</v>
      </c>
      <c r="P31" s="170">
        <v>0</v>
      </c>
      <c r="Q31" s="439">
        <v>0</v>
      </c>
      <c r="R31" s="169">
        <v>0</v>
      </c>
      <c r="S31" s="169">
        <v>0</v>
      </c>
      <c r="T31" s="169">
        <v>0</v>
      </c>
      <c r="U31" s="169">
        <v>0</v>
      </c>
      <c r="V31" s="169">
        <v>0</v>
      </c>
      <c r="W31" s="170">
        <v>0</v>
      </c>
      <c r="X31" s="171">
        <v>0</v>
      </c>
      <c r="Y31" s="168">
        <v>0</v>
      </c>
      <c r="Z31" s="169">
        <v>0</v>
      </c>
      <c r="AA31" s="170">
        <v>0</v>
      </c>
      <c r="AB31" s="439">
        <v>0</v>
      </c>
      <c r="AC31" s="169">
        <v>1</v>
      </c>
      <c r="AD31" s="169">
        <v>0</v>
      </c>
      <c r="AE31" s="169">
        <v>0</v>
      </c>
      <c r="AF31" s="169">
        <v>0</v>
      </c>
      <c r="AG31" s="169">
        <v>0</v>
      </c>
      <c r="AH31" s="170">
        <v>1</v>
      </c>
      <c r="AI31" s="171">
        <v>1</v>
      </c>
      <c r="AJ31" s="168">
        <v>0</v>
      </c>
      <c r="AK31" s="169">
        <v>1</v>
      </c>
      <c r="AL31" s="170">
        <v>1</v>
      </c>
      <c r="AM31" s="439">
        <v>0</v>
      </c>
      <c r="AN31" s="169">
        <v>1</v>
      </c>
      <c r="AO31" s="169">
        <v>2</v>
      </c>
      <c r="AP31" s="169">
        <v>0</v>
      </c>
      <c r="AQ31" s="169">
        <v>0</v>
      </c>
      <c r="AR31" s="169">
        <v>0</v>
      </c>
      <c r="AS31" s="170">
        <v>3</v>
      </c>
      <c r="AT31" s="171">
        <v>4</v>
      </c>
      <c r="AU31" s="168">
        <v>1</v>
      </c>
      <c r="AV31" s="169">
        <v>2</v>
      </c>
      <c r="AW31" s="170">
        <v>3</v>
      </c>
      <c r="AX31" s="439">
        <v>0</v>
      </c>
      <c r="AY31" s="169">
        <v>3</v>
      </c>
      <c r="AZ31" s="169">
        <v>2</v>
      </c>
      <c r="BA31" s="169">
        <v>0</v>
      </c>
      <c r="BB31" s="169">
        <v>0</v>
      </c>
      <c r="BC31" s="169">
        <v>0</v>
      </c>
      <c r="BD31" s="170">
        <v>5</v>
      </c>
      <c r="BE31" s="171">
        <v>8</v>
      </c>
      <c r="BF31" s="168">
        <v>0</v>
      </c>
      <c r="BG31" s="169">
        <v>2</v>
      </c>
      <c r="BH31" s="170">
        <v>2</v>
      </c>
      <c r="BI31" s="439">
        <v>0</v>
      </c>
      <c r="BJ31" s="169">
        <v>4</v>
      </c>
      <c r="BK31" s="169">
        <v>3</v>
      </c>
      <c r="BL31" s="169">
        <v>1</v>
      </c>
      <c r="BM31" s="169">
        <v>0</v>
      </c>
      <c r="BN31" s="169">
        <v>0</v>
      </c>
      <c r="BO31" s="170">
        <v>8</v>
      </c>
      <c r="BP31" s="171">
        <v>10</v>
      </c>
      <c r="BQ31" s="168">
        <v>0</v>
      </c>
      <c r="BR31" s="169">
        <v>0</v>
      </c>
      <c r="BS31" s="170">
        <v>0</v>
      </c>
      <c r="BT31" s="439">
        <v>0</v>
      </c>
      <c r="BU31" s="169">
        <v>2</v>
      </c>
      <c r="BV31" s="169">
        <v>1</v>
      </c>
      <c r="BW31" s="169">
        <v>2</v>
      </c>
      <c r="BX31" s="169">
        <v>2</v>
      </c>
      <c r="BY31" s="169">
        <v>1</v>
      </c>
      <c r="BZ31" s="170">
        <v>8</v>
      </c>
      <c r="CA31" s="171">
        <v>8</v>
      </c>
      <c r="CB31" s="168">
        <v>0</v>
      </c>
      <c r="CC31" s="169">
        <v>0</v>
      </c>
      <c r="CD31" s="170">
        <v>0</v>
      </c>
      <c r="CE31" s="439">
        <v>0</v>
      </c>
      <c r="CF31" s="169">
        <v>0</v>
      </c>
      <c r="CG31" s="169">
        <v>0</v>
      </c>
      <c r="CH31" s="169">
        <v>0</v>
      </c>
      <c r="CI31" s="169">
        <v>0</v>
      </c>
      <c r="CJ31" s="169">
        <v>0</v>
      </c>
      <c r="CK31" s="170">
        <v>0</v>
      </c>
      <c r="CL31" s="171">
        <v>0</v>
      </c>
      <c r="CM31" s="168">
        <v>1</v>
      </c>
      <c r="CN31" s="169">
        <v>5</v>
      </c>
      <c r="CO31" s="170">
        <v>6</v>
      </c>
      <c r="CP31" s="439">
        <v>0</v>
      </c>
      <c r="CQ31" s="169">
        <v>11</v>
      </c>
      <c r="CR31" s="169">
        <v>8</v>
      </c>
      <c r="CS31" s="169">
        <v>3</v>
      </c>
      <c r="CT31" s="169">
        <v>2</v>
      </c>
      <c r="CU31" s="169">
        <v>1</v>
      </c>
      <c r="CV31" s="170">
        <v>25</v>
      </c>
      <c r="CW31" s="171">
        <v>31</v>
      </c>
      <c r="CX31" s="172">
        <v>0</v>
      </c>
      <c r="CY31" s="164">
        <v>0</v>
      </c>
      <c r="CZ31" s="165">
        <v>0</v>
      </c>
      <c r="DA31" s="439">
        <v>0</v>
      </c>
      <c r="DB31" s="164">
        <v>1</v>
      </c>
      <c r="DC31" s="164">
        <v>1</v>
      </c>
      <c r="DD31" s="164">
        <v>0</v>
      </c>
      <c r="DE31" s="164">
        <v>2</v>
      </c>
      <c r="DF31" s="164">
        <v>1</v>
      </c>
      <c r="DG31" s="166">
        <v>5</v>
      </c>
      <c r="DH31" s="167">
        <v>5</v>
      </c>
      <c r="DI31" s="168">
        <v>0</v>
      </c>
      <c r="DJ31" s="169">
        <v>0</v>
      </c>
      <c r="DK31" s="170">
        <v>0</v>
      </c>
      <c r="DL31" s="439">
        <v>0</v>
      </c>
      <c r="DM31" s="169">
        <v>0</v>
      </c>
      <c r="DN31" s="169">
        <v>0</v>
      </c>
      <c r="DO31" s="169">
        <v>0</v>
      </c>
      <c r="DP31" s="169">
        <v>0</v>
      </c>
      <c r="DQ31" s="169">
        <v>0</v>
      </c>
      <c r="DR31" s="170">
        <v>0</v>
      </c>
      <c r="DS31" s="171">
        <v>0</v>
      </c>
      <c r="DT31" s="168">
        <v>0</v>
      </c>
      <c r="DU31" s="169">
        <v>0</v>
      </c>
      <c r="DV31" s="170">
        <v>0</v>
      </c>
      <c r="DW31" s="439">
        <v>0</v>
      </c>
      <c r="DX31" s="169">
        <v>0</v>
      </c>
      <c r="DY31" s="169">
        <v>0</v>
      </c>
      <c r="DZ31" s="169">
        <v>0</v>
      </c>
      <c r="EA31" s="169">
        <v>1</v>
      </c>
      <c r="EB31" s="169">
        <v>0</v>
      </c>
      <c r="EC31" s="170">
        <v>1</v>
      </c>
      <c r="ED31" s="171">
        <v>1</v>
      </c>
      <c r="EE31" s="168">
        <v>0</v>
      </c>
      <c r="EF31" s="169">
        <v>0</v>
      </c>
      <c r="EG31" s="170">
        <v>0</v>
      </c>
      <c r="EH31" s="439">
        <v>0</v>
      </c>
      <c r="EI31" s="169">
        <v>0</v>
      </c>
      <c r="EJ31" s="169">
        <v>0</v>
      </c>
      <c r="EK31" s="169">
        <v>0</v>
      </c>
      <c r="EL31" s="169">
        <v>0</v>
      </c>
      <c r="EM31" s="169">
        <v>0</v>
      </c>
      <c r="EN31" s="170">
        <v>0</v>
      </c>
      <c r="EO31" s="171">
        <v>0</v>
      </c>
      <c r="EP31" s="168">
        <v>0</v>
      </c>
      <c r="EQ31" s="169">
        <v>0</v>
      </c>
      <c r="ER31" s="170">
        <v>0</v>
      </c>
      <c r="ES31" s="439">
        <v>0</v>
      </c>
      <c r="ET31" s="169">
        <v>0</v>
      </c>
      <c r="EU31" s="169">
        <v>0</v>
      </c>
      <c r="EV31" s="169">
        <v>0</v>
      </c>
      <c r="EW31" s="169">
        <v>0</v>
      </c>
      <c r="EX31" s="169">
        <v>0</v>
      </c>
      <c r="EY31" s="170">
        <v>0</v>
      </c>
      <c r="EZ31" s="171">
        <v>0</v>
      </c>
      <c r="FA31" s="168">
        <v>0</v>
      </c>
      <c r="FB31" s="169">
        <v>0</v>
      </c>
      <c r="FC31" s="170">
        <v>0</v>
      </c>
      <c r="FD31" s="439">
        <v>0</v>
      </c>
      <c r="FE31" s="169">
        <v>1</v>
      </c>
      <c r="FF31" s="169">
        <v>1</v>
      </c>
      <c r="FG31" s="169">
        <v>0</v>
      </c>
      <c r="FH31" s="169">
        <v>0</v>
      </c>
      <c r="FI31" s="169">
        <v>1</v>
      </c>
      <c r="FJ31" s="170">
        <v>3</v>
      </c>
      <c r="FK31" s="171">
        <v>3</v>
      </c>
      <c r="FL31" s="168">
        <v>0</v>
      </c>
      <c r="FM31" s="169">
        <v>0</v>
      </c>
      <c r="FN31" s="170">
        <v>0</v>
      </c>
      <c r="FO31" s="439">
        <v>0</v>
      </c>
      <c r="FP31" s="169">
        <v>0</v>
      </c>
      <c r="FQ31" s="169">
        <v>0</v>
      </c>
      <c r="FR31" s="169">
        <v>0</v>
      </c>
      <c r="FS31" s="169">
        <v>1</v>
      </c>
      <c r="FT31" s="169">
        <v>0</v>
      </c>
      <c r="FU31" s="170">
        <v>1</v>
      </c>
      <c r="FV31" s="171">
        <v>1</v>
      </c>
      <c r="FW31" s="168">
        <v>0</v>
      </c>
      <c r="FX31" s="169">
        <v>0</v>
      </c>
      <c r="FY31" s="170">
        <v>0</v>
      </c>
      <c r="FZ31" s="439">
        <v>0</v>
      </c>
      <c r="GA31" s="169">
        <v>0</v>
      </c>
      <c r="GB31" s="169">
        <v>0</v>
      </c>
      <c r="GC31" s="169">
        <v>0</v>
      </c>
      <c r="GD31" s="169">
        <v>0</v>
      </c>
      <c r="GE31" s="169">
        <v>0</v>
      </c>
      <c r="GF31" s="170">
        <v>0</v>
      </c>
      <c r="GG31" s="171">
        <v>0</v>
      </c>
      <c r="GH31" s="168">
        <v>0</v>
      </c>
      <c r="GI31" s="169">
        <v>0</v>
      </c>
      <c r="GJ31" s="170">
        <v>0</v>
      </c>
      <c r="GK31" s="439">
        <v>0</v>
      </c>
      <c r="GL31" s="169">
        <v>1</v>
      </c>
      <c r="GM31" s="169">
        <v>1</v>
      </c>
      <c r="GN31" s="169">
        <v>0</v>
      </c>
      <c r="GO31" s="169">
        <v>2</v>
      </c>
      <c r="GP31" s="169">
        <v>1</v>
      </c>
      <c r="GQ31" s="170">
        <v>5</v>
      </c>
      <c r="GR31" s="171">
        <v>5</v>
      </c>
      <c r="GS31" s="172">
        <v>1</v>
      </c>
      <c r="GT31" s="164">
        <v>5</v>
      </c>
      <c r="GU31" s="165">
        <v>6</v>
      </c>
      <c r="GV31" s="439">
        <v>0</v>
      </c>
      <c r="GW31" s="164">
        <v>12</v>
      </c>
      <c r="GX31" s="164">
        <v>9</v>
      </c>
      <c r="GY31" s="164">
        <v>3</v>
      </c>
      <c r="GZ31" s="164">
        <v>4</v>
      </c>
      <c r="HA31" s="164">
        <v>2</v>
      </c>
      <c r="HB31" s="166">
        <v>30</v>
      </c>
      <c r="HC31" s="167">
        <v>36</v>
      </c>
      <c r="HD31" s="168">
        <v>0</v>
      </c>
      <c r="HE31" s="169">
        <v>0</v>
      </c>
      <c r="HF31" s="170">
        <v>0</v>
      </c>
      <c r="HG31" s="439">
        <v>0</v>
      </c>
      <c r="HH31" s="169">
        <v>0</v>
      </c>
      <c r="HI31" s="169">
        <v>0</v>
      </c>
      <c r="HJ31" s="169">
        <v>0</v>
      </c>
      <c r="HK31" s="169">
        <v>0</v>
      </c>
      <c r="HL31" s="169">
        <v>0</v>
      </c>
      <c r="HM31" s="170">
        <v>0</v>
      </c>
      <c r="HN31" s="171">
        <v>0</v>
      </c>
      <c r="HO31" s="168">
        <v>0</v>
      </c>
      <c r="HP31" s="169">
        <v>0</v>
      </c>
      <c r="HQ31" s="170">
        <v>0</v>
      </c>
      <c r="HR31" s="439">
        <v>0</v>
      </c>
      <c r="HS31" s="169">
        <v>1</v>
      </c>
      <c r="HT31" s="169">
        <v>0</v>
      </c>
      <c r="HU31" s="169">
        <v>0</v>
      </c>
      <c r="HV31" s="169">
        <v>1</v>
      </c>
      <c r="HW31" s="169">
        <v>0</v>
      </c>
      <c r="HX31" s="170">
        <v>2</v>
      </c>
      <c r="HY31" s="171">
        <v>2</v>
      </c>
      <c r="HZ31" s="168">
        <v>0</v>
      </c>
      <c r="IA31" s="169">
        <v>1</v>
      </c>
      <c r="IB31" s="170">
        <v>1</v>
      </c>
      <c r="IC31" s="439">
        <v>0</v>
      </c>
      <c r="ID31" s="169">
        <v>1</v>
      </c>
      <c r="IE31" s="169">
        <v>2</v>
      </c>
      <c r="IF31" s="169">
        <v>0</v>
      </c>
      <c r="IG31" s="169">
        <v>0</v>
      </c>
      <c r="IH31" s="169">
        <v>0</v>
      </c>
      <c r="II31" s="170">
        <v>3</v>
      </c>
      <c r="IJ31" s="171">
        <v>4</v>
      </c>
      <c r="IK31" s="168">
        <v>1</v>
      </c>
      <c r="IL31" s="169">
        <v>2</v>
      </c>
      <c r="IM31" s="170">
        <v>3</v>
      </c>
      <c r="IN31" s="439">
        <v>0</v>
      </c>
      <c r="IO31" s="169">
        <v>3</v>
      </c>
      <c r="IP31" s="169">
        <v>2</v>
      </c>
      <c r="IQ31" s="169">
        <v>0</v>
      </c>
      <c r="IR31" s="169">
        <v>0</v>
      </c>
      <c r="IS31" s="169">
        <v>0</v>
      </c>
      <c r="IT31" s="170">
        <v>5</v>
      </c>
      <c r="IU31" s="171">
        <v>8</v>
      </c>
      <c r="IV31" s="168">
        <v>0</v>
      </c>
      <c r="IW31" s="169">
        <v>2</v>
      </c>
      <c r="IX31" s="170">
        <v>2</v>
      </c>
      <c r="IY31" s="439">
        <v>0</v>
      </c>
      <c r="IZ31" s="169">
        <v>5</v>
      </c>
      <c r="JA31" s="169">
        <v>4</v>
      </c>
      <c r="JB31" s="169">
        <v>1</v>
      </c>
      <c r="JC31" s="169">
        <v>0</v>
      </c>
      <c r="JD31" s="169">
        <v>1</v>
      </c>
      <c r="JE31" s="170">
        <v>11</v>
      </c>
      <c r="JF31" s="171">
        <v>13</v>
      </c>
      <c r="JG31" s="168">
        <v>0</v>
      </c>
      <c r="JH31" s="169">
        <v>0</v>
      </c>
      <c r="JI31" s="170">
        <v>0</v>
      </c>
      <c r="JJ31" s="439">
        <v>0</v>
      </c>
      <c r="JK31" s="169">
        <v>2</v>
      </c>
      <c r="JL31" s="169">
        <v>1</v>
      </c>
      <c r="JM31" s="169">
        <v>2</v>
      </c>
      <c r="JN31" s="169">
        <v>3</v>
      </c>
      <c r="JO31" s="169">
        <v>1</v>
      </c>
      <c r="JP31" s="170">
        <v>9</v>
      </c>
      <c r="JQ31" s="171">
        <v>9</v>
      </c>
      <c r="JR31" s="168">
        <v>0</v>
      </c>
      <c r="JS31" s="169">
        <v>0</v>
      </c>
      <c r="JT31" s="170">
        <v>0</v>
      </c>
      <c r="JU31" s="439">
        <v>0</v>
      </c>
      <c r="JV31" s="169">
        <v>0</v>
      </c>
      <c r="JW31" s="169">
        <v>0</v>
      </c>
      <c r="JX31" s="169">
        <v>0</v>
      </c>
      <c r="JY31" s="169">
        <v>0</v>
      </c>
      <c r="JZ31" s="169">
        <v>0</v>
      </c>
      <c r="KA31" s="170">
        <v>0</v>
      </c>
      <c r="KB31" s="171">
        <v>0</v>
      </c>
      <c r="KC31" s="168">
        <v>1</v>
      </c>
      <c r="KD31" s="169">
        <v>5</v>
      </c>
      <c r="KE31" s="170">
        <v>6</v>
      </c>
      <c r="KF31" s="439">
        <v>0</v>
      </c>
      <c r="KG31" s="169">
        <v>12</v>
      </c>
      <c r="KH31" s="169">
        <v>9</v>
      </c>
      <c r="KI31" s="169">
        <v>3</v>
      </c>
      <c r="KJ31" s="169">
        <v>4</v>
      </c>
      <c r="KK31" s="169">
        <v>2</v>
      </c>
      <c r="KL31" s="170">
        <v>30</v>
      </c>
      <c r="KM31" s="171">
        <v>36</v>
      </c>
    </row>
    <row r="32" spans="2:299" s="137" customFormat="1" ht="21" customHeight="1" x14ac:dyDescent="0.2">
      <c r="B32" s="173" t="s">
        <v>29</v>
      </c>
      <c r="C32" s="163">
        <v>5</v>
      </c>
      <c r="D32" s="164">
        <v>2</v>
      </c>
      <c r="E32" s="165">
        <v>7</v>
      </c>
      <c r="F32" s="439">
        <v>0</v>
      </c>
      <c r="G32" s="164">
        <v>2</v>
      </c>
      <c r="H32" s="164">
        <v>4</v>
      </c>
      <c r="I32" s="164">
        <v>4</v>
      </c>
      <c r="J32" s="164">
        <v>3</v>
      </c>
      <c r="K32" s="164">
        <v>4</v>
      </c>
      <c r="L32" s="166">
        <v>17</v>
      </c>
      <c r="M32" s="167">
        <v>24</v>
      </c>
      <c r="N32" s="168">
        <v>0</v>
      </c>
      <c r="O32" s="169">
        <v>0</v>
      </c>
      <c r="P32" s="170">
        <v>0</v>
      </c>
      <c r="Q32" s="439">
        <v>0</v>
      </c>
      <c r="R32" s="169">
        <v>0</v>
      </c>
      <c r="S32" s="169">
        <v>0</v>
      </c>
      <c r="T32" s="169">
        <v>1</v>
      </c>
      <c r="U32" s="169">
        <v>0</v>
      </c>
      <c r="V32" s="169">
        <v>0</v>
      </c>
      <c r="W32" s="170">
        <v>1</v>
      </c>
      <c r="X32" s="171">
        <v>1</v>
      </c>
      <c r="Y32" s="168">
        <v>0</v>
      </c>
      <c r="Z32" s="169">
        <v>0</v>
      </c>
      <c r="AA32" s="170">
        <v>0</v>
      </c>
      <c r="AB32" s="439">
        <v>0</v>
      </c>
      <c r="AC32" s="169">
        <v>0</v>
      </c>
      <c r="AD32" s="169">
        <v>0</v>
      </c>
      <c r="AE32" s="169">
        <v>0</v>
      </c>
      <c r="AF32" s="169">
        <v>0</v>
      </c>
      <c r="AG32" s="169">
        <v>0</v>
      </c>
      <c r="AH32" s="170">
        <v>0</v>
      </c>
      <c r="AI32" s="171">
        <v>0</v>
      </c>
      <c r="AJ32" s="168">
        <v>0</v>
      </c>
      <c r="AK32" s="169">
        <v>0</v>
      </c>
      <c r="AL32" s="170">
        <v>0</v>
      </c>
      <c r="AM32" s="439">
        <v>0</v>
      </c>
      <c r="AN32" s="169">
        <v>0</v>
      </c>
      <c r="AO32" s="169">
        <v>0</v>
      </c>
      <c r="AP32" s="169">
        <v>0</v>
      </c>
      <c r="AQ32" s="169">
        <v>1</v>
      </c>
      <c r="AR32" s="169">
        <v>1</v>
      </c>
      <c r="AS32" s="170">
        <v>2</v>
      </c>
      <c r="AT32" s="171">
        <v>2</v>
      </c>
      <c r="AU32" s="168">
        <v>3</v>
      </c>
      <c r="AV32" s="169">
        <v>1</v>
      </c>
      <c r="AW32" s="170">
        <v>4</v>
      </c>
      <c r="AX32" s="439">
        <v>0</v>
      </c>
      <c r="AY32" s="169">
        <v>1</v>
      </c>
      <c r="AZ32" s="169">
        <v>0</v>
      </c>
      <c r="BA32" s="169">
        <v>0</v>
      </c>
      <c r="BB32" s="169">
        <v>1</v>
      </c>
      <c r="BC32" s="169">
        <v>0</v>
      </c>
      <c r="BD32" s="170">
        <v>2</v>
      </c>
      <c r="BE32" s="171">
        <v>6</v>
      </c>
      <c r="BF32" s="168">
        <v>1</v>
      </c>
      <c r="BG32" s="169">
        <v>1</v>
      </c>
      <c r="BH32" s="170">
        <v>2</v>
      </c>
      <c r="BI32" s="439">
        <v>0</v>
      </c>
      <c r="BJ32" s="169">
        <v>1</v>
      </c>
      <c r="BK32" s="169">
        <v>2</v>
      </c>
      <c r="BL32" s="169">
        <v>1</v>
      </c>
      <c r="BM32" s="169">
        <v>0</v>
      </c>
      <c r="BN32" s="169">
        <v>0</v>
      </c>
      <c r="BO32" s="170">
        <v>4</v>
      </c>
      <c r="BP32" s="171">
        <v>6</v>
      </c>
      <c r="BQ32" s="168">
        <v>1</v>
      </c>
      <c r="BR32" s="169">
        <v>0</v>
      </c>
      <c r="BS32" s="170">
        <v>1</v>
      </c>
      <c r="BT32" s="439">
        <v>0</v>
      </c>
      <c r="BU32" s="169">
        <v>0</v>
      </c>
      <c r="BV32" s="169">
        <v>2</v>
      </c>
      <c r="BW32" s="169">
        <v>2</v>
      </c>
      <c r="BX32" s="169">
        <v>1</v>
      </c>
      <c r="BY32" s="169">
        <v>3</v>
      </c>
      <c r="BZ32" s="170">
        <v>8</v>
      </c>
      <c r="CA32" s="171">
        <v>9</v>
      </c>
      <c r="CB32" s="168">
        <v>0</v>
      </c>
      <c r="CC32" s="169">
        <v>0</v>
      </c>
      <c r="CD32" s="170">
        <v>0</v>
      </c>
      <c r="CE32" s="439">
        <v>0</v>
      </c>
      <c r="CF32" s="169">
        <v>0</v>
      </c>
      <c r="CG32" s="169">
        <v>0</v>
      </c>
      <c r="CH32" s="169">
        <v>0</v>
      </c>
      <c r="CI32" s="169">
        <v>0</v>
      </c>
      <c r="CJ32" s="169">
        <v>0</v>
      </c>
      <c r="CK32" s="170">
        <v>0</v>
      </c>
      <c r="CL32" s="171">
        <v>0</v>
      </c>
      <c r="CM32" s="168">
        <v>5</v>
      </c>
      <c r="CN32" s="169">
        <v>2</v>
      </c>
      <c r="CO32" s="170">
        <v>7</v>
      </c>
      <c r="CP32" s="439">
        <v>0</v>
      </c>
      <c r="CQ32" s="169">
        <v>2</v>
      </c>
      <c r="CR32" s="169">
        <v>4</v>
      </c>
      <c r="CS32" s="169">
        <v>4</v>
      </c>
      <c r="CT32" s="169">
        <v>3</v>
      </c>
      <c r="CU32" s="169">
        <v>4</v>
      </c>
      <c r="CV32" s="170">
        <v>17</v>
      </c>
      <c r="CW32" s="171">
        <v>24</v>
      </c>
      <c r="CX32" s="172">
        <v>2</v>
      </c>
      <c r="CY32" s="164">
        <v>0</v>
      </c>
      <c r="CZ32" s="165">
        <v>2</v>
      </c>
      <c r="DA32" s="439">
        <v>0</v>
      </c>
      <c r="DB32" s="164">
        <v>1</v>
      </c>
      <c r="DC32" s="164">
        <v>2</v>
      </c>
      <c r="DD32" s="164">
        <v>0</v>
      </c>
      <c r="DE32" s="164">
        <v>2</v>
      </c>
      <c r="DF32" s="164">
        <v>0</v>
      </c>
      <c r="DG32" s="166">
        <v>5</v>
      </c>
      <c r="DH32" s="167">
        <v>7</v>
      </c>
      <c r="DI32" s="168">
        <v>0</v>
      </c>
      <c r="DJ32" s="169">
        <v>0</v>
      </c>
      <c r="DK32" s="170">
        <v>0</v>
      </c>
      <c r="DL32" s="439">
        <v>0</v>
      </c>
      <c r="DM32" s="169">
        <v>0</v>
      </c>
      <c r="DN32" s="169">
        <v>0</v>
      </c>
      <c r="DO32" s="169">
        <v>0</v>
      </c>
      <c r="DP32" s="169">
        <v>0</v>
      </c>
      <c r="DQ32" s="169">
        <v>0</v>
      </c>
      <c r="DR32" s="170">
        <v>0</v>
      </c>
      <c r="DS32" s="171">
        <v>0</v>
      </c>
      <c r="DT32" s="168">
        <v>0</v>
      </c>
      <c r="DU32" s="169">
        <v>0</v>
      </c>
      <c r="DV32" s="170">
        <v>0</v>
      </c>
      <c r="DW32" s="439">
        <v>0</v>
      </c>
      <c r="DX32" s="169">
        <v>0</v>
      </c>
      <c r="DY32" s="169">
        <v>1</v>
      </c>
      <c r="DZ32" s="169">
        <v>0</v>
      </c>
      <c r="EA32" s="169">
        <v>0</v>
      </c>
      <c r="EB32" s="169">
        <v>0</v>
      </c>
      <c r="EC32" s="170">
        <v>1</v>
      </c>
      <c r="ED32" s="171">
        <v>1</v>
      </c>
      <c r="EE32" s="168">
        <v>0</v>
      </c>
      <c r="EF32" s="169">
        <v>0</v>
      </c>
      <c r="EG32" s="170">
        <v>0</v>
      </c>
      <c r="EH32" s="439">
        <v>0</v>
      </c>
      <c r="EI32" s="169">
        <v>0</v>
      </c>
      <c r="EJ32" s="169">
        <v>0</v>
      </c>
      <c r="EK32" s="169">
        <v>0</v>
      </c>
      <c r="EL32" s="169">
        <v>0</v>
      </c>
      <c r="EM32" s="169">
        <v>0</v>
      </c>
      <c r="EN32" s="170">
        <v>0</v>
      </c>
      <c r="EO32" s="171">
        <v>0</v>
      </c>
      <c r="EP32" s="168">
        <v>2</v>
      </c>
      <c r="EQ32" s="169">
        <v>0</v>
      </c>
      <c r="ER32" s="170">
        <v>2</v>
      </c>
      <c r="ES32" s="439">
        <v>0</v>
      </c>
      <c r="ET32" s="169">
        <v>0</v>
      </c>
      <c r="EU32" s="169">
        <v>1</v>
      </c>
      <c r="EV32" s="169">
        <v>0</v>
      </c>
      <c r="EW32" s="169">
        <v>0</v>
      </c>
      <c r="EX32" s="169">
        <v>0</v>
      </c>
      <c r="EY32" s="170">
        <v>1</v>
      </c>
      <c r="EZ32" s="171">
        <v>3</v>
      </c>
      <c r="FA32" s="168">
        <v>0</v>
      </c>
      <c r="FB32" s="169">
        <v>0</v>
      </c>
      <c r="FC32" s="170">
        <v>0</v>
      </c>
      <c r="FD32" s="439">
        <v>0</v>
      </c>
      <c r="FE32" s="169">
        <v>0</v>
      </c>
      <c r="FF32" s="169">
        <v>0</v>
      </c>
      <c r="FG32" s="169">
        <v>0</v>
      </c>
      <c r="FH32" s="169">
        <v>0</v>
      </c>
      <c r="FI32" s="169">
        <v>0</v>
      </c>
      <c r="FJ32" s="170">
        <v>0</v>
      </c>
      <c r="FK32" s="171">
        <v>0</v>
      </c>
      <c r="FL32" s="168">
        <v>0</v>
      </c>
      <c r="FM32" s="169">
        <v>0</v>
      </c>
      <c r="FN32" s="170">
        <v>0</v>
      </c>
      <c r="FO32" s="439">
        <v>0</v>
      </c>
      <c r="FP32" s="169">
        <v>1</v>
      </c>
      <c r="FQ32" s="169">
        <v>0</v>
      </c>
      <c r="FR32" s="169">
        <v>0</v>
      </c>
      <c r="FS32" s="169">
        <v>2</v>
      </c>
      <c r="FT32" s="169">
        <v>0</v>
      </c>
      <c r="FU32" s="170">
        <v>3</v>
      </c>
      <c r="FV32" s="171">
        <v>3</v>
      </c>
      <c r="FW32" s="168">
        <v>0</v>
      </c>
      <c r="FX32" s="169">
        <v>0</v>
      </c>
      <c r="FY32" s="170">
        <v>0</v>
      </c>
      <c r="FZ32" s="439">
        <v>0</v>
      </c>
      <c r="GA32" s="169">
        <v>0</v>
      </c>
      <c r="GB32" s="169">
        <v>0</v>
      </c>
      <c r="GC32" s="169">
        <v>0</v>
      </c>
      <c r="GD32" s="169">
        <v>0</v>
      </c>
      <c r="GE32" s="169">
        <v>0</v>
      </c>
      <c r="GF32" s="170">
        <v>0</v>
      </c>
      <c r="GG32" s="171">
        <v>0</v>
      </c>
      <c r="GH32" s="168">
        <v>2</v>
      </c>
      <c r="GI32" s="169">
        <v>0</v>
      </c>
      <c r="GJ32" s="170">
        <v>2</v>
      </c>
      <c r="GK32" s="439">
        <v>0</v>
      </c>
      <c r="GL32" s="169">
        <v>1</v>
      </c>
      <c r="GM32" s="169">
        <v>2</v>
      </c>
      <c r="GN32" s="169">
        <v>0</v>
      </c>
      <c r="GO32" s="169">
        <v>2</v>
      </c>
      <c r="GP32" s="169">
        <v>0</v>
      </c>
      <c r="GQ32" s="170">
        <v>5</v>
      </c>
      <c r="GR32" s="171">
        <v>7</v>
      </c>
      <c r="GS32" s="172">
        <v>7</v>
      </c>
      <c r="GT32" s="164">
        <v>2</v>
      </c>
      <c r="GU32" s="165">
        <v>9</v>
      </c>
      <c r="GV32" s="439">
        <v>0</v>
      </c>
      <c r="GW32" s="164">
        <v>3</v>
      </c>
      <c r="GX32" s="164">
        <v>6</v>
      </c>
      <c r="GY32" s="164">
        <v>4</v>
      </c>
      <c r="GZ32" s="164">
        <v>5</v>
      </c>
      <c r="HA32" s="164">
        <v>4</v>
      </c>
      <c r="HB32" s="166">
        <v>22</v>
      </c>
      <c r="HC32" s="167">
        <v>31</v>
      </c>
      <c r="HD32" s="168">
        <v>0</v>
      </c>
      <c r="HE32" s="169">
        <v>0</v>
      </c>
      <c r="HF32" s="170">
        <v>0</v>
      </c>
      <c r="HG32" s="439">
        <v>0</v>
      </c>
      <c r="HH32" s="169">
        <v>0</v>
      </c>
      <c r="HI32" s="169">
        <v>0</v>
      </c>
      <c r="HJ32" s="169">
        <v>1</v>
      </c>
      <c r="HK32" s="169">
        <v>0</v>
      </c>
      <c r="HL32" s="169">
        <v>0</v>
      </c>
      <c r="HM32" s="170">
        <v>1</v>
      </c>
      <c r="HN32" s="171">
        <v>1</v>
      </c>
      <c r="HO32" s="168">
        <v>0</v>
      </c>
      <c r="HP32" s="169">
        <v>0</v>
      </c>
      <c r="HQ32" s="170">
        <v>0</v>
      </c>
      <c r="HR32" s="439">
        <v>0</v>
      </c>
      <c r="HS32" s="169">
        <v>0</v>
      </c>
      <c r="HT32" s="169">
        <v>1</v>
      </c>
      <c r="HU32" s="169">
        <v>0</v>
      </c>
      <c r="HV32" s="169">
        <v>0</v>
      </c>
      <c r="HW32" s="169">
        <v>0</v>
      </c>
      <c r="HX32" s="170">
        <v>1</v>
      </c>
      <c r="HY32" s="171">
        <v>1</v>
      </c>
      <c r="HZ32" s="168">
        <v>0</v>
      </c>
      <c r="IA32" s="169">
        <v>0</v>
      </c>
      <c r="IB32" s="170">
        <v>0</v>
      </c>
      <c r="IC32" s="439">
        <v>0</v>
      </c>
      <c r="ID32" s="169">
        <v>0</v>
      </c>
      <c r="IE32" s="169">
        <v>0</v>
      </c>
      <c r="IF32" s="169">
        <v>0</v>
      </c>
      <c r="IG32" s="169">
        <v>1</v>
      </c>
      <c r="IH32" s="169">
        <v>1</v>
      </c>
      <c r="II32" s="170">
        <v>2</v>
      </c>
      <c r="IJ32" s="171">
        <v>2</v>
      </c>
      <c r="IK32" s="168">
        <v>5</v>
      </c>
      <c r="IL32" s="169">
        <v>1</v>
      </c>
      <c r="IM32" s="170">
        <v>6</v>
      </c>
      <c r="IN32" s="439">
        <v>0</v>
      </c>
      <c r="IO32" s="169">
        <v>1</v>
      </c>
      <c r="IP32" s="169">
        <v>1</v>
      </c>
      <c r="IQ32" s="169">
        <v>0</v>
      </c>
      <c r="IR32" s="169">
        <v>1</v>
      </c>
      <c r="IS32" s="169">
        <v>0</v>
      </c>
      <c r="IT32" s="170">
        <v>3</v>
      </c>
      <c r="IU32" s="171">
        <v>9</v>
      </c>
      <c r="IV32" s="168">
        <v>1</v>
      </c>
      <c r="IW32" s="169">
        <v>1</v>
      </c>
      <c r="IX32" s="170">
        <v>2</v>
      </c>
      <c r="IY32" s="439">
        <v>0</v>
      </c>
      <c r="IZ32" s="169">
        <v>1</v>
      </c>
      <c r="JA32" s="169">
        <v>2</v>
      </c>
      <c r="JB32" s="169">
        <v>1</v>
      </c>
      <c r="JC32" s="169">
        <v>0</v>
      </c>
      <c r="JD32" s="169">
        <v>0</v>
      </c>
      <c r="JE32" s="170">
        <v>4</v>
      </c>
      <c r="JF32" s="171">
        <v>6</v>
      </c>
      <c r="JG32" s="168">
        <v>1</v>
      </c>
      <c r="JH32" s="169">
        <v>0</v>
      </c>
      <c r="JI32" s="170">
        <v>1</v>
      </c>
      <c r="JJ32" s="439">
        <v>0</v>
      </c>
      <c r="JK32" s="169">
        <v>1</v>
      </c>
      <c r="JL32" s="169">
        <v>2</v>
      </c>
      <c r="JM32" s="169">
        <v>2</v>
      </c>
      <c r="JN32" s="169">
        <v>3</v>
      </c>
      <c r="JO32" s="169">
        <v>3</v>
      </c>
      <c r="JP32" s="170">
        <v>11</v>
      </c>
      <c r="JQ32" s="171">
        <v>12</v>
      </c>
      <c r="JR32" s="168">
        <v>0</v>
      </c>
      <c r="JS32" s="169">
        <v>0</v>
      </c>
      <c r="JT32" s="170">
        <v>0</v>
      </c>
      <c r="JU32" s="439">
        <v>0</v>
      </c>
      <c r="JV32" s="169">
        <v>0</v>
      </c>
      <c r="JW32" s="169">
        <v>0</v>
      </c>
      <c r="JX32" s="169">
        <v>0</v>
      </c>
      <c r="JY32" s="169">
        <v>0</v>
      </c>
      <c r="JZ32" s="169">
        <v>0</v>
      </c>
      <c r="KA32" s="170">
        <v>0</v>
      </c>
      <c r="KB32" s="171">
        <v>0</v>
      </c>
      <c r="KC32" s="168">
        <v>7</v>
      </c>
      <c r="KD32" s="169">
        <v>2</v>
      </c>
      <c r="KE32" s="170">
        <v>9</v>
      </c>
      <c r="KF32" s="439">
        <v>0</v>
      </c>
      <c r="KG32" s="169">
        <v>3</v>
      </c>
      <c r="KH32" s="169">
        <v>6</v>
      </c>
      <c r="KI32" s="169">
        <v>4</v>
      </c>
      <c r="KJ32" s="169">
        <v>5</v>
      </c>
      <c r="KK32" s="169">
        <v>4</v>
      </c>
      <c r="KL32" s="170">
        <v>22</v>
      </c>
      <c r="KM32" s="171">
        <v>31</v>
      </c>
    </row>
    <row r="33" spans="2:299" s="137" customFormat="1" ht="21" customHeight="1" x14ac:dyDescent="0.2">
      <c r="B33" s="173" t="s">
        <v>30</v>
      </c>
      <c r="C33" s="163">
        <v>4</v>
      </c>
      <c r="D33" s="164">
        <v>2</v>
      </c>
      <c r="E33" s="165">
        <v>6</v>
      </c>
      <c r="F33" s="439">
        <v>0</v>
      </c>
      <c r="G33" s="164">
        <v>2</v>
      </c>
      <c r="H33" s="164">
        <v>2</v>
      </c>
      <c r="I33" s="164">
        <v>5</v>
      </c>
      <c r="J33" s="164">
        <v>5</v>
      </c>
      <c r="K33" s="164">
        <v>0</v>
      </c>
      <c r="L33" s="166">
        <v>14</v>
      </c>
      <c r="M33" s="167">
        <v>20</v>
      </c>
      <c r="N33" s="168">
        <v>0</v>
      </c>
      <c r="O33" s="169">
        <v>0</v>
      </c>
      <c r="P33" s="170">
        <v>0</v>
      </c>
      <c r="Q33" s="439">
        <v>0</v>
      </c>
      <c r="R33" s="169">
        <v>0</v>
      </c>
      <c r="S33" s="169">
        <v>0</v>
      </c>
      <c r="T33" s="169">
        <v>0</v>
      </c>
      <c r="U33" s="169">
        <v>0</v>
      </c>
      <c r="V33" s="169">
        <v>0</v>
      </c>
      <c r="W33" s="170">
        <v>0</v>
      </c>
      <c r="X33" s="171">
        <v>0</v>
      </c>
      <c r="Y33" s="168">
        <v>1</v>
      </c>
      <c r="Z33" s="169">
        <v>0</v>
      </c>
      <c r="AA33" s="170">
        <v>1</v>
      </c>
      <c r="AB33" s="439">
        <v>0</v>
      </c>
      <c r="AC33" s="169">
        <v>0</v>
      </c>
      <c r="AD33" s="169">
        <v>0</v>
      </c>
      <c r="AE33" s="169">
        <v>1</v>
      </c>
      <c r="AF33" s="169">
        <v>0</v>
      </c>
      <c r="AG33" s="169">
        <v>0</v>
      </c>
      <c r="AH33" s="170">
        <v>1</v>
      </c>
      <c r="AI33" s="171">
        <v>2</v>
      </c>
      <c r="AJ33" s="168">
        <v>0</v>
      </c>
      <c r="AK33" s="169">
        <v>0</v>
      </c>
      <c r="AL33" s="170">
        <v>0</v>
      </c>
      <c r="AM33" s="439">
        <v>0</v>
      </c>
      <c r="AN33" s="169">
        <v>0</v>
      </c>
      <c r="AO33" s="169">
        <v>0</v>
      </c>
      <c r="AP33" s="169">
        <v>0</v>
      </c>
      <c r="AQ33" s="169">
        <v>0</v>
      </c>
      <c r="AR33" s="169">
        <v>0</v>
      </c>
      <c r="AS33" s="170">
        <v>0</v>
      </c>
      <c r="AT33" s="171">
        <v>0</v>
      </c>
      <c r="AU33" s="168">
        <v>1</v>
      </c>
      <c r="AV33" s="169">
        <v>0</v>
      </c>
      <c r="AW33" s="170">
        <v>1</v>
      </c>
      <c r="AX33" s="439">
        <v>0</v>
      </c>
      <c r="AY33" s="169">
        <v>1</v>
      </c>
      <c r="AZ33" s="169">
        <v>0</v>
      </c>
      <c r="BA33" s="169">
        <v>1</v>
      </c>
      <c r="BB33" s="169">
        <v>1</v>
      </c>
      <c r="BC33" s="169">
        <v>0</v>
      </c>
      <c r="BD33" s="170">
        <v>3</v>
      </c>
      <c r="BE33" s="171">
        <v>4</v>
      </c>
      <c r="BF33" s="168">
        <v>1</v>
      </c>
      <c r="BG33" s="169">
        <v>1</v>
      </c>
      <c r="BH33" s="170">
        <v>2</v>
      </c>
      <c r="BI33" s="439">
        <v>0</v>
      </c>
      <c r="BJ33" s="169">
        <v>1</v>
      </c>
      <c r="BK33" s="169">
        <v>1</v>
      </c>
      <c r="BL33" s="169">
        <v>0</v>
      </c>
      <c r="BM33" s="169">
        <v>1</v>
      </c>
      <c r="BN33" s="169">
        <v>0</v>
      </c>
      <c r="BO33" s="170">
        <v>3</v>
      </c>
      <c r="BP33" s="171">
        <v>5</v>
      </c>
      <c r="BQ33" s="168">
        <v>1</v>
      </c>
      <c r="BR33" s="169">
        <v>1</v>
      </c>
      <c r="BS33" s="170">
        <v>2</v>
      </c>
      <c r="BT33" s="439">
        <v>0</v>
      </c>
      <c r="BU33" s="169">
        <v>0</v>
      </c>
      <c r="BV33" s="169">
        <v>1</v>
      </c>
      <c r="BW33" s="169">
        <v>3</v>
      </c>
      <c r="BX33" s="169">
        <v>3</v>
      </c>
      <c r="BY33" s="169">
        <v>0</v>
      </c>
      <c r="BZ33" s="170">
        <v>7</v>
      </c>
      <c r="CA33" s="171">
        <v>9</v>
      </c>
      <c r="CB33" s="168">
        <v>0</v>
      </c>
      <c r="CC33" s="169">
        <v>0</v>
      </c>
      <c r="CD33" s="170">
        <v>0</v>
      </c>
      <c r="CE33" s="439">
        <v>0</v>
      </c>
      <c r="CF33" s="169">
        <v>0</v>
      </c>
      <c r="CG33" s="169">
        <v>0</v>
      </c>
      <c r="CH33" s="169">
        <v>0</v>
      </c>
      <c r="CI33" s="169">
        <v>0</v>
      </c>
      <c r="CJ33" s="169">
        <v>0</v>
      </c>
      <c r="CK33" s="170">
        <v>0</v>
      </c>
      <c r="CL33" s="171">
        <v>0</v>
      </c>
      <c r="CM33" s="168">
        <v>4</v>
      </c>
      <c r="CN33" s="169">
        <v>2</v>
      </c>
      <c r="CO33" s="170">
        <v>6</v>
      </c>
      <c r="CP33" s="439">
        <v>0</v>
      </c>
      <c r="CQ33" s="169">
        <v>2</v>
      </c>
      <c r="CR33" s="169">
        <v>2</v>
      </c>
      <c r="CS33" s="169">
        <v>5</v>
      </c>
      <c r="CT33" s="169">
        <v>5</v>
      </c>
      <c r="CU33" s="169">
        <v>0</v>
      </c>
      <c r="CV33" s="170">
        <v>14</v>
      </c>
      <c r="CW33" s="171">
        <v>20</v>
      </c>
      <c r="CX33" s="172">
        <v>0</v>
      </c>
      <c r="CY33" s="164">
        <v>0</v>
      </c>
      <c r="CZ33" s="165">
        <v>0</v>
      </c>
      <c r="DA33" s="439">
        <v>0</v>
      </c>
      <c r="DB33" s="164">
        <v>2</v>
      </c>
      <c r="DC33" s="164">
        <v>2</v>
      </c>
      <c r="DD33" s="164">
        <v>0</v>
      </c>
      <c r="DE33" s="164">
        <v>1</v>
      </c>
      <c r="DF33" s="164">
        <v>1</v>
      </c>
      <c r="DG33" s="166">
        <v>6</v>
      </c>
      <c r="DH33" s="167">
        <v>6</v>
      </c>
      <c r="DI33" s="168">
        <v>0</v>
      </c>
      <c r="DJ33" s="169">
        <v>0</v>
      </c>
      <c r="DK33" s="170">
        <v>0</v>
      </c>
      <c r="DL33" s="439">
        <v>0</v>
      </c>
      <c r="DM33" s="169">
        <v>0</v>
      </c>
      <c r="DN33" s="169">
        <v>0</v>
      </c>
      <c r="DO33" s="169">
        <v>0</v>
      </c>
      <c r="DP33" s="169">
        <v>0</v>
      </c>
      <c r="DQ33" s="169">
        <v>0</v>
      </c>
      <c r="DR33" s="170">
        <v>0</v>
      </c>
      <c r="DS33" s="171">
        <v>0</v>
      </c>
      <c r="DT33" s="168">
        <v>0</v>
      </c>
      <c r="DU33" s="169">
        <v>0</v>
      </c>
      <c r="DV33" s="170">
        <v>0</v>
      </c>
      <c r="DW33" s="439">
        <v>0</v>
      </c>
      <c r="DX33" s="169">
        <v>0</v>
      </c>
      <c r="DY33" s="169">
        <v>0</v>
      </c>
      <c r="DZ33" s="169">
        <v>0</v>
      </c>
      <c r="EA33" s="169">
        <v>0</v>
      </c>
      <c r="EB33" s="169">
        <v>0</v>
      </c>
      <c r="EC33" s="170">
        <v>0</v>
      </c>
      <c r="ED33" s="171">
        <v>0</v>
      </c>
      <c r="EE33" s="168">
        <v>0</v>
      </c>
      <c r="EF33" s="169">
        <v>0</v>
      </c>
      <c r="EG33" s="170">
        <v>0</v>
      </c>
      <c r="EH33" s="439">
        <v>0</v>
      </c>
      <c r="EI33" s="169">
        <v>0</v>
      </c>
      <c r="EJ33" s="169">
        <v>0</v>
      </c>
      <c r="EK33" s="169">
        <v>0</v>
      </c>
      <c r="EL33" s="169">
        <v>0</v>
      </c>
      <c r="EM33" s="169">
        <v>0</v>
      </c>
      <c r="EN33" s="170">
        <v>0</v>
      </c>
      <c r="EO33" s="171">
        <v>0</v>
      </c>
      <c r="EP33" s="168">
        <v>0</v>
      </c>
      <c r="EQ33" s="169">
        <v>0</v>
      </c>
      <c r="ER33" s="170">
        <v>0</v>
      </c>
      <c r="ES33" s="439">
        <v>0</v>
      </c>
      <c r="ET33" s="169">
        <v>1</v>
      </c>
      <c r="EU33" s="169">
        <v>1</v>
      </c>
      <c r="EV33" s="169">
        <v>0</v>
      </c>
      <c r="EW33" s="169">
        <v>0</v>
      </c>
      <c r="EX33" s="169">
        <v>0</v>
      </c>
      <c r="EY33" s="170">
        <v>2</v>
      </c>
      <c r="EZ33" s="171">
        <v>2</v>
      </c>
      <c r="FA33" s="168">
        <v>0</v>
      </c>
      <c r="FB33" s="169">
        <v>0</v>
      </c>
      <c r="FC33" s="170">
        <v>0</v>
      </c>
      <c r="FD33" s="439">
        <v>0</v>
      </c>
      <c r="FE33" s="169">
        <v>1</v>
      </c>
      <c r="FF33" s="169">
        <v>0</v>
      </c>
      <c r="FG33" s="169">
        <v>0</v>
      </c>
      <c r="FH33" s="169">
        <v>0</v>
      </c>
      <c r="FI33" s="169">
        <v>0</v>
      </c>
      <c r="FJ33" s="170">
        <v>1</v>
      </c>
      <c r="FK33" s="171">
        <v>1</v>
      </c>
      <c r="FL33" s="168">
        <v>0</v>
      </c>
      <c r="FM33" s="169">
        <v>0</v>
      </c>
      <c r="FN33" s="170">
        <v>0</v>
      </c>
      <c r="FO33" s="439">
        <v>0</v>
      </c>
      <c r="FP33" s="169">
        <v>0</v>
      </c>
      <c r="FQ33" s="169">
        <v>1</v>
      </c>
      <c r="FR33" s="169">
        <v>0</v>
      </c>
      <c r="FS33" s="169">
        <v>1</v>
      </c>
      <c r="FT33" s="169">
        <v>1</v>
      </c>
      <c r="FU33" s="170">
        <v>3</v>
      </c>
      <c r="FV33" s="171">
        <v>3</v>
      </c>
      <c r="FW33" s="168">
        <v>0</v>
      </c>
      <c r="FX33" s="169">
        <v>0</v>
      </c>
      <c r="FY33" s="170">
        <v>0</v>
      </c>
      <c r="FZ33" s="439">
        <v>0</v>
      </c>
      <c r="GA33" s="169">
        <v>0</v>
      </c>
      <c r="GB33" s="169">
        <v>0</v>
      </c>
      <c r="GC33" s="169">
        <v>0</v>
      </c>
      <c r="GD33" s="169">
        <v>0</v>
      </c>
      <c r="GE33" s="169">
        <v>0</v>
      </c>
      <c r="GF33" s="170">
        <v>0</v>
      </c>
      <c r="GG33" s="171">
        <v>0</v>
      </c>
      <c r="GH33" s="168">
        <v>0</v>
      </c>
      <c r="GI33" s="169">
        <v>0</v>
      </c>
      <c r="GJ33" s="170">
        <v>0</v>
      </c>
      <c r="GK33" s="439">
        <v>0</v>
      </c>
      <c r="GL33" s="169">
        <v>2</v>
      </c>
      <c r="GM33" s="169">
        <v>2</v>
      </c>
      <c r="GN33" s="169">
        <v>0</v>
      </c>
      <c r="GO33" s="169">
        <v>1</v>
      </c>
      <c r="GP33" s="169">
        <v>1</v>
      </c>
      <c r="GQ33" s="170">
        <v>6</v>
      </c>
      <c r="GR33" s="171">
        <v>6</v>
      </c>
      <c r="GS33" s="172">
        <v>4</v>
      </c>
      <c r="GT33" s="164">
        <v>2</v>
      </c>
      <c r="GU33" s="165">
        <v>6</v>
      </c>
      <c r="GV33" s="439">
        <v>0</v>
      </c>
      <c r="GW33" s="164">
        <v>4</v>
      </c>
      <c r="GX33" s="164">
        <v>4</v>
      </c>
      <c r="GY33" s="164">
        <v>5</v>
      </c>
      <c r="GZ33" s="164">
        <v>6</v>
      </c>
      <c r="HA33" s="164">
        <v>1</v>
      </c>
      <c r="HB33" s="166">
        <v>20</v>
      </c>
      <c r="HC33" s="167">
        <v>26</v>
      </c>
      <c r="HD33" s="168">
        <v>0</v>
      </c>
      <c r="HE33" s="169">
        <v>0</v>
      </c>
      <c r="HF33" s="170">
        <v>0</v>
      </c>
      <c r="HG33" s="439">
        <v>0</v>
      </c>
      <c r="HH33" s="169">
        <v>0</v>
      </c>
      <c r="HI33" s="169">
        <v>0</v>
      </c>
      <c r="HJ33" s="169">
        <v>0</v>
      </c>
      <c r="HK33" s="169">
        <v>0</v>
      </c>
      <c r="HL33" s="169">
        <v>0</v>
      </c>
      <c r="HM33" s="170">
        <v>0</v>
      </c>
      <c r="HN33" s="171">
        <v>0</v>
      </c>
      <c r="HO33" s="168">
        <v>1</v>
      </c>
      <c r="HP33" s="169">
        <v>0</v>
      </c>
      <c r="HQ33" s="170">
        <v>1</v>
      </c>
      <c r="HR33" s="439">
        <v>0</v>
      </c>
      <c r="HS33" s="169">
        <v>0</v>
      </c>
      <c r="HT33" s="169">
        <v>0</v>
      </c>
      <c r="HU33" s="169">
        <v>1</v>
      </c>
      <c r="HV33" s="169">
        <v>0</v>
      </c>
      <c r="HW33" s="169">
        <v>0</v>
      </c>
      <c r="HX33" s="170">
        <v>1</v>
      </c>
      <c r="HY33" s="171">
        <v>2</v>
      </c>
      <c r="HZ33" s="168">
        <v>0</v>
      </c>
      <c r="IA33" s="169">
        <v>0</v>
      </c>
      <c r="IB33" s="170">
        <v>0</v>
      </c>
      <c r="IC33" s="439">
        <v>0</v>
      </c>
      <c r="ID33" s="169">
        <v>0</v>
      </c>
      <c r="IE33" s="169">
        <v>0</v>
      </c>
      <c r="IF33" s="169">
        <v>0</v>
      </c>
      <c r="IG33" s="169">
        <v>0</v>
      </c>
      <c r="IH33" s="169">
        <v>0</v>
      </c>
      <c r="II33" s="170">
        <v>0</v>
      </c>
      <c r="IJ33" s="171">
        <v>0</v>
      </c>
      <c r="IK33" s="168">
        <v>1</v>
      </c>
      <c r="IL33" s="169">
        <v>0</v>
      </c>
      <c r="IM33" s="170">
        <v>1</v>
      </c>
      <c r="IN33" s="439">
        <v>0</v>
      </c>
      <c r="IO33" s="169">
        <v>2</v>
      </c>
      <c r="IP33" s="169">
        <v>1</v>
      </c>
      <c r="IQ33" s="169">
        <v>1</v>
      </c>
      <c r="IR33" s="169">
        <v>1</v>
      </c>
      <c r="IS33" s="169">
        <v>0</v>
      </c>
      <c r="IT33" s="170">
        <v>5</v>
      </c>
      <c r="IU33" s="171">
        <v>6</v>
      </c>
      <c r="IV33" s="168">
        <v>1</v>
      </c>
      <c r="IW33" s="169">
        <v>1</v>
      </c>
      <c r="IX33" s="170">
        <v>2</v>
      </c>
      <c r="IY33" s="439">
        <v>0</v>
      </c>
      <c r="IZ33" s="169">
        <v>2</v>
      </c>
      <c r="JA33" s="169">
        <v>1</v>
      </c>
      <c r="JB33" s="169">
        <v>0</v>
      </c>
      <c r="JC33" s="169">
        <v>1</v>
      </c>
      <c r="JD33" s="169">
        <v>0</v>
      </c>
      <c r="JE33" s="170">
        <v>4</v>
      </c>
      <c r="JF33" s="171">
        <v>6</v>
      </c>
      <c r="JG33" s="168">
        <v>1</v>
      </c>
      <c r="JH33" s="169">
        <v>1</v>
      </c>
      <c r="JI33" s="170">
        <v>2</v>
      </c>
      <c r="JJ33" s="439">
        <v>0</v>
      </c>
      <c r="JK33" s="169">
        <v>0</v>
      </c>
      <c r="JL33" s="169">
        <v>2</v>
      </c>
      <c r="JM33" s="169">
        <v>3</v>
      </c>
      <c r="JN33" s="169">
        <v>4</v>
      </c>
      <c r="JO33" s="169">
        <v>1</v>
      </c>
      <c r="JP33" s="170">
        <v>10</v>
      </c>
      <c r="JQ33" s="171">
        <v>12</v>
      </c>
      <c r="JR33" s="168">
        <v>0</v>
      </c>
      <c r="JS33" s="169">
        <v>0</v>
      </c>
      <c r="JT33" s="170">
        <v>0</v>
      </c>
      <c r="JU33" s="439">
        <v>0</v>
      </c>
      <c r="JV33" s="169">
        <v>0</v>
      </c>
      <c r="JW33" s="169">
        <v>0</v>
      </c>
      <c r="JX33" s="169">
        <v>0</v>
      </c>
      <c r="JY33" s="169">
        <v>0</v>
      </c>
      <c r="JZ33" s="169">
        <v>0</v>
      </c>
      <c r="KA33" s="170">
        <v>0</v>
      </c>
      <c r="KB33" s="171">
        <v>0</v>
      </c>
      <c r="KC33" s="168">
        <v>4</v>
      </c>
      <c r="KD33" s="169">
        <v>2</v>
      </c>
      <c r="KE33" s="170">
        <v>6</v>
      </c>
      <c r="KF33" s="439">
        <v>0</v>
      </c>
      <c r="KG33" s="169">
        <v>4</v>
      </c>
      <c r="KH33" s="169">
        <v>4</v>
      </c>
      <c r="KI33" s="169">
        <v>5</v>
      </c>
      <c r="KJ33" s="169">
        <v>6</v>
      </c>
      <c r="KK33" s="169">
        <v>1</v>
      </c>
      <c r="KL33" s="170">
        <v>20</v>
      </c>
      <c r="KM33" s="171">
        <v>26</v>
      </c>
    </row>
    <row r="34" spans="2:299" s="137" customFormat="1" ht="21" customHeight="1" x14ac:dyDescent="0.2">
      <c r="B34" s="173" t="s">
        <v>31</v>
      </c>
      <c r="C34" s="163">
        <v>1</v>
      </c>
      <c r="D34" s="164">
        <v>7</v>
      </c>
      <c r="E34" s="165">
        <v>8</v>
      </c>
      <c r="F34" s="439">
        <v>0</v>
      </c>
      <c r="G34" s="164">
        <v>7</v>
      </c>
      <c r="H34" s="164">
        <v>3</v>
      </c>
      <c r="I34" s="164">
        <v>8</v>
      </c>
      <c r="J34" s="164">
        <v>4</v>
      </c>
      <c r="K34" s="164">
        <v>1</v>
      </c>
      <c r="L34" s="166">
        <v>23</v>
      </c>
      <c r="M34" s="167">
        <v>31</v>
      </c>
      <c r="N34" s="168">
        <v>0</v>
      </c>
      <c r="O34" s="169">
        <v>0</v>
      </c>
      <c r="P34" s="170">
        <v>0</v>
      </c>
      <c r="Q34" s="439">
        <v>0</v>
      </c>
      <c r="R34" s="169">
        <v>0</v>
      </c>
      <c r="S34" s="169">
        <v>0</v>
      </c>
      <c r="T34" s="169">
        <v>0</v>
      </c>
      <c r="U34" s="169">
        <v>1</v>
      </c>
      <c r="V34" s="169">
        <v>1</v>
      </c>
      <c r="W34" s="170">
        <v>2</v>
      </c>
      <c r="X34" s="171">
        <v>2</v>
      </c>
      <c r="Y34" s="168">
        <v>0</v>
      </c>
      <c r="Z34" s="169">
        <v>0</v>
      </c>
      <c r="AA34" s="170">
        <v>0</v>
      </c>
      <c r="AB34" s="439">
        <v>0</v>
      </c>
      <c r="AC34" s="169">
        <v>0</v>
      </c>
      <c r="AD34" s="169">
        <v>0</v>
      </c>
      <c r="AE34" s="169">
        <v>1</v>
      </c>
      <c r="AF34" s="169">
        <v>0</v>
      </c>
      <c r="AG34" s="169">
        <v>0</v>
      </c>
      <c r="AH34" s="170">
        <v>1</v>
      </c>
      <c r="AI34" s="171">
        <v>1</v>
      </c>
      <c r="AJ34" s="168">
        <v>0</v>
      </c>
      <c r="AK34" s="169">
        <v>1</v>
      </c>
      <c r="AL34" s="170">
        <v>1</v>
      </c>
      <c r="AM34" s="439">
        <v>0</v>
      </c>
      <c r="AN34" s="169">
        <v>0</v>
      </c>
      <c r="AO34" s="169">
        <v>0</v>
      </c>
      <c r="AP34" s="169">
        <v>1</v>
      </c>
      <c r="AQ34" s="169">
        <v>0</v>
      </c>
      <c r="AR34" s="169">
        <v>0</v>
      </c>
      <c r="AS34" s="170">
        <v>1</v>
      </c>
      <c r="AT34" s="171">
        <v>2</v>
      </c>
      <c r="AU34" s="168">
        <v>0</v>
      </c>
      <c r="AV34" s="169">
        <v>1</v>
      </c>
      <c r="AW34" s="170">
        <v>1</v>
      </c>
      <c r="AX34" s="439">
        <v>0</v>
      </c>
      <c r="AY34" s="169">
        <v>0</v>
      </c>
      <c r="AZ34" s="169">
        <v>0</v>
      </c>
      <c r="BA34" s="169">
        <v>1</v>
      </c>
      <c r="BB34" s="169">
        <v>1</v>
      </c>
      <c r="BC34" s="169">
        <v>0</v>
      </c>
      <c r="BD34" s="170">
        <v>2</v>
      </c>
      <c r="BE34" s="171">
        <v>3</v>
      </c>
      <c r="BF34" s="168">
        <v>0</v>
      </c>
      <c r="BG34" s="169">
        <v>2</v>
      </c>
      <c r="BH34" s="170">
        <v>2</v>
      </c>
      <c r="BI34" s="439">
        <v>0</v>
      </c>
      <c r="BJ34" s="169">
        <v>4</v>
      </c>
      <c r="BK34" s="169">
        <v>3</v>
      </c>
      <c r="BL34" s="169">
        <v>2</v>
      </c>
      <c r="BM34" s="169">
        <v>1</v>
      </c>
      <c r="BN34" s="169">
        <v>0</v>
      </c>
      <c r="BO34" s="170">
        <v>10</v>
      </c>
      <c r="BP34" s="171">
        <v>12</v>
      </c>
      <c r="BQ34" s="168">
        <v>1</v>
      </c>
      <c r="BR34" s="169">
        <v>3</v>
      </c>
      <c r="BS34" s="170">
        <v>4</v>
      </c>
      <c r="BT34" s="439">
        <v>0</v>
      </c>
      <c r="BU34" s="169">
        <v>3</v>
      </c>
      <c r="BV34" s="169">
        <v>0</v>
      </c>
      <c r="BW34" s="169">
        <v>3</v>
      </c>
      <c r="BX34" s="169">
        <v>1</v>
      </c>
      <c r="BY34" s="169">
        <v>0</v>
      </c>
      <c r="BZ34" s="170">
        <v>7</v>
      </c>
      <c r="CA34" s="171">
        <v>11</v>
      </c>
      <c r="CB34" s="168">
        <v>0</v>
      </c>
      <c r="CC34" s="169">
        <v>0</v>
      </c>
      <c r="CD34" s="170">
        <v>0</v>
      </c>
      <c r="CE34" s="439">
        <v>0</v>
      </c>
      <c r="CF34" s="169">
        <v>0</v>
      </c>
      <c r="CG34" s="169">
        <v>0</v>
      </c>
      <c r="CH34" s="169">
        <v>0</v>
      </c>
      <c r="CI34" s="169">
        <v>0</v>
      </c>
      <c r="CJ34" s="169">
        <v>0</v>
      </c>
      <c r="CK34" s="170">
        <v>0</v>
      </c>
      <c r="CL34" s="171">
        <v>0</v>
      </c>
      <c r="CM34" s="168">
        <v>1</v>
      </c>
      <c r="CN34" s="169">
        <v>7</v>
      </c>
      <c r="CO34" s="170">
        <v>8</v>
      </c>
      <c r="CP34" s="439">
        <v>0</v>
      </c>
      <c r="CQ34" s="169">
        <v>7</v>
      </c>
      <c r="CR34" s="169">
        <v>3</v>
      </c>
      <c r="CS34" s="169">
        <v>8</v>
      </c>
      <c r="CT34" s="169">
        <v>4</v>
      </c>
      <c r="CU34" s="169">
        <v>1</v>
      </c>
      <c r="CV34" s="170">
        <v>23</v>
      </c>
      <c r="CW34" s="171">
        <v>31</v>
      </c>
      <c r="CX34" s="172">
        <v>1</v>
      </c>
      <c r="CY34" s="164">
        <v>0</v>
      </c>
      <c r="CZ34" s="165">
        <v>1</v>
      </c>
      <c r="DA34" s="439">
        <v>0</v>
      </c>
      <c r="DB34" s="164">
        <v>2</v>
      </c>
      <c r="DC34" s="164">
        <v>1</v>
      </c>
      <c r="DD34" s="164">
        <v>0</v>
      </c>
      <c r="DE34" s="164">
        <v>1</v>
      </c>
      <c r="DF34" s="164">
        <v>1</v>
      </c>
      <c r="DG34" s="166">
        <v>5</v>
      </c>
      <c r="DH34" s="167">
        <v>6</v>
      </c>
      <c r="DI34" s="168">
        <v>0</v>
      </c>
      <c r="DJ34" s="169">
        <v>0</v>
      </c>
      <c r="DK34" s="170">
        <v>0</v>
      </c>
      <c r="DL34" s="439">
        <v>0</v>
      </c>
      <c r="DM34" s="169">
        <v>0</v>
      </c>
      <c r="DN34" s="169">
        <v>0</v>
      </c>
      <c r="DO34" s="169">
        <v>0</v>
      </c>
      <c r="DP34" s="169">
        <v>0</v>
      </c>
      <c r="DQ34" s="169">
        <v>0</v>
      </c>
      <c r="DR34" s="170">
        <v>0</v>
      </c>
      <c r="DS34" s="171">
        <v>0</v>
      </c>
      <c r="DT34" s="168">
        <v>0</v>
      </c>
      <c r="DU34" s="169">
        <v>0</v>
      </c>
      <c r="DV34" s="170">
        <v>0</v>
      </c>
      <c r="DW34" s="439">
        <v>0</v>
      </c>
      <c r="DX34" s="169">
        <v>0</v>
      </c>
      <c r="DY34" s="169">
        <v>0</v>
      </c>
      <c r="DZ34" s="169">
        <v>0</v>
      </c>
      <c r="EA34" s="169">
        <v>0</v>
      </c>
      <c r="EB34" s="169">
        <v>0</v>
      </c>
      <c r="EC34" s="170">
        <v>0</v>
      </c>
      <c r="ED34" s="171">
        <v>0</v>
      </c>
      <c r="EE34" s="168">
        <v>0</v>
      </c>
      <c r="EF34" s="169">
        <v>0</v>
      </c>
      <c r="EG34" s="170">
        <v>0</v>
      </c>
      <c r="EH34" s="439">
        <v>0</v>
      </c>
      <c r="EI34" s="169">
        <v>0</v>
      </c>
      <c r="EJ34" s="169">
        <v>0</v>
      </c>
      <c r="EK34" s="169">
        <v>0</v>
      </c>
      <c r="EL34" s="169">
        <v>0</v>
      </c>
      <c r="EM34" s="169">
        <v>0</v>
      </c>
      <c r="EN34" s="170">
        <v>0</v>
      </c>
      <c r="EO34" s="171">
        <v>0</v>
      </c>
      <c r="EP34" s="168">
        <v>1</v>
      </c>
      <c r="EQ34" s="169">
        <v>0</v>
      </c>
      <c r="ER34" s="170">
        <v>1</v>
      </c>
      <c r="ES34" s="439">
        <v>0</v>
      </c>
      <c r="ET34" s="169">
        <v>0</v>
      </c>
      <c r="EU34" s="169">
        <v>1</v>
      </c>
      <c r="EV34" s="169">
        <v>0</v>
      </c>
      <c r="EW34" s="169">
        <v>0</v>
      </c>
      <c r="EX34" s="169">
        <v>0</v>
      </c>
      <c r="EY34" s="170">
        <v>1</v>
      </c>
      <c r="EZ34" s="171">
        <v>2</v>
      </c>
      <c r="FA34" s="168">
        <v>0</v>
      </c>
      <c r="FB34" s="169">
        <v>0</v>
      </c>
      <c r="FC34" s="170">
        <v>0</v>
      </c>
      <c r="FD34" s="439">
        <v>0</v>
      </c>
      <c r="FE34" s="169">
        <v>0</v>
      </c>
      <c r="FF34" s="169">
        <v>0</v>
      </c>
      <c r="FG34" s="169">
        <v>0</v>
      </c>
      <c r="FH34" s="169">
        <v>0</v>
      </c>
      <c r="FI34" s="169">
        <v>0</v>
      </c>
      <c r="FJ34" s="170">
        <v>0</v>
      </c>
      <c r="FK34" s="171">
        <v>0</v>
      </c>
      <c r="FL34" s="168">
        <v>0</v>
      </c>
      <c r="FM34" s="169">
        <v>0</v>
      </c>
      <c r="FN34" s="170">
        <v>0</v>
      </c>
      <c r="FO34" s="439">
        <v>0</v>
      </c>
      <c r="FP34" s="169">
        <v>2</v>
      </c>
      <c r="FQ34" s="169">
        <v>0</v>
      </c>
      <c r="FR34" s="169">
        <v>0</v>
      </c>
      <c r="FS34" s="169">
        <v>1</v>
      </c>
      <c r="FT34" s="169">
        <v>1</v>
      </c>
      <c r="FU34" s="170">
        <v>4</v>
      </c>
      <c r="FV34" s="171">
        <v>4</v>
      </c>
      <c r="FW34" s="168">
        <v>0</v>
      </c>
      <c r="FX34" s="169">
        <v>0</v>
      </c>
      <c r="FY34" s="170">
        <v>0</v>
      </c>
      <c r="FZ34" s="439">
        <v>0</v>
      </c>
      <c r="GA34" s="169">
        <v>0</v>
      </c>
      <c r="GB34" s="169">
        <v>0</v>
      </c>
      <c r="GC34" s="169">
        <v>0</v>
      </c>
      <c r="GD34" s="169">
        <v>0</v>
      </c>
      <c r="GE34" s="169">
        <v>0</v>
      </c>
      <c r="GF34" s="170">
        <v>0</v>
      </c>
      <c r="GG34" s="171">
        <v>0</v>
      </c>
      <c r="GH34" s="168">
        <v>1</v>
      </c>
      <c r="GI34" s="169">
        <v>0</v>
      </c>
      <c r="GJ34" s="170">
        <v>1</v>
      </c>
      <c r="GK34" s="439">
        <v>0</v>
      </c>
      <c r="GL34" s="169">
        <v>2</v>
      </c>
      <c r="GM34" s="169">
        <v>1</v>
      </c>
      <c r="GN34" s="169">
        <v>0</v>
      </c>
      <c r="GO34" s="169">
        <v>1</v>
      </c>
      <c r="GP34" s="169">
        <v>1</v>
      </c>
      <c r="GQ34" s="170">
        <v>5</v>
      </c>
      <c r="GR34" s="171">
        <v>6</v>
      </c>
      <c r="GS34" s="172">
        <v>2</v>
      </c>
      <c r="GT34" s="164">
        <v>7</v>
      </c>
      <c r="GU34" s="165">
        <v>9</v>
      </c>
      <c r="GV34" s="439">
        <v>0</v>
      </c>
      <c r="GW34" s="164">
        <v>9</v>
      </c>
      <c r="GX34" s="164">
        <v>4</v>
      </c>
      <c r="GY34" s="164">
        <v>8</v>
      </c>
      <c r="GZ34" s="164">
        <v>5</v>
      </c>
      <c r="HA34" s="164">
        <v>2</v>
      </c>
      <c r="HB34" s="166">
        <v>28</v>
      </c>
      <c r="HC34" s="167">
        <v>37</v>
      </c>
      <c r="HD34" s="168">
        <v>0</v>
      </c>
      <c r="HE34" s="169">
        <v>0</v>
      </c>
      <c r="HF34" s="170">
        <v>0</v>
      </c>
      <c r="HG34" s="439">
        <v>0</v>
      </c>
      <c r="HH34" s="169">
        <v>0</v>
      </c>
      <c r="HI34" s="169">
        <v>0</v>
      </c>
      <c r="HJ34" s="169">
        <v>0</v>
      </c>
      <c r="HK34" s="169">
        <v>1</v>
      </c>
      <c r="HL34" s="169">
        <v>1</v>
      </c>
      <c r="HM34" s="170">
        <v>2</v>
      </c>
      <c r="HN34" s="171">
        <v>2</v>
      </c>
      <c r="HO34" s="168">
        <v>0</v>
      </c>
      <c r="HP34" s="169">
        <v>0</v>
      </c>
      <c r="HQ34" s="170">
        <v>0</v>
      </c>
      <c r="HR34" s="439">
        <v>0</v>
      </c>
      <c r="HS34" s="169">
        <v>0</v>
      </c>
      <c r="HT34" s="169">
        <v>0</v>
      </c>
      <c r="HU34" s="169">
        <v>1</v>
      </c>
      <c r="HV34" s="169">
        <v>0</v>
      </c>
      <c r="HW34" s="169">
        <v>0</v>
      </c>
      <c r="HX34" s="170">
        <v>1</v>
      </c>
      <c r="HY34" s="171">
        <v>1</v>
      </c>
      <c r="HZ34" s="168">
        <v>0</v>
      </c>
      <c r="IA34" s="169">
        <v>1</v>
      </c>
      <c r="IB34" s="170">
        <v>1</v>
      </c>
      <c r="IC34" s="439">
        <v>0</v>
      </c>
      <c r="ID34" s="169">
        <v>0</v>
      </c>
      <c r="IE34" s="169">
        <v>0</v>
      </c>
      <c r="IF34" s="169">
        <v>1</v>
      </c>
      <c r="IG34" s="169">
        <v>0</v>
      </c>
      <c r="IH34" s="169">
        <v>0</v>
      </c>
      <c r="II34" s="170">
        <v>1</v>
      </c>
      <c r="IJ34" s="171">
        <v>2</v>
      </c>
      <c r="IK34" s="168">
        <v>1</v>
      </c>
      <c r="IL34" s="169">
        <v>1</v>
      </c>
      <c r="IM34" s="170">
        <v>2</v>
      </c>
      <c r="IN34" s="439">
        <v>0</v>
      </c>
      <c r="IO34" s="169">
        <v>0</v>
      </c>
      <c r="IP34" s="169">
        <v>1</v>
      </c>
      <c r="IQ34" s="169">
        <v>1</v>
      </c>
      <c r="IR34" s="169">
        <v>1</v>
      </c>
      <c r="IS34" s="169">
        <v>0</v>
      </c>
      <c r="IT34" s="170">
        <v>3</v>
      </c>
      <c r="IU34" s="171">
        <v>5</v>
      </c>
      <c r="IV34" s="168">
        <v>0</v>
      </c>
      <c r="IW34" s="169">
        <v>2</v>
      </c>
      <c r="IX34" s="170">
        <v>2</v>
      </c>
      <c r="IY34" s="439">
        <v>0</v>
      </c>
      <c r="IZ34" s="169">
        <v>4</v>
      </c>
      <c r="JA34" s="169">
        <v>3</v>
      </c>
      <c r="JB34" s="169">
        <v>2</v>
      </c>
      <c r="JC34" s="169">
        <v>1</v>
      </c>
      <c r="JD34" s="169">
        <v>0</v>
      </c>
      <c r="JE34" s="170">
        <v>10</v>
      </c>
      <c r="JF34" s="171">
        <v>12</v>
      </c>
      <c r="JG34" s="168">
        <v>1</v>
      </c>
      <c r="JH34" s="169">
        <v>3</v>
      </c>
      <c r="JI34" s="170">
        <v>4</v>
      </c>
      <c r="JJ34" s="439">
        <v>0</v>
      </c>
      <c r="JK34" s="169">
        <v>5</v>
      </c>
      <c r="JL34" s="169">
        <v>0</v>
      </c>
      <c r="JM34" s="169">
        <v>3</v>
      </c>
      <c r="JN34" s="169">
        <v>2</v>
      </c>
      <c r="JO34" s="169">
        <v>1</v>
      </c>
      <c r="JP34" s="170">
        <v>11</v>
      </c>
      <c r="JQ34" s="171">
        <v>15</v>
      </c>
      <c r="JR34" s="168">
        <v>0</v>
      </c>
      <c r="JS34" s="169">
        <v>0</v>
      </c>
      <c r="JT34" s="170">
        <v>0</v>
      </c>
      <c r="JU34" s="439">
        <v>0</v>
      </c>
      <c r="JV34" s="169">
        <v>0</v>
      </c>
      <c r="JW34" s="169">
        <v>0</v>
      </c>
      <c r="JX34" s="169">
        <v>0</v>
      </c>
      <c r="JY34" s="169">
        <v>0</v>
      </c>
      <c r="JZ34" s="169">
        <v>0</v>
      </c>
      <c r="KA34" s="170">
        <v>0</v>
      </c>
      <c r="KB34" s="171">
        <v>0</v>
      </c>
      <c r="KC34" s="168">
        <v>2</v>
      </c>
      <c r="KD34" s="169">
        <v>7</v>
      </c>
      <c r="KE34" s="170">
        <v>9</v>
      </c>
      <c r="KF34" s="439">
        <v>0</v>
      </c>
      <c r="KG34" s="169">
        <v>9</v>
      </c>
      <c r="KH34" s="169">
        <v>4</v>
      </c>
      <c r="KI34" s="169">
        <v>8</v>
      </c>
      <c r="KJ34" s="169">
        <v>5</v>
      </c>
      <c r="KK34" s="169">
        <v>2</v>
      </c>
      <c r="KL34" s="170">
        <v>28</v>
      </c>
      <c r="KM34" s="171">
        <v>37</v>
      </c>
    </row>
    <row r="35" spans="2:299" s="137" customFormat="1" ht="21" customHeight="1" x14ac:dyDescent="0.2">
      <c r="B35" s="173" t="s">
        <v>32</v>
      </c>
      <c r="C35" s="163">
        <v>4</v>
      </c>
      <c r="D35" s="164">
        <v>5</v>
      </c>
      <c r="E35" s="165">
        <v>9</v>
      </c>
      <c r="F35" s="439">
        <v>0</v>
      </c>
      <c r="G35" s="164">
        <v>13</v>
      </c>
      <c r="H35" s="164">
        <v>12</v>
      </c>
      <c r="I35" s="164">
        <v>3</v>
      </c>
      <c r="J35" s="164">
        <v>5</v>
      </c>
      <c r="K35" s="164">
        <v>2</v>
      </c>
      <c r="L35" s="166">
        <v>35</v>
      </c>
      <c r="M35" s="167">
        <v>44</v>
      </c>
      <c r="N35" s="168">
        <v>1</v>
      </c>
      <c r="O35" s="169">
        <v>0</v>
      </c>
      <c r="P35" s="170">
        <v>1</v>
      </c>
      <c r="Q35" s="439">
        <v>0</v>
      </c>
      <c r="R35" s="169">
        <v>0</v>
      </c>
      <c r="S35" s="169">
        <v>0</v>
      </c>
      <c r="T35" s="169">
        <v>0</v>
      </c>
      <c r="U35" s="169">
        <v>0</v>
      </c>
      <c r="V35" s="169">
        <v>0</v>
      </c>
      <c r="W35" s="170">
        <v>0</v>
      </c>
      <c r="X35" s="171">
        <v>1</v>
      </c>
      <c r="Y35" s="168">
        <v>0</v>
      </c>
      <c r="Z35" s="169">
        <v>0</v>
      </c>
      <c r="AA35" s="170">
        <v>0</v>
      </c>
      <c r="AB35" s="439">
        <v>0</v>
      </c>
      <c r="AC35" s="169">
        <v>0</v>
      </c>
      <c r="AD35" s="169">
        <v>0</v>
      </c>
      <c r="AE35" s="169">
        <v>0</v>
      </c>
      <c r="AF35" s="169">
        <v>0</v>
      </c>
      <c r="AG35" s="169">
        <v>0</v>
      </c>
      <c r="AH35" s="170">
        <v>0</v>
      </c>
      <c r="AI35" s="171">
        <v>0</v>
      </c>
      <c r="AJ35" s="168">
        <v>0</v>
      </c>
      <c r="AK35" s="169">
        <v>0</v>
      </c>
      <c r="AL35" s="170">
        <v>0</v>
      </c>
      <c r="AM35" s="439">
        <v>0</v>
      </c>
      <c r="AN35" s="169">
        <v>1</v>
      </c>
      <c r="AO35" s="169">
        <v>1</v>
      </c>
      <c r="AP35" s="169">
        <v>0</v>
      </c>
      <c r="AQ35" s="169">
        <v>0</v>
      </c>
      <c r="AR35" s="169">
        <v>0</v>
      </c>
      <c r="AS35" s="170">
        <v>2</v>
      </c>
      <c r="AT35" s="171">
        <v>2</v>
      </c>
      <c r="AU35" s="168">
        <v>2</v>
      </c>
      <c r="AV35" s="169">
        <v>1</v>
      </c>
      <c r="AW35" s="170">
        <v>3</v>
      </c>
      <c r="AX35" s="439">
        <v>0</v>
      </c>
      <c r="AY35" s="169">
        <v>1</v>
      </c>
      <c r="AZ35" s="169">
        <v>2</v>
      </c>
      <c r="BA35" s="169">
        <v>2</v>
      </c>
      <c r="BB35" s="169">
        <v>1</v>
      </c>
      <c r="BC35" s="169">
        <v>1</v>
      </c>
      <c r="BD35" s="170">
        <v>7</v>
      </c>
      <c r="BE35" s="171">
        <v>10</v>
      </c>
      <c r="BF35" s="168">
        <v>0</v>
      </c>
      <c r="BG35" s="169">
        <v>1</v>
      </c>
      <c r="BH35" s="170">
        <v>1</v>
      </c>
      <c r="BI35" s="439">
        <v>0</v>
      </c>
      <c r="BJ35" s="169">
        <v>9</v>
      </c>
      <c r="BK35" s="169">
        <v>3</v>
      </c>
      <c r="BL35" s="169">
        <v>1</v>
      </c>
      <c r="BM35" s="169">
        <v>4</v>
      </c>
      <c r="BN35" s="169">
        <v>1</v>
      </c>
      <c r="BO35" s="170">
        <v>18</v>
      </c>
      <c r="BP35" s="171">
        <v>19</v>
      </c>
      <c r="BQ35" s="168">
        <v>1</v>
      </c>
      <c r="BR35" s="169">
        <v>3</v>
      </c>
      <c r="BS35" s="170">
        <v>4</v>
      </c>
      <c r="BT35" s="439">
        <v>0</v>
      </c>
      <c r="BU35" s="169">
        <v>2</v>
      </c>
      <c r="BV35" s="169">
        <v>6</v>
      </c>
      <c r="BW35" s="169">
        <v>0</v>
      </c>
      <c r="BX35" s="169">
        <v>0</v>
      </c>
      <c r="BY35" s="169">
        <v>0</v>
      </c>
      <c r="BZ35" s="170">
        <v>8</v>
      </c>
      <c r="CA35" s="171">
        <v>12</v>
      </c>
      <c r="CB35" s="168">
        <v>0</v>
      </c>
      <c r="CC35" s="169">
        <v>0</v>
      </c>
      <c r="CD35" s="170">
        <v>0</v>
      </c>
      <c r="CE35" s="439">
        <v>0</v>
      </c>
      <c r="CF35" s="169">
        <v>0</v>
      </c>
      <c r="CG35" s="169">
        <v>0</v>
      </c>
      <c r="CH35" s="169">
        <v>0</v>
      </c>
      <c r="CI35" s="169">
        <v>0</v>
      </c>
      <c r="CJ35" s="169">
        <v>0</v>
      </c>
      <c r="CK35" s="170">
        <v>0</v>
      </c>
      <c r="CL35" s="171">
        <v>0</v>
      </c>
      <c r="CM35" s="168">
        <v>4</v>
      </c>
      <c r="CN35" s="169">
        <v>5</v>
      </c>
      <c r="CO35" s="170">
        <v>9</v>
      </c>
      <c r="CP35" s="439">
        <v>0</v>
      </c>
      <c r="CQ35" s="169">
        <v>13</v>
      </c>
      <c r="CR35" s="169">
        <v>12</v>
      </c>
      <c r="CS35" s="169">
        <v>3</v>
      </c>
      <c r="CT35" s="169">
        <v>5</v>
      </c>
      <c r="CU35" s="169">
        <v>2</v>
      </c>
      <c r="CV35" s="170">
        <v>35</v>
      </c>
      <c r="CW35" s="171">
        <v>44</v>
      </c>
      <c r="CX35" s="172">
        <v>1</v>
      </c>
      <c r="CY35" s="164">
        <v>0</v>
      </c>
      <c r="CZ35" s="165">
        <v>1</v>
      </c>
      <c r="DA35" s="439">
        <v>0</v>
      </c>
      <c r="DB35" s="164">
        <v>1</v>
      </c>
      <c r="DC35" s="164">
        <v>3</v>
      </c>
      <c r="DD35" s="164">
        <v>1</v>
      </c>
      <c r="DE35" s="164">
        <v>3</v>
      </c>
      <c r="DF35" s="164">
        <v>2</v>
      </c>
      <c r="DG35" s="166">
        <v>10</v>
      </c>
      <c r="DH35" s="167">
        <v>11</v>
      </c>
      <c r="DI35" s="168">
        <v>0</v>
      </c>
      <c r="DJ35" s="169">
        <v>0</v>
      </c>
      <c r="DK35" s="170">
        <v>0</v>
      </c>
      <c r="DL35" s="439">
        <v>0</v>
      </c>
      <c r="DM35" s="169">
        <v>1</v>
      </c>
      <c r="DN35" s="169">
        <v>0</v>
      </c>
      <c r="DO35" s="169">
        <v>0</v>
      </c>
      <c r="DP35" s="169">
        <v>0</v>
      </c>
      <c r="DQ35" s="169">
        <v>0</v>
      </c>
      <c r="DR35" s="170">
        <v>1</v>
      </c>
      <c r="DS35" s="171">
        <v>1</v>
      </c>
      <c r="DT35" s="168">
        <v>0</v>
      </c>
      <c r="DU35" s="169">
        <v>0</v>
      </c>
      <c r="DV35" s="170">
        <v>0</v>
      </c>
      <c r="DW35" s="439">
        <v>0</v>
      </c>
      <c r="DX35" s="169">
        <v>0</v>
      </c>
      <c r="DY35" s="169">
        <v>0</v>
      </c>
      <c r="DZ35" s="169">
        <v>0</v>
      </c>
      <c r="EA35" s="169">
        <v>0</v>
      </c>
      <c r="EB35" s="169">
        <v>0</v>
      </c>
      <c r="EC35" s="170">
        <v>0</v>
      </c>
      <c r="ED35" s="171">
        <v>0</v>
      </c>
      <c r="EE35" s="168">
        <v>1</v>
      </c>
      <c r="EF35" s="169">
        <v>0</v>
      </c>
      <c r="EG35" s="170">
        <v>1</v>
      </c>
      <c r="EH35" s="439">
        <v>0</v>
      </c>
      <c r="EI35" s="169">
        <v>0</v>
      </c>
      <c r="EJ35" s="169">
        <v>0</v>
      </c>
      <c r="EK35" s="169">
        <v>0</v>
      </c>
      <c r="EL35" s="169">
        <v>0</v>
      </c>
      <c r="EM35" s="169">
        <v>0</v>
      </c>
      <c r="EN35" s="170">
        <v>0</v>
      </c>
      <c r="EO35" s="171">
        <v>1</v>
      </c>
      <c r="EP35" s="168">
        <v>0</v>
      </c>
      <c r="EQ35" s="169">
        <v>0</v>
      </c>
      <c r="ER35" s="170">
        <v>0</v>
      </c>
      <c r="ES35" s="439">
        <v>0</v>
      </c>
      <c r="ET35" s="169">
        <v>0</v>
      </c>
      <c r="EU35" s="169">
        <v>1</v>
      </c>
      <c r="EV35" s="169">
        <v>0</v>
      </c>
      <c r="EW35" s="169">
        <v>0</v>
      </c>
      <c r="EX35" s="169">
        <v>0</v>
      </c>
      <c r="EY35" s="170">
        <v>1</v>
      </c>
      <c r="EZ35" s="171">
        <v>1</v>
      </c>
      <c r="FA35" s="168">
        <v>0</v>
      </c>
      <c r="FB35" s="169">
        <v>0</v>
      </c>
      <c r="FC35" s="170">
        <v>0</v>
      </c>
      <c r="FD35" s="439">
        <v>0</v>
      </c>
      <c r="FE35" s="169">
        <v>0</v>
      </c>
      <c r="FF35" s="169">
        <v>1</v>
      </c>
      <c r="FG35" s="169">
        <v>1</v>
      </c>
      <c r="FH35" s="169">
        <v>1</v>
      </c>
      <c r="FI35" s="169">
        <v>1</v>
      </c>
      <c r="FJ35" s="170">
        <v>4</v>
      </c>
      <c r="FK35" s="171">
        <v>4</v>
      </c>
      <c r="FL35" s="168">
        <v>0</v>
      </c>
      <c r="FM35" s="169">
        <v>0</v>
      </c>
      <c r="FN35" s="170">
        <v>0</v>
      </c>
      <c r="FO35" s="439">
        <v>0</v>
      </c>
      <c r="FP35" s="169">
        <v>0</v>
      </c>
      <c r="FQ35" s="169">
        <v>1</v>
      </c>
      <c r="FR35" s="169">
        <v>0</v>
      </c>
      <c r="FS35" s="169">
        <v>2</v>
      </c>
      <c r="FT35" s="169">
        <v>1</v>
      </c>
      <c r="FU35" s="170">
        <v>4</v>
      </c>
      <c r="FV35" s="171">
        <v>4</v>
      </c>
      <c r="FW35" s="168">
        <v>0</v>
      </c>
      <c r="FX35" s="169">
        <v>0</v>
      </c>
      <c r="FY35" s="170">
        <v>0</v>
      </c>
      <c r="FZ35" s="439">
        <v>0</v>
      </c>
      <c r="GA35" s="169">
        <v>0</v>
      </c>
      <c r="GB35" s="169">
        <v>0</v>
      </c>
      <c r="GC35" s="169">
        <v>0</v>
      </c>
      <c r="GD35" s="169">
        <v>0</v>
      </c>
      <c r="GE35" s="169">
        <v>0</v>
      </c>
      <c r="GF35" s="170">
        <v>0</v>
      </c>
      <c r="GG35" s="171">
        <v>0</v>
      </c>
      <c r="GH35" s="168">
        <v>1</v>
      </c>
      <c r="GI35" s="169">
        <v>0</v>
      </c>
      <c r="GJ35" s="170">
        <v>1</v>
      </c>
      <c r="GK35" s="439">
        <v>0</v>
      </c>
      <c r="GL35" s="169">
        <v>1</v>
      </c>
      <c r="GM35" s="169">
        <v>3</v>
      </c>
      <c r="GN35" s="169">
        <v>1</v>
      </c>
      <c r="GO35" s="169">
        <v>3</v>
      </c>
      <c r="GP35" s="169">
        <v>2</v>
      </c>
      <c r="GQ35" s="170">
        <v>10</v>
      </c>
      <c r="GR35" s="171">
        <v>11</v>
      </c>
      <c r="GS35" s="172">
        <v>5</v>
      </c>
      <c r="GT35" s="164">
        <v>5</v>
      </c>
      <c r="GU35" s="165">
        <v>10</v>
      </c>
      <c r="GV35" s="439">
        <v>0</v>
      </c>
      <c r="GW35" s="164">
        <v>14</v>
      </c>
      <c r="GX35" s="164">
        <v>15</v>
      </c>
      <c r="GY35" s="164">
        <v>4</v>
      </c>
      <c r="GZ35" s="164">
        <v>8</v>
      </c>
      <c r="HA35" s="164">
        <v>4</v>
      </c>
      <c r="HB35" s="166">
        <v>45</v>
      </c>
      <c r="HC35" s="167">
        <v>55</v>
      </c>
      <c r="HD35" s="168">
        <v>1</v>
      </c>
      <c r="HE35" s="169">
        <v>0</v>
      </c>
      <c r="HF35" s="170">
        <v>1</v>
      </c>
      <c r="HG35" s="439">
        <v>0</v>
      </c>
      <c r="HH35" s="169">
        <v>1</v>
      </c>
      <c r="HI35" s="169">
        <v>0</v>
      </c>
      <c r="HJ35" s="169">
        <v>0</v>
      </c>
      <c r="HK35" s="169">
        <v>0</v>
      </c>
      <c r="HL35" s="169">
        <v>0</v>
      </c>
      <c r="HM35" s="170">
        <v>1</v>
      </c>
      <c r="HN35" s="171">
        <v>2</v>
      </c>
      <c r="HO35" s="168">
        <v>0</v>
      </c>
      <c r="HP35" s="169">
        <v>0</v>
      </c>
      <c r="HQ35" s="170">
        <v>0</v>
      </c>
      <c r="HR35" s="439">
        <v>0</v>
      </c>
      <c r="HS35" s="169">
        <v>0</v>
      </c>
      <c r="HT35" s="169">
        <v>0</v>
      </c>
      <c r="HU35" s="169">
        <v>0</v>
      </c>
      <c r="HV35" s="169">
        <v>0</v>
      </c>
      <c r="HW35" s="169">
        <v>0</v>
      </c>
      <c r="HX35" s="170">
        <v>0</v>
      </c>
      <c r="HY35" s="171">
        <v>0</v>
      </c>
      <c r="HZ35" s="168">
        <v>1</v>
      </c>
      <c r="IA35" s="169">
        <v>0</v>
      </c>
      <c r="IB35" s="170">
        <v>1</v>
      </c>
      <c r="IC35" s="439">
        <v>0</v>
      </c>
      <c r="ID35" s="169">
        <v>1</v>
      </c>
      <c r="IE35" s="169">
        <v>1</v>
      </c>
      <c r="IF35" s="169">
        <v>0</v>
      </c>
      <c r="IG35" s="169">
        <v>0</v>
      </c>
      <c r="IH35" s="169">
        <v>0</v>
      </c>
      <c r="II35" s="170">
        <v>2</v>
      </c>
      <c r="IJ35" s="171">
        <v>3</v>
      </c>
      <c r="IK35" s="168">
        <v>2</v>
      </c>
      <c r="IL35" s="169">
        <v>1</v>
      </c>
      <c r="IM35" s="170">
        <v>3</v>
      </c>
      <c r="IN35" s="439">
        <v>0</v>
      </c>
      <c r="IO35" s="169">
        <v>1</v>
      </c>
      <c r="IP35" s="169">
        <v>3</v>
      </c>
      <c r="IQ35" s="169">
        <v>2</v>
      </c>
      <c r="IR35" s="169">
        <v>1</v>
      </c>
      <c r="IS35" s="169">
        <v>1</v>
      </c>
      <c r="IT35" s="170">
        <v>8</v>
      </c>
      <c r="IU35" s="171">
        <v>11</v>
      </c>
      <c r="IV35" s="168">
        <v>0</v>
      </c>
      <c r="IW35" s="169">
        <v>1</v>
      </c>
      <c r="IX35" s="170">
        <v>1</v>
      </c>
      <c r="IY35" s="439">
        <v>0</v>
      </c>
      <c r="IZ35" s="169">
        <v>9</v>
      </c>
      <c r="JA35" s="169">
        <v>4</v>
      </c>
      <c r="JB35" s="169">
        <v>2</v>
      </c>
      <c r="JC35" s="169">
        <v>5</v>
      </c>
      <c r="JD35" s="169">
        <v>2</v>
      </c>
      <c r="JE35" s="170">
        <v>22</v>
      </c>
      <c r="JF35" s="171">
        <v>23</v>
      </c>
      <c r="JG35" s="168">
        <v>1</v>
      </c>
      <c r="JH35" s="169">
        <v>3</v>
      </c>
      <c r="JI35" s="170">
        <v>4</v>
      </c>
      <c r="JJ35" s="439">
        <v>0</v>
      </c>
      <c r="JK35" s="169">
        <v>2</v>
      </c>
      <c r="JL35" s="169">
        <v>7</v>
      </c>
      <c r="JM35" s="169">
        <v>0</v>
      </c>
      <c r="JN35" s="169">
        <v>2</v>
      </c>
      <c r="JO35" s="169">
        <v>1</v>
      </c>
      <c r="JP35" s="170">
        <v>12</v>
      </c>
      <c r="JQ35" s="171">
        <v>16</v>
      </c>
      <c r="JR35" s="168">
        <v>0</v>
      </c>
      <c r="JS35" s="169">
        <v>0</v>
      </c>
      <c r="JT35" s="170">
        <v>0</v>
      </c>
      <c r="JU35" s="439">
        <v>0</v>
      </c>
      <c r="JV35" s="169">
        <v>0</v>
      </c>
      <c r="JW35" s="169">
        <v>0</v>
      </c>
      <c r="JX35" s="169">
        <v>0</v>
      </c>
      <c r="JY35" s="169">
        <v>0</v>
      </c>
      <c r="JZ35" s="169">
        <v>0</v>
      </c>
      <c r="KA35" s="170">
        <v>0</v>
      </c>
      <c r="KB35" s="171">
        <v>0</v>
      </c>
      <c r="KC35" s="168">
        <v>5</v>
      </c>
      <c r="KD35" s="169">
        <v>5</v>
      </c>
      <c r="KE35" s="170">
        <v>10</v>
      </c>
      <c r="KF35" s="439">
        <v>0</v>
      </c>
      <c r="KG35" s="169">
        <v>14</v>
      </c>
      <c r="KH35" s="169">
        <v>15</v>
      </c>
      <c r="KI35" s="169">
        <v>4</v>
      </c>
      <c r="KJ35" s="169">
        <v>8</v>
      </c>
      <c r="KK35" s="169">
        <v>4</v>
      </c>
      <c r="KL35" s="170">
        <v>45</v>
      </c>
      <c r="KM35" s="171">
        <v>55</v>
      </c>
    </row>
    <row r="36" spans="2:299" s="137" customFormat="1" ht="21" customHeight="1" x14ac:dyDescent="0.2">
      <c r="B36" s="173" t="s">
        <v>33</v>
      </c>
      <c r="C36" s="163">
        <v>4</v>
      </c>
      <c r="D36" s="164">
        <v>3</v>
      </c>
      <c r="E36" s="165">
        <v>7</v>
      </c>
      <c r="F36" s="439">
        <v>0</v>
      </c>
      <c r="G36" s="164">
        <v>5</v>
      </c>
      <c r="H36" s="164">
        <v>2</v>
      </c>
      <c r="I36" s="164">
        <v>4</v>
      </c>
      <c r="J36" s="164">
        <v>0</v>
      </c>
      <c r="K36" s="164">
        <v>3</v>
      </c>
      <c r="L36" s="166">
        <v>14</v>
      </c>
      <c r="M36" s="167">
        <v>21</v>
      </c>
      <c r="N36" s="168">
        <v>0</v>
      </c>
      <c r="O36" s="169">
        <v>0</v>
      </c>
      <c r="P36" s="170">
        <v>0</v>
      </c>
      <c r="Q36" s="439">
        <v>0</v>
      </c>
      <c r="R36" s="169">
        <v>0</v>
      </c>
      <c r="S36" s="169">
        <v>0</v>
      </c>
      <c r="T36" s="169">
        <v>0</v>
      </c>
      <c r="U36" s="169">
        <v>0</v>
      </c>
      <c r="V36" s="169">
        <v>0</v>
      </c>
      <c r="W36" s="170">
        <v>0</v>
      </c>
      <c r="X36" s="171">
        <v>0</v>
      </c>
      <c r="Y36" s="168">
        <v>0</v>
      </c>
      <c r="Z36" s="169">
        <v>0</v>
      </c>
      <c r="AA36" s="170">
        <v>0</v>
      </c>
      <c r="AB36" s="439">
        <v>0</v>
      </c>
      <c r="AC36" s="169">
        <v>0</v>
      </c>
      <c r="AD36" s="169">
        <v>0</v>
      </c>
      <c r="AE36" s="169">
        <v>0</v>
      </c>
      <c r="AF36" s="169">
        <v>0</v>
      </c>
      <c r="AG36" s="169">
        <v>0</v>
      </c>
      <c r="AH36" s="170">
        <v>0</v>
      </c>
      <c r="AI36" s="171">
        <v>0</v>
      </c>
      <c r="AJ36" s="168">
        <v>2</v>
      </c>
      <c r="AK36" s="169">
        <v>0</v>
      </c>
      <c r="AL36" s="170">
        <v>2</v>
      </c>
      <c r="AM36" s="439">
        <v>0</v>
      </c>
      <c r="AN36" s="169">
        <v>0</v>
      </c>
      <c r="AO36" s="169">
        <v>0</v>
      </c>
      <c r="AP36" s="169">
        <v>0</v>
      </c>
      <c r="AQ36" s="169">
        <v>0</v>
      </c>
      <c r="AR36" s="169">
        <v>0</v>
      </c>
      <c r="AS36" s="170">
        <v>0</v>
      </c>
      <c r="AT36" s="171">
        <v>2</v>
      </c>
      <c r="AU36" s="168">
        <v>1</v>
      </c>
      <c r="AV36" s="169">
        <v>0</v>
      </c>
      <c r="AW36" s="170">
        <v>1</v>
      </c>
      <c r="AX36" s="439">
        <v>0</v>
      </c>
      <c r="AY36" s="169">
        <v>0</v>
      </c>
      <c r="AZ36" s="169">
        <v>1</v>
      </c>
      <c r="BA36" s="169">
        <v>2</v>
      </c>
      <c r="BB36" s="169">
        <v>0</v>
      </c>
      <c r="BC36" s="169">
        <v>1</v>
      </c>
      <c r="BD36" s="170">
        <v>4</v>
      </c>
      <c r="BE36" s="171">
        <v>5</v>
      </c>
      <c r="BF36" s="168">
        <v>0</v>
      </c>
      <c r="BG36" s="169">
        <v>2</v>
      </c>
      <c r="BH36" s="170">
        <v>2</v>
      </c>
      <c r="BI36" s="439">
        <v>0</v>
      </c>
      <c r="BJ36" s="169">
        <v>3</v>
      </c>
      <c r="BK36" s="169">
        <v>0</v>
      </c>
      <c r="BL36" s="169">
        <v>1</v>
      </c>
      <c r="BM36" s="169">
        <v>0</v>
      </c>
      <c r="BN36" s="169">
        <v>0</v>
      </c>
      <c r="BO36" s="170">
        <v>4</v>
      </c>
      <c r="BP36" s="171">
        <v>6</v>
      </c>
      <c r="BQ36" s="168">
        <v>1</v>
      </c>
      <c r="BR36" s="169">
        <v>1</v>
      </c>
      <c r="BS36" s="170">
        <v>2</v>
      </c>
      <c r="BT36" s="439">
        <v>0</v>
      </c>
      <c r="BU36" s="169">
        <v>2</v>
      </c>
      <c r="BV36" s="169">
        <v>1</v>
      </c>
      <c r="BW36" s="169">
        <v>1</v>
      </c>
      <c r="BX36" s="169">
        <v>0</v>
      </c>
      <c r="BY36" s="169">
        <v>2</v>
      </c>
      <c r="BZ36" s="170">
        <v>6</v>
      </c>
      <c r="CA36" s="171">
        <v>8</v>
      </c>
      <c r="CB36" s="168">
        <v>0</v>
      </c>
      <c r="CC36" s="169">
        <v>0</v>
      </c>
      <c r="CD36" s="170">
        <v>0</v>
      </c>
      <c r="CE36" s="439">
        <v>0</v>
      </c>
      <c r="CF36" s="169">
        <v>0</v>
      </c>
      <c r="CG36" s="169">
        <v>0</v>
      </c>
      <c r="CH36" s="169">
        <v>0</v>
      </c>
      <c r="CI36" s="169">
        <v>0</v>
      </c>
      <c r="CJ36" s="169">
        <v>0</v>
      </c>
      <c r="CK36" s="170">
        <v>0</v>
      </c>
      <c r="CL36" s="171">
        <v>0</v>
      </c>
      <c r="CM36" s="168">
        <v>4</v>
      </c>
      <c r="CN36" s="169">
        <v>3</v>
      </c>
      <c r="CO36" s="170">
        <v>7</v>
      </c>
      <c r="CP36" s="439">
        <v>0</v>
      </c>
      <c r="CQ36" s="169">
        <v>5</v>
      </c>
      <c r="CR36" s="169">
        <v>2</v>
      </c>
      <c r="CS36" s="169">
        <v>4</v>
      </c>
      <c r="CT36" s="169">
        <v>0</v>
      </c>
      <c r="CU36" s="169">
        <v>3</v>
      </c>
      <c r="CV36" s="170">
        <v>14</v>
      </c>
      <c r="CW36" s="171">
        <v>21</v>
      </c>
      <c r="CX36" s="172">
        <v>0</v>
      </c>
      <c r="CY36" s="164">
        <v>2</v>
      </c>
      <c r="CZ36" s="165">
        <v>2</v>
      </c>
      <c r="DA36" s="439">
        <v>0</v>
      </c>
      <c r="DB36" s="164">
        <v>1</v>
      </c>
      <c r="DC36" s="164">
        <v>2</v>
      </c>
      <c r="DD36" s="164">
        <v>0</v>
      </c>
      <c r="DE36" s="164">
        <v>0</v>
      </c>
      <c r="DF36" s="164">
        <v>0</v>
      </c>
      <c r="DG36" s="166">
        <v>3</v>
      </c>
      <c r="DH36" s="167">
        <v>5</v>
      </c>
      <c r="DI36" s="168">
        <v>0</v>
      </c>
      <c r="DJ36" s="169">
        <v>0</v>
      </c>
      <c r="DK36" s="170">
        <v>0</v>
      </c>
      <c r="DL36" s="439">
        <v>0</v>
      </c>
      <c r="DM36" s="169">
        <v>0</v>
      </c>
      <c r="DN36" s="169">
        <v>0</v>
      </c>
      <c r="DO36" s="169">
        <v>0</v>
      </c>
      <c r="DP36" s="169">
        <v>0</v>
      </c>
      <c r="DQ36" s="169">
        <v>0</v>
      </c>
      <c r="DR36" s="170">
        <v>0</v>
      </c>
      <c r="DS36" s="171">
        <v>0</v>
      </c>
      <c r="DT36" s="168">
        <v>0</v>
      </c>
      <c r="DU36" s="169">
        <v>1</v>
      </c>
      <c r="DV36" s="170">
        <v>1</v>
      </c>
      <c r="DW36" s="439">
        <v>0</v>
      </c>
      <c r="DX36" s="169">
        <v>0</v>
      </c>
      <c r="DY36" s="169">
        <v>0</v>
      </c>
      <c r="DZ36" s="169">
        <v>0</v>
      </c>
      <c r="EA36" s="169">
        <v>0</v>
      </c>
      <c r="EB36" s="169">
        <v>0</v>
      </c>
      <c r="EC36" s="170">
        <v>0</v>
      </c>
      <c r="ED36" s="171">
        <v>1</v>
      </c>
      <c r="EE36" s="168">
        <v>0</v>
      </c>
      <c r="EF36" s="169">
        <v>0</v>
      </c>
      <c r="EG36" s="170">
        <v>0</v>
      </c>
      <c r="EH36" s="439">
        <v>0</v>
      </c>
      <c r="EI36" s="169">
        <v>0</v>
      </c>
      <c r="EJ36" s="169">
        <v>0</v>
      </c>
      <c r="EK36" s="169">
        <v>0</v>
      </c>
      <c r="EL36" s="169">
        <v>0</v>
      </c>
      <c r="EM36" s="169">
        <v>0</v>
      </c>
      <c r="EN36" s="170">
        <v>0</v>
      </c>
      <c r="EO36" s="171">
        <v>0</v>
      </c>
      <c r="EP36" s="168">
        <v>0</v>
      </c>
      <c r="EQ36" s="169">
        <v>0</v>
      </c>
      <c r="ER36" s="170">
        <v>0</v>
      </c>
      <c r="ES36" s="439">
        <v>0</v>
      </c>
      <c r="ET36" s="169">
        <v>0</v>
      </c>
      <c r="EU36" s="169">
        <v>0</v>
      </c>
      <c r="EV36" s="169">
        <v>0</v>
      </c>
      <c r="EW36" s="169">
        <v>0</v>
      </c>
      <c r="EX36" s="169">
        <v>0</v>
      </c>
      <c r="EY36" s="170">
        <v>0</v>
      </c>
      <c r="EZ36" s="171">
        <v>0</v>
      </c>
      <c r="FA36" s="168">
        <v>0</v>
      </c>
      <c r="FB36" s="169">
        <v>0</v>
      </c>
      <c r="FC36" s="170">
        <v>0</v>
      </c>
      <c r="FD36" s="439">
        <v>0</v>
      </c>
      <c r="FE36" s="169">
        <v>1</v>
      </c>
      <c r="FF36" s="169">
        <v>0</v>
      </c>
      <c r="FG36" s="169">
        <v>0</v>
      </c>
      <c r="FH36" s="169">
        <v>0</v>
      </c>
      <c r="FI36" s="169">
        <v>0</v>
      </c>
      <c r="FJ36" s="170">
        <v>1</v>
      </c>
      <c r="FK36" s="171">
        <v>1</v>
      </c>
      <c r="FL36" s="168">
        <v>0</v>
      </c>
      <c r="FM36" s="169">
        <v>1</v>
      </c>
      <c r="FN36" s="170">
        <v>1</v>
      </c>
      <c r="FO36" s="439">
        <v>0</v>
      </c>
      <c r="FP36" s="169">
        <v>0</v>
      </c>
      <c r="FQ36" s="169">
        <v>2</v>
      </c>
      <c r="FR36" s="169">
        <v>0</v>
      </c>
      <c r="FS36" s="169">
        <v>0</v>
      </c>
      <c r="FT36" s="169">
        <v>0</v>
      </c>
      <c r="FU36" s="170">
        <v>2</v>
      </c>
      <c r="FV36" s="171">
        <v>3</v>
      </c>
      <c r="FW36" s="168">
        <v>0</v>
      </c>
      <c r="FX36" s="169">
        <v>0</v>
      </c>
      <c r="FY36" s="170">
        <v>0</v>
      </c>
      <c r="FZ36" s="439">
        <v>0</v>
      </c>
      <c r="GA36" s="169">
        <v>0</v>
      </c>
      <c r="GB36" s="169">
        <v>0</v>
      </c>
      <c r="GC36" s="169">
        <v>0</v>
      </c>
      <c r="GD36" s="169">
        <v>0</v>
      </c>
      <c r="GE36" s="169">
        <v>0</v>
      </c>
      <c r="GF36" s="170">
        <v>0</v>
      </c>
      <c r="GG36" s="171">
        <v>0</v>
      </c>
      <c r="GH36" s="168">
        <v>0</v>
      </c>
      <c r="GI36" s="169">
        <v>2</v>
      </c>
      <c r="GJ36" s="170">
        <v>2</v>
      </c>
      <c r="GK36" s="439">
        <v>0</v>
      </c>
      <c r="GL36" s="169">
        <v>1</v>
      </c>
      <c r="GM36" s="169">
        <v>2</v>
      </c>
      <c r="GN36" s="169">
        <v>0</v>
      </c>
      <c r="GO36" s="169">
        <v>0</v>
      </c>
      <c r="GP36" s="169">
        <v>0</v>
      </c>
      <c r="GQ36" s="170">
        <v>3</v>
      </c>
      <c r="GR36" s="171">
        <v>5</v>
      </c>
      <c r="GS36" s="172">
        <v>4</v>
      </c>
      <c r="GT36" s="164">
        <v>5</v>
      </c>
      <c r="GU36" s="165">
        <v>9</v>
      </c>
      <c r="GV36" s="439">
        <v>0</v>
      </c>
      <c r="GW36" s="164">
        <v>6</v>
      </c>
      <c r="GX36" s="164">
        <v>4</v>
      </c>
      <c r="GY36" s="164">
        <v>4</v>
      </c>
      <c r="GZ36" s="164">
        <v>0</v>
      </c>
      <c r="HA36" s="164">
        <v>3</v>
      </c>
      <c r="HB36" s="166">
        <v>17</v>
      </c>
      <c r="HC36" s="167">
        <v>26</v>
      </c>
      <c r="HD36" s="168">
        <v>0</v>
      </c>
      <c r="HE36" s="169">
        <v>0</v>
      </c>
      <c r="HF36" s="170">
        <v>0</v>
      </c>
      <c r="HG36" s="439">
        <v>0</v>
      </c>
      <c r="HH36" s="169">
        <v>0</v>
      </c>
      <c r="HI36" s="169">
        <v>0</v>
      </c>
      <c r="HJ36" s="169">
        <v>0</v>
      </c>
      <c r="HK36" s="169">
        <v>0</v>
      </c>
      <c r="HL36" s="169">
        <v>0</v>
      </c>
      <c r="HM36" s="170">
        <v>0</v>
      </c>
      <c r="HN36" s="171">
        <v>0</v>
      </c>
      <c r="HO36" s="168">
        <v>0</v>
      </c>
      <c r="HP36" s="169">
        <v>1</v>
      </c>
      <c r="HQ36" s="170">
        <v>1</v>
      </c>
      <c r="HR36" s="439">
        <v>0</v>
      </c>
      <c r="HS36" s="169">
        <v>0</v>
      </c>
      <c r="HT36" s="169">
        <v>0</v>
      </c>
      <c r="HU36" s="169">
        <v>0</v>
      </c>
      <c r="HV36" s="169">
        <v>0</v>
      </c>
      <c r="HW36" s="169">
        <v>0</v>
      </c>
      <c r="HX36" s="170">
        <v>0</v>
      </c>
      <c r="HY36" s="171">
        <v>1</v>
      </c>
      <c r="HZ36" s="168">
        <v>2</v>
      </c>
      <c r="IA36" s="169">
        <v>0</v>
      </c>
      <c r="IB36" s="170">
        <v>2</v>
      </c>
      <c r="IC36" s="439">
        <v>0</v>
      </c>
      <c r="ID36" s="169">
        <v>0</v>
      </c>
      <c r="IE36" s="169">
        <v>0</v>
      </c>
      <c r="IF36" s="169">
        <v>0</v>
      </c>
      <c r="IG36" s="169">
        <v>0</v>
      </c>
      <c r="IH36" s="169">
        <v>0</v>
      </c>
      <c r="II36" s="170">
        <v>0</v>
      </c>
      <c r="IJ36" s="171">
        <v>2</v>
      </c>
      <c r="IK36" s="168">
        <v>1</v>
      </c>
      <c r="IL36" s="169">
        <v>0</v>
      </c>
      <c r="IM36" s="170">
        <v>1</v>
      </c>
      <c r="IN36" s="439">
        <v>0</v>
      </c>
      <c r="IO36" s="169">
        <v>0</v>
      </c>
      <c r="IP36" s="169">
        <v>1</v>
      </c>
      <c r="IQ36" s="169">
        <v>2</v>
      </c>
      <c r="IR36" s="169">
        <v>0</v>
      </c>
      <c r="IS36" s="169">
        <v>1</v>
      </c>
      <c r="IT36" s="170">
        <v>4</v>
      </c>
      <c r="IU36" s="171">
        <v>5</v>
      </c>
      <c r="IV36" s="168">
        <v>0</v>
      </c>
      <c r="IW36" s="169">
        <v>2</v>
      </c>
      <c r="IX36" s="170">
        <v>2</v>
      </c>
      <c r="IY36" s="439">
        <v>0</v>
      </c>
      <c r="IZ36" s="169">
        <v>4</v>
      </c>
      <c r="JA36" s="169">
        <v>0</v>
      </c>
      <c r="JB36" s="169">
        <v>1</v>
      </c>
      <c r="JC36" s="169">
        <v>0</v>
      </c>
      <c r="JD36" s="169">
        <v>0</v>
      </c>
      <c r="JE36" s="170">
        <v>5</v>
      </c>
      <c r="JF36" s="171">
        <v>7</v>
      </c>
      <c r="JG36" s="168">
        <v>1</v>
      </c>
      <c r="JH36" s="169">
        <v>2</v>
      </c>
      <c r="JI36" s="170">
        <v>3</v>
      </c>
      <c r="JJ36" s="439">
        <v>0</v>
      </c>
      <c r="JK36" s="169">
        <v>2</v>
      </c>
      <c r="JL36" s="169">
        <v>3</v>
      </c>
      <c r="JM36" s="169">
        <v>1</v>
      </c>
      <c r="JN36" s="169">
        <v>0</v>
      </c>
      <c r="JO36" s="169">
        <v>2</v>
      </c>
      <c r="JP36" s="170">
        <v>8</v>
      </c>
      <c r="JQ36" s="171">
        <v>11</v>
      </c>
      <c r="JR36" s="168">
        <v>0</v>
      </c>
      <c r="JS36" s="169">
        <v>0</v>
      </c>
      <c r="JT36" s="170">
        <v>0</v>
      </c>
      <c r="JU36" s="439">
        <v>0</v>
      </c>
      <c r="JV36" s="169">
        <v>0</v>
      </c>
      <c r="JW36" s="169">
        <v>0</v>
      </c>
      <c r="JX36" s="169">
        <v>0</v>
      </c>
      <c r="JY36" s="169">
        <v>0</v>
      </c>
      <c r="JZ36" s="169">
        <v>0</v>
      </c>
      <c r="KA36" s="170">
        <v>0</v>
      </c>
      <c r="KB36" s="171">
        <v>0</v>
      </c>
      <c r="KC36" s="168">
        <v>4</v>
      </c>
      <c r="KD36" s="169">
        <v>5</v>
      </c>
      <c r="KE36" s="170">
        <v>9</v>
      </c>
      <c r="KF36" s="439">
        <v>0</v>
      </c>
      <c r="KG36" s="169">
        <v>6</v>
      </c>
      <c r="KH36" s="169">
        <v>4</v>
      </c>
      <c r="KI36" s="169">
        <v>4</v>
      </c>
      <c r="KJ36" s="169">
        <v>0</v>
      </c>
      <c r="KK36" s="169">
        <v>3</v>
      </c>
      <c r="KL36" s="170">
        <v>17</v>
      </c>
      <c r="KM36" s="171">
        <v>26</v>
      </c>
    </row>
    <row r="37" spans="2:299" s="137" customFormat="1" ht="21" customHeight="1" x14ac:dyDescent="0.2">
      <c r="B37" s="173" t="s">
        <v>34</v>
      </c>
      <c r="C37" s="163">
        <v>3</v>
      </c>
      <c r="D37" s="164">
        <v>2</v>
      </c>
      <c r="E37" s="165">
        <v>5</v>
      </c>
      <c r="F37" s="439">
        <v>0</v>
      </c>
      <c r="G37" s="164">
        <v>4</v>
      </c>
      <c r="H37" s="164">
        <v>8</v>
      </c>
      <c r="I37" s="164">
        <v>3</v>
      </c>
      <c r="J37" s="164">
        <v>1</v>
      </c>
      <c r="K37" s="164">
        <v>1</v>
      </c>
      <c r="L37" s="166">
        <v>17</v>
      </c>
      <c r="M37" s="167">
        <v>22</v>
      </c>
      <c r="N37" s="168">
        <v>0</v>
      </c>
      <c r="O37" s="169">
        <v>0</v>
      </c>
      <c r="P37" s="170">
        <v>0</v>
      </c>
      <c r="Q37" s="439">
        <v>0</v>
      </c>
      <c r="R37" s="169">
        <v>0</v>
      </c>
      <c r="S37" s="169">
        <v>0</v>
      </c>
      <c r="T37" s="169">
        <v>0</v>
      </c>
      <c r="U37" s="169">
        <v>0</v>
      </c>
      <c r="V37" s="169">
        <v>0</v>
      </c>
      <c r="W37" s="170">
        <v>0</v>
      </c>
      <c r="X37" s="171">
        <v>0</v>
      </c>
      <c r="Y37" s="168">
        <v>0</v>
      </c>
      <c r="Z37" s="169">
        <v>0</v>
      </c>
      <c r="AA37" s="170">
        <v>0</v>
      </c>
      <c r="AB37" s="439">
        <v>0</v>
      </c>
      <c r="AC37" s="169">
        <v>0</v>
      </c>
      <c r="AD37" s="169">
        <v>0</v>
      </c>
      <c r="AE37" s="169">
        <v>0</v>
      </c>
      <c r="AF37" s="169">
        <v>0</v>
      </c>
      <c r="AG37" s="169">
        <v>0</v>
      </c>
      <c r="AH37" s="170">
        <v>0</v>
      </c>
      <c r="AI37" s="171">
        <v>0</v>
      </c>
      <c r="AJ37" s="168">
        <v>0</v>
      </c>
      <c r="AK37" s="169">
        <v>0</v>
      </c>
      <c r="AL37" s="170">
        <v>0</v>
      </c>
      <c r="AM37" s="439">
        <v>0</v>
      </c>
      <c r="AN37" s="169">
        <v>0</v>
      </c>
      <c r="AO37" s="169">
        <v>0</v>
      </c>
      <c r="AP37" s="169">
        <v>0</v>
      </c>
      <c r="AQ37" s="169">
        <v>0</v>
      </c>
      <c r="AR37" s="169">
        <v>0</v>
      </c>
      <c r="AS37" s="170">
        <v>0</v>
      </c>
      <c r="AT37" s="171">
        <v>0</v>
      </c>
      <c r="AU37" s="168">
        <v>1</v>
      </c>
      <c r="AV37" s="169">
        <v>1</v>
      </c>
      <c r="AW37" s="170">
        <v>2</v>
      </c>
      <c r="AX37" s="439">
        <v>0</v>
      </c>
      <c r="AY37" s="169">
        <v>0</v>
      </c>
      <c r="AZ37" s="169">
        <v>5</v>
      </c>
      <c r="BA37" s="169">
        <v>0</v>
      </c>
      <c r="BB37" s="169">
        <v>0</v>
      </c>
      <c r="BC37" s="169">
        <v>0</v>
      </c>
      <c r="BD37" s="170">
        <v>5</v>
      </c>
      <c r="BE37" s="171">
        <v>7</v>
      </c>
      <c r="BF37" s="168">
        <v>2</v>
      </c>
      <c r="BG37" s="169">
        <v>1</v>
      </c>
      <c r="BH37" s="170">
        <v>3</v>
      </c>
      <c r="BI37" s="439">
        <v>0</v>
      </c>
      <c r="BJ37" s="169">
        <v>2</v>
      </c>
      <c r="BK37" s="169">
        <v>0</v>
      </c>
      <c r="BL37" s="169">
        <v>3</v>
      </c>
      <c r="BM37" s="169">
        <v>1</v>
      </c>
      <c r="BN37" s="169">
        <v>0</v>
      </c>
      <c r="BO37" s="170">
        <v>6</v>
      </c>
      <c r="BP37" s="171">
        <v>9</v>
      </c>
      <c r="BQ37" s="168">
        <v>0</v>
      </c>
      <c r="BR37" s="169">
        <v>0</v>
      </c>
      <c r="BS37" s="170">
        <v>0</v>
      </c>
      <c r="BT37" s="439">
        <v>0</v>
      </c>
      <c r="BU37" s="169">
        <v>2</v>
      </c>
      <c r="BV37" s="169">
        <v>3</v>
      </c>
      <c r="BW37" s="169">
        <v>0</v>
      </c>
      <c r="BX37" s="169">
        <v>0</v>
      </c>
      <c r="BY37" s="169">
        <v>1</v>
      </c>
      <c r="BZ37" s="170">
        <v>6</v>
      </c>
      <c r="CA37" s="171">
        <v>6</v>
      </c>
      <c r="CB37" s="168">
        <v>0</v>
      </c>
      <c r="CC37" s="169">
        <v>0</v>
      </c>
      <c r="CD37" s="170">
        <v>0</v>
      </c>
      <c r="CE37" s="439">
        <v>0</v>
      </c>
      <c r="CF37" s="169">
        <v>0</v>
      </c>
      <c r="CG37" s="169">
        <v>0</v>
      </c>
      <c r="CH37" s="169">
        <v>0</v>
      </c>
      <c r="CI37" s="169">
        <v>0</v>
      </c>
      <c r="CJ37" s="169">
        <v>0</v>
      </c>
      <c r="CK37" s="170">
        <v>0</v>
      </c>
      <c r="CL37" s="171">
        <v>0</v>
      </c>
      <c r="CM37" s="168">
        <v>3</v>
      </c>
      <c r="CN37" s="169">
        <v>2</v>
      </c>
      <c r="CO37" s="170">
        <v>5</v>
      </c>
      <c r="CP37" s="439">
        <v>0</v>
      </c>
      <c r="CQ37" s="169">
        <v>4</v>
      </c>
      <c r="CR37" s="169">
        <v>8</v>
      </c>
      <c r="CS37" s="169">
        <v>3</v>
      </c>
      <c r="CT37" s="169">
        <v>1</v>
      </c>
      <c r="CU37" s="169">
        <v>1</v>
      </c>
      <c r="CV37" s="170">
        <v>17</v>
      </c>
      <c r="CW37" s="171">
        <v>22</v>
      </c>
      <c r="CX37" s="172">
        <v>1</v>
      </c>
      <c r="CY37" s="164">
        <v>0</v>
      </c>
      <c r="CZ37" s="165">
        <v>1</v>
      </c>
      <c r="DA37" s="439">
        <v>0</v>
      </c>
      <c r="DB37" s="164">
        <v>0</v>
      </c>
      <c r="DC37" s="164">
        <v>0</v>
      </c>
      <c r="DD37" s="164">
        <v>1</v>
      </c>
      <c r="DE37" s="164">
        <v>1</v>
      </c>
      <c r="DF37" s="164">
        <v>1</v>
      </c>
      <c r="DG37" s="166">
        <v>3</v>
      </c>
      <c r="DH37" s="167">
        <v>4</v>
      </c>
      <c r="DI37" s="168">
        <v>0</v>
      </c>
      <c r="DJ37" s="169">
        <v>0</v>
      </c>
      <c r="DK37" s="170">
        <v>0</v>
      </c>
      <c r="DL37" s="439">
        <v>0</v>
      </c>
      <c r="DM37" s="169">
        <v>0</v>
      </c>
      <c r="DN37" s="169">
        <v>0</v>
      </c>
      <c r="DO37" s="169">
        <v>0</v>
      </c>
      <c r="DP37" s="169">
        <v>0</v>
      </c>
      <c r="DQ37" s="169">
        <v>0</v>
      </c>
      <c r="DR37" s="170">
        <v>0</v>
      </c>
      <c r="DS37" s="171">
        <v>0</v>
      </c>
      <c r="DT37" s="168">
        <v>0</v>
      </c>
      <c r="DU37" s="169">
        <v>0</v>
      </c>
      <c r="DV37" s="170">
        <v>0</v>
      </c>
      <c r="DW37" s="439">
        <v>0</v>
      </c>
      <c r="DX37" s="169">
        <v>0</v>
      </c>
      <c r="DY37" s="169">
        <v>0</v>
      </c>
      <c r="DZ37" s="169">
        <v>0</v>
      </c>
      <c r="EA37" s="169">
        <v>1</v>
      </c>
      <c r="EB37" s="169">
        <v>0</v>
      </c>
      <c r="EC37" s="170">
        <v>1</v>
      </c>
      <c r="ED37" s="171">
        <v>1</v>
      </c>
      <c r="EE37" s="168">
        <v>0</v>
      </c>
      <c r="EF37" s="169">
        <v>0</v>
      </c>
      <c r="EG37" s="170">
        <v>0</v>
      </c>
      <c r="EH37" s="439">
        <v>0</v>
      </c>
      <c r="EI37" s="169">
        <v>0</v>
      </c>
      <c r="EJ37" s="169">
        <v>0</v>
      </c>
      <c r="EK37" s="169">
        <v>0</v>
      </c>
      <c r="EL37" s="169">
        <v>0</v>
      </c>
      <c r="EM37" s="169">
        <v>0</v>
      </c>
      <c r="EN37" s="170">
        <v>0</v>
      </c>
      <c r="EO37" s="171">
        <v>0</v>
      </c>
      <c r="EP37" s="168">
        <v>0</v>
      </c>
      <c r="EQ37" s="169">
        <v>0</v>
      </c>
      <c r="ER37" s="170">
        <v>0</v>
      </c>
      <c r="ES37" s="439">
        <v>0</v>
      </c>
      <c r="ET37" s="169">
        <v>0</v>
      </c>
      <c r="EU37" s="169">
        <v>0</v>
      </c>
      <c r="EV37" s="169">
        <v>0</v>
      </c>
      <c r="EW37" s="169">
        <v>0</v>
      </c>
      <c r="EX37" s="169">
        <v>0</v>
      </c>
      <c r="EY37" s="170">
        <v>0</v>
      </c>
      <c r="EZ37" s="171">
        <v>0</v>
      </c>
      <c r="FA37" s="168">
        <v>1</v>
      </c>
      <c r="FB37" s="169">
        <v>0</v>
      </c>
      <c r="FC37" s="170">
        <v>1</v>
      </c>
      <c r="FD37" s="439">
        <v>0</v>
      </c>
      <c r="FE37" s="169">
        <v>0</v>
      </c>
      <c r="FF37" s="169">
        <v>0</v>
      </c>
      <c r="FG37" s="169">
        <v>1</v>
      </c>
      <c r="FH37" s="169">
        <v>0</v>
      </c>
      <c r="FI37" s="169">
        <v>0</v>
      </c>
      <c r="FJ37" s="170">
        <v>1</v>
      </c>
      <c r="FK37" s="171">
        <v>2</v>
      </c>
      <c r="FL37" s="168">
        <v>0</v>
      </c>
      <c r="FM37" s="169">
        <v>0</v>
      </c>
      <c r="FN37" s="170">
        <v>0</v>
      </c>
      <c r="FO37" s="439">
        <v>0</v>
      </c>
      <c r="FP37" s="169">
        <v>0</v>
      </c>
      <c r="FQ37" s="169">
        <v>0</v>
      </c>
      <c r="FR37" s="169">
        <v>0</v>
      </c>
      <c r="FS37" s="169">
        <v>0</v>
      </c>
      <c r="FT37" s="169">
        <v>1</v>
      </c>
      <c r="FU37" s="170">
        <v>1</v>
      </c>
      <c r="FV37" s="171">
        <v>1</v>
      </c>
      <c r="FW37" s="168">
        <v>0</v>
      </c>
      <c r="FX37" s="169">
        <v>0</v>
      </c>
      <c r="FY37" s="170">
        <v>0</v>
      </c>
      <c r="FZ37" s="439">
        <v>0</v>
      </c>
      <c r="GA37" s="169">
        <v>0</v>
      </c>
      <c r="GB37" s="169">
        <v>0</v>
      </c>
      <c r="GC37" s="169">
        <v>0</v>
      </c>
      <c r="GD37" s="169">
        <v>0</v>
      </c>
      <c r="GE37" s="169">
        <v>0</v>
      </c>
      <c r="GF37" s="170">
        <v>0</v>
      </c>
      <c r="GG37" s="171">
        <v>0</v>
      </c>
      <c r="GH37" s="168">
        <v>1</v>
      </c>
      <c r="GI37" s="169">
        <v>0</v>
      </c>
      <c r="GJ37" s="170">
        <v>1</v>
      </c>
      <c r="GK37" s="439">
        <v>0</v>
      </c>
      <c r="GL37" s="169">
        <v>0</v>
      </c>
      <c r="GM37" s="169">
        <v>0</v>
      </c>
      <c r="GN37" s="169">
        <v>1</v>
      </c>
      <c r="GO37" s="169">
        <v>1</v>
      </c>
      <c r="GP37" s="169">
        <v>1</v>
      </c>
      <c r="GQ37" s="170">
        <v>3</v>
      </c>
      <c r="GR37" s="171">
        <v>4</v>
      </c>
      <c r="GS37" s="172">
        <v>4</v>
      </c>
      <c r="GT37" s="164">
        <v>2</v>
      </c>
      <c r="GU37" s="165">
        <v>6</v>
      </c>
      <c r="GV37" s="439">
        <v>0</v>
      </c>
      <c r="GW37" s="164">
        <v>4</v>
      </c>
      <c r="GX37" s="164">
        <v>8</v>
      </c>
      <c r="GY37" s="164">
        <v>4</v>
      </c>
      <c r="GZ37" s="164">
        <v>2</v>
      </c>
      <c r="HA37" s="164">
        <v>2</v>
      </c>
      <c r="HB37" s="166">
        <v>20</v>
      </c>
      <c r="HC37" s="167">
        <v>26</v>
      </c>
      <c r="HD37" s="168">
        <v>0</v>
      </c>
      <c r="HE37" s="169">
        <v>0</v>
      </c>
      <c r="HF37" s="170">
        <v>0</v>
      </c>
      <c r="HG37" s="439">
        <v>0</v>
      </c>
      <c r="HH37" s="169">
        <v>0</v>
      </c>
      <c r="HI37" s="169">
        <v>0</v>
      </c>
      <c r="HJ37" s="169">
        <v>0</v>
      </c>
      <c r="HK37" s="169">
        <v>0</v>
      </c>
      <c r="HL37" s="169">
        <v>0</v>
      </c>
      <c r="HM37" s="170">
        <v>0</v>
      </c>
      <c r="HN37" s="171">
        <v>0</v>
      </c>
      <c r="HO37" s="168">
        <v>0</v>
      </c>
      <c r="HP37" s="169">
        <v>0</v>
      </c>
      <c r="HQ37" s="170">
        <v>0</v>
      </c>
      <c r="HR37" s="439">
        <v>0</v>
      </c>
      <c r="HS37" s="169">
        <v>0</v>
      </c>
      <c r="HT37" s="169">
        <v>0</v>
      </c>
      <c r="HU37" s="169">
        <v>0</v>
      </c>
      <c r="HV37" s="169">
        <v>1</v>
      </c>
      <c r="HW37" s="169">
        <v>0</v>
      </c>
      <c r="HX37" s="170">
        <v>1</v>
      </c>
      <c r="HY37" s="171">
        <v>1</v>
      </c>
      <c r="HZ37" s="168">
        <v>0</v>
      </c>
      <c r="IA37" s="169">
        <v>0</v>
      </c>
      <c r="IB37" s="170">
        <v>0</v>
      </c>
      <c r="IC37" s="439">
        <v>0</v>
      </c>
      <c r="ID37" s="169">
        <v>0</v>
      </c>
      <c r="IE37" s="169">
        <v>0</v>
      </c>
      <c r="IF37" s="169">
        <v>0</v>
      </c>
      <c r="IG37" s="169">
        <v>0</v>
      </c>
      <c r="IH37" s="169">
        <v>0</v>
      </c>
      <c r="II37" s="170">
        <v>0</v>
      </c>
      <c r="IJ37" s="171">
        <v>0</v>
      </c>
      <c r="IK37" s="168">
        <v>1</v>
      </c>
      <c r="IL37" s="169">
        <v>1</v>
      </c>
      <c r="IM37" s="170">
        <v>2</v>
      </c>
      <c r="IN37" s="439">
        <v>0</v>
      </c>
      <c r="IO37" s="169">
        <v>0</v>
      </c>
      <c r="IP37" s="169">
        <v>5</v>
      </c>
      <c r="IQ37" s="169">
        <v>0</v>
      </c>
      <c r="IR37" s="169">
        <v>0</v>
      </c>
      <c r="IS37" s="169">
        <v>0</v>
      </c>
      <c r="IT37" s="170">
        <v>5</v>
      </c>
      <c r="IU37" s="171">
        <v>7</v>
      </c>
      <c r="IV37" s="168">
        <v>3</v>
      </c>
      <c r="IW37" s="169">
        <v>1</v>
      </c>
      <c r="IX37" s="170">
        <v>4</v>
      </c>
      <c r="IY37" s="439">
        <v>0</v>
      </c>
      <c r="IZ37" s="169">
        <v>2</v>
      </c>
      <c r="JA37" s="169">
        <v>0</v>
      </c>
      <c r="JB37" s="169">
        <v>4</v>
      </c>
      <c r="JC37" s="169">
        <v>1</v>
      </c>
      <c r="JD37" s="169">
        <v>0</v>
      </c>
      <c r="JE37" s="170">
        <v>7</v>
      </c>
      <c r="JF37" s="171">
        <v>11</v>
      </c>
      <c r="JG37" s="168">
        <v>0</v>
      </c>
      <c r="JH37" s="169">
        <v>0</v>
      </c>
      <c r="JI37" s="170">
        <v>0</v>
      </c>
      <c r="JJ37" s="439">
        <v>0</v>
      </c>
      <c r="JK37" s="169">
        <v>2</v>
      </c>
      <c r="JL37" s="169">
        <v>3</v>
      </c>
      <c r="JM37" s="169">
        <v>0</v>
      </c>
      <c r="JN37" s="169">
        <v>0</v>
      </c>
      <c r="JO37" s="169">
        <v>2</v>
      </c>
      <c r="JP37" s="170">
        <v>7</v>
      </c>
      <c r="JQ37" s="171">
        <v>7</v>
      </c>
      <c r="JR37" s="168">
        <v>0</v>
      </c>
      <c r="JS37" s="169">
        <v>0</v>
      </c>
      <c r="JT37" s="170">
        <v>0</v>
      </c>
      <c r="JU37" s="439">
        <v>0</v>
      </c>
      <c r="JV37" s="169">
        <v>0</v>
      </c>
      <c r="JW37" s="169">
        <v>0</v>
      </c>
      <c r="JX37" s="169">
        <v>0</v>
      </c>
      <c r="JY37" s="169">
        <v>0</v>
      </c>
      <c r="JZ37" s="169">
        <v>0</v>
      </c>
      <c r="KA37" s="170">
        <v>0</v>
      </c>
      <c r="KB37" s="171">
        <v>0</v>
      </c>
      <c r="KC37" s="168">
        <v>4</v>
      </c>
      <c r="KD37" s="169">
        <v>2</v>
      </c>
      <c r="KE37" s="170">
        <v>6</v>
      </c>
      <c r="KF37" s="439">
        <v>0</v>
      </c>
      <c r="KG37" s="169">
        <v>4</v>
      </c>
      <c r="KH37" s="169">
        <v>8</v>
      </c>
      <c r="KI37" s="169">
        <v>4</v>
      </c>
      <c r="KJ37" s="169">
        <v>2</v>
      </c>
      <c r="KK37" s="169">
        <v>2</v>
      </c>
      <c r="KL37" s="170">
        <v>20</v>
      </c>
      <c r="KM37" s="171">
        <v>26</v>
      </c>
    </row>
    <row r="38" spans="2:299" s="137" customFormat="1" ht="21" customHeight="1" x14ac:dyDescent="0.2">
      <c r="B38" s="173" t="s">
        <v>35</v>
      </c>
      <c r="C38" s="163">
        <v>6</v>
      </c>
      <c r="D38" s="164">
        <v>2</v>
      </c>
      <c r="E38" s="165">
        <v>8</v>
      </c>
      <c r="F38" s="439">
        <v>0</v>
      </c>
      <c r="G38" s="164">
        <v>17</v>
      </c>
      <c r="H38" s="164">
        <v>6</v>
      </c>
      <c r="I38" s="164">
        <v>7</v>
      </c>
      <c r="J38" s="164">
        <v>7</v>
      </c>
      <c r="K38" s="164">
        <v>2</v>
      </c>
      <c r="L38" s="166">
        <v>39</v>
      </c>
      <c r="M38" s="167">
        <v>47</v>
      </c>
      <c r="N38" s="168">
        <v>0</v>
      </c>
      <c r="O38" s="169">
        <v>0</v>
      </c>
      <c r="P38" s="170">
        <v>0</v>
      </c>
      <c r="Q38" s="439">
        <v>0</v>
      </c>
      <c r="R38" s="169">
        <v>1</v>
      </c>
      <c r="S38" s="169">
        <v>0</v>
      </c>
      <c r="T38" s="169">
        <v>1</v>
      </c>
      <c r="U38" s="169">
        <v>0</v>
      </c>
      <c r="V38" s="169">
        <v>0</v>
      </c>
      <c r="W38" s="170">
        <v>2</v>
      </c>
      <c r="X38" s="171">
        <v>2</v>
      </c>
      <c r="Y38" s="168">
        <v>0</v>
      </c>
      <c r="Z38" s="169">
        <v>0</v>
      </c>
      <c r="AA38" s="170">
        <v>0</v>
      </c>
      <c r="AB38" s="439">
        <v>0</v>
      </c>
      <c r="AC38" s="169">
        <v>0</v>
      </c>
      <c r="AD38" s="169">
        <v>0</v>
      </c>
      <c r="AE38" s="169">
        <v>0</v>
      </c>
      <c r="AF38" s="169">
        <v>0</v>
      </c>
      <c r="AG38" s="169">
        <v>0</v>
      </c>
      <c r="AH38" s="170">
        <v>0</v>
      </c>
      <c r="AI38" s="171">
        <v>0</v>
      </c>
      <c r="AJ38" s="168">
        <v>1</v>
      </c>
      <c r="AK38" s="169">
        <v>0</v>
      </c>
      <c r="AL38" s="170">
        <v>1</v>
      </c>
      <c r="AM38" s="439">
        <v>0</v>
      </c>
      <c r="AN38" s="169">
        <v>1</v>
      </c>
      <c r="AO38" s="169">
        <v>0</v>
      </c>
      <c r="AP38" s="169">
        <v>1</v>
      </c>
      <c r="AQ38" s="169">
        <v>1</v>
      </c>
      <c r="AR38" s="169">
        <v>1</v>
      </c>
      <c r="AS38" s="170">
        <v>4</v>
      </c>
      <c r="AT38" s="171">
        <v>5</v>
      </c>
      <c r="AU38" s="168">
        <v>2</v>
      </c>
      <c r="AV38" s="169">
        <v>1</v>
      </c>
      <c r="AW38" s="170">
        <v>3</v>
      </c>
      <c r="AX38" s="439">
        <v>0</v>
      </c>
      <c r="AY38" s="169">
        <v>4</v>
      </c>
      <c r="AZ38" s="169">
        <v>0</v>
      </c>
      <c r="BA38" s="169">
        <v>1</v>
      </c>
      <c r="BB38" s="169">
        <v>1</v>
      </c>
      <c r="BC38" s="169">
        <v>0</v>
      </c>
      <c r="BD38" s="170">
        <v>6</v>
      </c>
      <c r="BE38" s="171">
        <v>9</v>
      </c>
      <c r="BF38" s="168">
        <v>2</v>
      </c>
      <c r="BG38" s="169">
        <v>0</v>
      </c>
      <c r="BH38" s="170">
        <v>2</v>
      </c>
      <c r="BI38" s="439">
        <v>0</v>
      </c>
      <c r="BJ38" s="169">
        <v>6</v>
      </c>
      <c r="BK38" s="169">
        <v>1</v>
      </c>
      <c r="BL38" s="169">
        <v>0</v>
      </c>
      <c r="BM38" s="169">
        <v>1</v>
      </c>
      <c r="BN38" s="169">
        <v>0</v>
      </c>
      <c r="BO38" s="170">
        <v>8</v>
      </c>
      <c r="BP38" s="171">
        <v>10</v>
      </c>
      <c r="BQ38" s="168">
        <v>1</v>
      </c>
      <c r="BR38" s="169">
        <v>1</v>
      </c>
      <c r="BS38" s="170">
        <v>2</v>
      </c>
      <c r="BT38" s="439">
        <v>0</v>
      </c>
      <c r="BU38" s="169">
        <v>5</v>
      </c>
      <c r="BV38" s="169">
        <v>5</v>
      </c>
      <c r="BW38" s="169">
        <v>4</v>
      </c>
      <c r="BX38" s="169">
        <v>4</v>
      </c>
      <c r="BY38" s="169">
        <v>1</v>
      </c>
      <c r="BZ38" s="170">
        <v>19</v>
      </c>
      <c r="CA38" s="171">
        <v>21</v>
      </c>
      <c r="CB38" s="168">
        <v>0</v>
      </c>
      <c r="CC38" s="169">
        <v>0</v>
      </c>
      <c r="CD38" s="170">
        <v>0</v>
      </c>
      <c r="CE38" s="439">
        <v>0</v>
      </c>
      <c r="CF38" s="169">
        <v>0</v>
      </c>
      <c r="CG38" s="169">
        <v>0</v>
      </c>
      <c r="CH38" s="169">
        <v>0</v>
      </c>
      <c r="CI38" s="169">
        <v>0</v>
      </c>
      <c r="CJ38" s="169">
        <v>0</v>
      </c>
      <c r="CK38" s="170">
        <v>0</v>
      </c>
      <c r="CL38" s="171">
        <v>0</v>
      </c>
      <c r="CM38" s="168">
        <v>6</v>
      </c>
      <c r="CN38" s="169">
        <v>2</v>
      </c>
      <c r="CO38" s="170">
        <v>8</v>
      </c>
      <c r="CP38" s="439">
        <v>0</v>
      </c>
      <c r="CQ38" s="169">
        <v>17</v>
      </c>
      <c r="CR38" s="169">
        <v>6</v>
      </c>
      <c r="CS38" s="169">
        <v>7</v>
      </c>
      <c r="CT38" s="169">
        <v>7</v>
      </c>
      <c r="CU38" s="169">
        <v>2</v>
      </c>
      <c r="CV38" s="170">
        <v>39</v>
      </c>
      <c r="CW38" s="171">
        <v>47</v>
      </c>
      <c r="CX38" s="172">
        <v>1</v>
      </c>
      <c r="CY38" s="164">
        <v>0</v>
      </c>
      <c r="CZ38" s="165">
        <v>1</v>
      </c>
      <c r="DA38" s="439">
        <v>0</v>
      </c>
      <c r="DB38" s="164">
        <v>5</v>
      </c>
      <c r="DC38" s="164">
        <v>4</v>
      </c>
      <c r="DD38" s="164">
        <v>3</v>
      </c>
      <c r="DE38" s="164">
        <v>2</v>
      </c>
      <c r="DF38" s="164">
        <v>2</v>
      </c>
      <c r="DG38" s="166">
        <v>16</v>
      </c>
      <c r="DH38" s="167">
        <v>17</v>
      </c>
      <c r="DI38" s="168">
        <v>0</v>
      </c>
      <c r="DJ38" s="169">
        <v>0</v>
      </c>
      <c r="DK38" s="170">
        <v>0</v>
      </c>
      <c r="DL38" s="439">
        <v>0</v>
      </c>
      <c r="DM38" s="169">
        <v>0</v>
      </c>
      <c r="DN38" s="169">
        <v>0</v>
      </c>
      <c r="DO38" s="169">
        <v>0</v>
      </c>
      <c r="DP38" s="169">
        <v>0</v>
      </c>
      <c r="DQ38" s="169">
        <v>0</v>
      </c>
      <c r="DR38" s="170">
        <v>0</v>
      </c>
      <c r="DS38" s="171">
        <v>0</v>
      </c>
      <c r="DT38" s="168">
        <v>0</v>
      </c>
      <c r="DU38" s="169">
        <v>0</v>
      </c>
      <c r="DV38" s="170">
        <v>0</v>
      </c>
      <c r="DW38" s="439">
        <v>0</v>
      </c>
      <c r="DX38" s="169">
        <v>0</v>
      </c>
      <c r="DY38" s="169">
        <v>0</v>
      </c>
      <c r="DZ38" s="169">
        <v>1</v>
      </c>
      <c r="EA38" s="169">
        <v>0</v>
      </c>
      <c r="EB38" s="169">
        <v>0</v>
      </c>
      <c r="EC38" s="170">
        <v>1</v>
      </c>
      <c r="ED38" s="171">
        <v>1</v>
      </c>
      <c r="EE38" s="168">
        <v>0</v>
      </c>
      <c r="EF38" s="169">
        <v>0</v>
      </c>
      <c r="EG38" s="170">
        <v>0</v>
      </c>
      <c r="EH38" s="439">
        <v>0</v>
      </c>
      <c r="EI38" s="169">
        <v>0</v>
      </c>
      <c r="EJ38" s="169">
        <v>1</v>
      </c>
      <c r="EK38" s="169">
        <v>1</v>
      </c>
      <c r="EL38" s="169">
        <v>0</v>
      </c>
      <c r="EM38" s="169">
        <v>0</v>
      </c>
      <c r="EN38" s="170">
        <v>2</v>
      </c>
      <c r="EO38" s="171">
        <v>2</v>
      </c>
      <c r="EP38" s="168">
        <v>1</v>
      </c>
      <c r="EQ38" s="169">
        <v>0</v>
      </c>
      <c r="ER38" s="170">
        <v>1</v>
      </c>
      <c r="ES38" s="439">
        <v>0</v>
      </c>
      <c r="ET38" s="169">
        <v>1</v>
      </c>
      <c r="EU38" s="169">
        <v>1</v>
      </c>
      <c r="EV38" s="169">
        <v>0</v>
      </c>
      <c r="EW38" s="169">
        <v>0</v>
      </c>
      <c r="EX38" s="169">
        <v>0</v>
      </c>
      <c r="EY38" s="170">
        <v>2</v>
      </c>
      <c r="EZ38" s="171">
        <v>3</v>
      </c>
      <c r="FA38" s="168">
        <v>0</v>
      </c>
      <c r="FB38" s="169">
        <v>0</v>
      </c>
      <c r="FC38" s="170">
        <v>0</v>
      </c>
      <c r="FD38" s="439">
        <v>0</v>
      </c>
      <c r="FE38" s="169">
        <v>3</v>
      </c>
      <c r="FF38" s="169">
        <v>0</v>
      </c>
      <c r="FG38" s="169">
        <v>0</v>
      </c>
      <c r="FH38" s="169">
        <v>0</v>
      </c>
      <c r="FI38" s="169">
        <v>1</v>
      </c>
      <c r="FJ38" s="170">
        <v>4</v>
      </c>
      <c r="FK38" s="171">
        <v>4</v>
      </c>
      <c r="FL38" s="168">
        <v>0</v>
      </c>
      <c r="FM38" s="169">
        <v>0</v>
      </c>
      <c r="FN38" s="170">
        <v>0</v>
      </c>
      <c r="FO38" s="439">
        <v>0</v>
      </c>
      <c r="FP38" s="169">
        <v>1</v>
      </c>
      <c r="FQ38" s="169">
        <v>2</v>
      </c>
      <c r="FR38" s="169">
        <v>1</v>
      </c>
      <c r="FS38" s="169">
        <v>2</v>
      </c>
      <c r="FT38" s="169">
        <v>1</v>
      </c>
      <c r="FU38" s="170">
        <v>7</v>
      </c>
      <c r="FV38" s="171">
        <v>7</v>
      </c>
      <c r="FW38" s="168">
        <v>0</v>
      </c>
      <c r="FX38" s="169">
        <v>0</v>
      </c>
      <c r="FY38" s="170">
        <v>0</v>
      </c>
      <c r="FZ38" s="439">
        <v>0</v>
      </c>
      <c r="GA38" s="169">
        <v>0</v>
      </c>
      <c r="GB38" s="169">
        <v>0</v>
      </c>
      <c r="GC38" s="169">
        <v>0</v>
      </c>
      <c r="GD38" s="169">
        <v>0</v>
      </c>
      <c r="GE38" s="169">
        <v>0</v>
      </c>
      <c r="GF38" s="170">
        <v>0</v>
      </c>
      <c r="GG38" s="171">
        <v>0</v>
      </c>
      <c r="GH38" s="168">
        <v>1</v>
      </c>
      <c r="GI38" s="169">
        <v>0</v>
      </c>
      <c r="GJ38" s="170">
        <v>1</v>
      </c>
      <c r="GK38" s="439">
        <v>0</v>
      </c>
      <c r="GL38" s="169">
        <v>5</v>
      </c>
      <c r="GM38" s="169">
        <v>4</v>
      </c>
      <c r="GN38" s="169">
        <v>3</v>
      </c>
      <c r="GO38" s="169">
        <v>2</v>
      </c>
      <c r="GP38" s="169">
        <v>2</v>
      </c>
      <c r="GQ38" s="170">
        <v>16</v>
      </c>
      <c r="GR38" s="171">
        <v>17</v>
      </c>
      <c r="GS38" s="172">
        <v>7</v>
      </c>
      <c r="GT38" s="164">
        <v>2</v>
      </c>
      <c r="GU38" s="165">
        <v>9</v>
      </c>
      <c r="GV38" s="439">
        <v>0</v>
      </c>
      <c r="GW38" s="164">
        <v>22</v>
      </c>
      <c r="GX38" s="164">
        <v>10</v>
      </c>
      <c r="GY38" s="164">
        <v>10</v>
      </c>
      <c r="GZ38" s="164">
        <v>9</v>
      </c>
      <c r="HA38" s="164">
        <v>4</v>
      </c>
      <c r="HB38" s="166">
        <v>55</v>
      </c>
      <c r="HC38" s="167">
        <v>64</v>
      </c>
      <c r="HD38" s="168">
        <v>0</v>
      </c>
      <c r="HE38" s="169">
        <v>0</v>
      </c>
      <c r="HF38" s="170">
        <v>0</v>
      </c>
      <c r="HG38" s="439">
        <v>0</v>
      </c>
      <c r="HH38" s="169">
        <v>1</v>
      </c>
      <c r="HI38" s="169">
        <v>0</v>
      </c>
      <c r="HJ38" s="169">
        <v>1</v>
      </c>
      <c r="HK38" s="169">
        <v>0</v>
      </c>
      <c r="HL38" s="169">
        <v>0</v>
      </c>
      <c r="HM38" s="170">
        <v>2</v>
      </c>
      <c r="HN38" s="171">
        <v>2</v>
      </c>
      <c r="HO38" s="168">
        <v>0</v>
      </c>
      <c r="HP38" s="169">
        <v>0</v>
      </c>
      <c r="HQ38" s="170">
        <v>0</v>
      </c>
      <c r="HR38" s="439">
        <v>0</v>
      </c>
      <c r="HS38" s="169">
        <v>0</v>
      </c>
      <c r="HT38" s="169">
        <v>0</v>
      </c>
      <c r="HU38" s="169">
        <v>1</v>
      </c>
      <c r="HV38" s="169">
        <v>0</v>
      </c>
      <c r="HW38" s="169">
        <v>0</v>
      </c>
      <c r="HX38" s="170">
        <v>1</v>
      </c>
      <c r="HY38" s="171">
        <v>1</v>
      </c>
      <c r="HZ38" s="168">
        <v>1</v>
      </c>
      <c r="IA38" s="169">
        <v>0</v>
      </c>
      <c r="IB38" s="170">
        <v>1</v>
      </c>
      <c r="IC38" s="439">
        <v>0</v>
      </c>
      <c r="ID38" s="169">
        <v>1</v>
      </c>
      <c r="IE38" s="169">
        <v>1</v>
      </c>
      <c r="IF38" s="169">
        <v>2</v>
      </c>
      <c r="IG38" s="169">
        <v>1</v>
      </c>
      <c r="IH38" s="169">
        <v>1</v>
      </c>
      <c r="II38" s="170">
        <v>6</v>
      </c>
      <c r="IJ38" s="171">
        <v>7</v>
      </c>
      <c r="IK38" s="168">
        <v>3</v>
      </c>
      <c r="IL38" s="169">
        <v>1</v>
      </c>
      <c r="IM38" s="170">
        <v>4</v>
      </c>
      <c r="IN38" s="439">
        <v>0</v>
      </c>
      <c r="IO38" s="169">
        <v>5</v>
      </c>
      <c r="IP38" s="169">
        <v>1</v>
      </c>
      <c r="IQ38" s="169">
        <v>1</v>
      </c>
      <c r="IR38" s="169">
        <v>1</v>
      </c>
      <c r="IS38" s="169">
        <v>0</v>
      </c>
      <c r="IT38" s="170">
        <v>8</v>
      </c>
      <c r="IU38" s="171">
        <v>12</v>
      </c>
      <c r="IV38" s="168">
        <v>2</v>
      </c>
      <c r="IW38" s="169">
        <v>0</v>
      </c>
      <c r="IX38" s="170">
        <v>2</v>
      </c>
      <c r="IY38" s="439">
        <v>0</v>
      </c>
      <c r="IZ38" s="169">
        <v>9</v>
      </c>
      <c r="JA38" s="169">
        <v>1</v>
      </c>
      <c r="JB38" s="169">
        <v>0</v>
      </c>
      <c r="JC38" s="169">
        <v>1</v>
      </c>
      <c r="JD38" s="169">
        <v>1</v>
      </c>
      <c r="JE38" s="170">
        <v>12</v>
      </c>
      <c r="JF38" s="171">
        <v>14</v>
      </c>
      <c r="JG38" s="168">
        <v>1</v>
      </c>
      <c r="JH38" s="169">
        <v>1</v>
      </c>
      <c r="JI38" s="170">
        <v>2</v>
      </c>
      <c r="JJ38" s="439">
        <v>0</v>
      </c>
      <c r="JK38" s="169">
        <v>6</v>
      </c>
      <c r="JL38" s="169">
        <v>7</v>
      </c>
      <c r="JM38" s="169">
        <v>5</v>
      </c>
      <c r="JN38" s="169">
        <v>6</v>
      </c>
      <c r="JO38" s="169">
        <v>2</v>
      </c>
      <c r="JP38" s="170">
        <v>26</v>
      </c>
      <c r="JQ38" s="171">
        <v>28</v>
      </c>
      <c r="JR38" s="168">
        <v>0</v>
      </c>
      <c r="JS38" s="169">
        <v>0</v>
      </c>
      <c r="JT38" s="170">
        <v>0</v>
      </c>
      <c r="JU38" s="439">
        <v>0</v>
      </c>
      <c r="JV38" s="169">
        <v>0</v>
      </c>
      <c r="JW38" s="169">
        <v>0</v>
      </c>
      <c r="JX38" s="169">
        <v>0</v>
      </c>
      <c r="JY38" s="169">
        <v>0</v>
      </c>
      <c r="JZ38" s="169">
        <v>0</v>
      </c>
      <c r="KA38" s="170">
        <v>0</v>
      </c>
      <c r="KB38" s="171">
        <v>0</v>
      </c>
      <c r="KC38" s="168">
        <v>7</v>
      </c>
      <c r="KD38" s="169">
        <v>2</v>
      </c>
      <c r="KE38" s="170">
        <v>9</v>
      </c>
      <c r="KF38" s="439">
        <v>0</v>
      </c>
      <c r="KG38" s="169">
        <v>22</v>
      </c>
      <c r="KH38" s="169">
        <v>10</v>
      </c>
      <c r="KI38" s="169">
        <v>10</v>
      </c>
      <c r="KJ38" s="169">
        <v>9</v>
      </c>
      <c r="KK38" s="169">
        <v>4</v>
      </c>
      <c r="KL38" s="170">
        <v>55</v>
      </c>
      <c r="KM38" s="171">
        <v>64</v>
      </c>
    </row>
    <row r="39" spans="2:299" s="137" customFormat="1" ht="21" customHeight="1" x14ac:dyDescent="0.2">
      <c r="B39" s="173" t="s">
        <v>36</v>
      </c>
      <c r="C39" s="163">
        <v>5</v>
      </c>
      <c r="D39" s="164">
        <v>5</v>
      </c>
      <c r="E39" s="165">
        <v>10</v>
      </c>
      <c r="F39" s="439">
        <v>0</v>
      </c>
      <c r="G39" s="164">
        <v>11</v>
      </c>
      <c r="H39" s="164">
        <v>8</v>
      </c>
      <c r="I39" s="164">
        <v>3</v>
      </c>
      <c r="J39" s="164">
        <v>8</v>
      </c>
      <c r="K39" s="164">
        <v>3</v>
      </c>
      <c r="L39" s="166">
        <v>33</v>
      </c>
      <c r="M39" s="167">
        <v>43</v>
      </c>
      <c r="N39" s="168">
        <v>0</v>
      </c>
      <c r="O39" s="169">
        <v>0</v>
      </c>
      <c r="P39" s="170">
        <v>0</v>
      </c>
      <c r="Q39" s="439">
        <v>0</v>
      </c>
      <c r="R39" s="169">
        <v>1</v>
      </c>
      <c r="S39" s="169">
        <v>1</v>
      </c>
      <c r="T39" s="169">
        <v>1</v>
      </c>
      <c r="U39" s="169">
        <v>0</v>
      </c>
      <c r="V39" s="169">
        <v>1</v>
      </c>
      <c r="W39" s="170">
        <v>4</v>
      </c>
      <c r="X39" s="171">
        <v>4</v>
      </c>
      <c r="Y39" s="168">
        <v>1</v>
      </c>
      <c r="Z39" s="169">
        <v>0</v>
      </c>
      <c r="AA39" s="170">
        <v>1</v>
      </c>
      <c r="AB39" s="439">
        <v>0</v>
      </c>
      <c r="AC39" s="169">
        <v>0</v>
      </c>
      <c r="AD39" s="169">
        <v>1</v>
      </c>
      <c r="AE39" s="169">
        <v>0</v>
      </c>
      <c r="AF39" s="169">
        <v>0</v>
      </c>
      <c r="AG39" s="169">
        <v>1</v>
      </c>
      <c r="AH39" s="170">
        <v>2</v>
      </c>
      <c r="AI39" s="171">
        <v>3</v>
      </c>
      <c r="AJ39" s="168">
        <v>0</v>
      </c>
      <c r="AK39" s="169">
        <v>0</v>
      </c>
      <c r="AL39" s="170">
        <v>0</v>
      </c>
      <c r="AM39" s="439">
        <v>0</v>
      </c>
      <c r="AN39" s="169">
        <v>1</v>
      </c>
      <c r="AO39" s="169">
        <v>1</v>
      </c>
      <c r="AP39" s="169">
        <v>0</v>
      </c>
      <c r="AQ39" s="169">
        <v>2</v>
      </c>
      <c r="AR39" s="169">
        <v>0</v>
      </c>
      <c r="AS39" s="170">
        <v>4</v>
      </c>
      <c r="AT39" s="171">
        <v>4</v>
      </c>
      <c r="AU39" s="168">
        <v>1</v>
      </c>
      <c r="AV39" s="169">
        <v>2</v>
      </c>
      <c r="AW39" s="170">
        <v>3</v>
      </c>
      <c r="AX39" s="439">
        <v>0</v>
      </c>
      <c r="AY39" s="169">
        <v>3</v>
      </c>
      <c r="AZ39" s="169">
        <v>2</v>
      </c>
      <c r="BA39" s="169">
        <v>0</v>
      </c>
      <c r="BB39" s="169">
        <v>1</v>
      </c>
      <c r="BC39" s="169">
        <v>1</v>
      </c>
      <c r="BD39" s="170">
        <v>7</v>
      </c>
      <c r="BE39" s="171">
        <v>10</v>
      </c>
      <c r="BF39" s="168">
        <v>3</v>
      </c>
      <c r="BG39" s="169">
        <v>0</v>
      </c>
      <c r="BH39" s="170">
        <v>3</v>
      </c>
      <c r="BI39" s="439">
        <v>0</v>
      </c>
      <c r="BJ39" s="169">
        <v>4</v>
      </c>
      <c r="BK39" s="169">
        <v>2</v>
      </c>
      <c r="BL39" s="169">
        <v>1</v>
      </c>
      <c r="BM39" s="169">
        <v>1</v>
      </c>
      <c r="BN39" s="169">
        <v>0</v>
      </c>
      <c r="BO39" s="170">
        <v>8</v>
      </c>
      <c r="BP39" s="171">
        <v>11</v>
      </c>
      <c r="BQ39" s="168">
        <v>0</v>
      </c>
      <c r="BR39" s="169">
        <v>3</v>
      </c>
      <c r="BS39" s="170">
        <v>3</v>
      </c>
      <c r="BT39" s="439">
        <v>0</v>
      </c>
      <c r="BU39" s="169">
        <v>2</v>
      </c>
      <c r="BV39" s="169">
        <v>1</v>
      </c>
      <c r="BW39" s="169">
        <v>1</v>
      </c>
      <c r="BX39" s="169">
        <v>4</v>
      </c>
      <c r="BY39" s="169">
        <v>0</v>
      </c>
      <c r="BZ39" s="170">
        <v>8</v>
      </c>
      <c r="CA39" s="171">
        <v>11</v>
      </c>
      <c r="CB39" s="168">
        <v>0</v>
      </c>
      <c r="CC39" s="169">
        <v>0</v>
      </c>
      <c r="CD39" s="170">
        <v>0</v>
      </c>
      <c r="CE39" s="439">
        <v>0</v>
      </c>
      <c r="CF39" s="169">
        <v>0</v>
      </c>
      <c r="CG39" s="169">
        <v>0</v>
      </c>
      <c r="CH39" s="169">
        <v>0</v>
      </c>
      <c r="CI39" s="169">
        <v>0</v>
      </c>
      <c r="CJ39" s="169">
        <v>0</v>
      </c>
      <c r="CK39" s="170">
        <v>0</v>
      </c>
      <c r="CL39" s="171">
        <v>0</v>
      </c>
      <c r="CM39" s="168">
        <v>5</v>
      </c>
      <c r="CN39" s="169">
        <v>5</v>
      </c>
      <c r="CO39" s="170">
        <v>10</v>
      </c>
      <c r="CP39" s="439">
        <v>0</v>
      </c>
      <c r="CQ39" s="169">
        <v>11</v>
      </c>
      <c r="CR39" s="169">
        <v>8</v>
      </c>
      <c r="CS39" s="169">
        <v>3</v>
      </c>
      <c r="CT39" s="169">
        <v>8</v>
      </c>
      <c r="CU39" s="169">
        <v>3</v>
      </c>
      <c r="CV39" s="170">
        <v>33</v>
      </c>
      <c r="CW39" s="171">
        <v>43</v>
      </c>
      <c r="CX39" s="172">
        <v>1</v>
      </c>
      <c r="CY39" s="164">
        <v>2</v>
      </c>
      <c r="CZ39" s="165">
        <v>3</v>
      </c>
      <c r="DA39" s="439">
        <v>0</v>
      </c>
      <c r="DB39" s="164">
        <v>3</v>
      </c>
      <c r="DC39" s="164">
        <v>1</v>
      </c>
      <c r="DD39" s="164">
        <v>0</v>
      </c>
      <c r="DE39" s="164">
        <v>1</v>
      </c>
      <c r="DF39" s="164">
        <v>2</v>
      </c>
      <c r="DG39" s="166">
        <v>7</v>
      </c>
      <c r="DH39" s="167">
        <v>10</v>
      </c>
      <c r="DI39" s="168">
        <v>0</v>
      </c>
      <c r="DJ39" s="169">
        <v>0</v>
      </c>
      <c r="DK39" s="170">
        <v>0</v>
      </c>
      <c r="DL39" s="439">
        <v>0</v>
      </c>
      <c r="DM39" s="169">
        <v>1</v>
      </c>
      <c r="DN39" s="169">
        <v>0</v>
      </c>
      <c r="DO39" s="169">
        <v>0</v>
      </c>
      <c r="DP39" s="169">
        <v>0</v>
      </c>
      <c r="DQ39" s="169">
        <v>0</v>
      </c>
      <c r="DR39" s="170">
        <v>1</v>
      </c>
      <c r="DS39" s="171">
        <v>1</v>
      </c>
      <c r="DT39" s="168">
        <v>0</v>
      </c>
      <c r="DU39" s="169">
        <v>0</v>
      </c>
      <c r="DV39" s="170">
        <v>0</v>
      </c>
      <c r="DW39" s="439">
        <v>0</v>
      </c>
      <c r="DX39" s="169">
        <v>0</v>
      </c>
      <c r="DY39" s="169">
        <v>0</v>
      </c>
      <c r="DZ39" s="169">
        <v>0</v>
      </c>
      <c r="EA39" s="169">
        <v>1</v>
      </c>
      <c r="EB39" s="169">
        <v>0</v>
      </c>
      <c r="EC39" s="170">
        <v>1</v>
      </c>
      <c r="ED39" s="171">
        <v>1</v>
      </c>
      <c r="EE39" s="168">
        <v>0</v>
      </c>
      <c r="EF39" s="169">
        <v>0</v>
      </c>
      <c r="EG39" s="170">
        <v>0</v>
      </c>
      <c r="EH39" s="439">
        <v>0</v>
      </c>
      <c r="EI39" s="169">
        <v>0</v>
      </c>
      <c r="EJ39" s="169">
        <v>0</v>
      </c>
      <c r="EK39" s="169">
        <v>0</v>
      </c>
      <c r="EL39" s="169">
        <v>0</v>
      </c>
      <c r="EM39" s="169">
        <v>0</v>
      </c>
      <c r="EN39" s="170">
        <v>0</v>
      </c>
      <c r="EO39" s="171">
        <v>0</v>
      </c>
      <c r="EP39" s="168">
        <v>0</v>
      </c>
      <c r="EQ39" s="169">
        <v>0</v>
      </c>
      <c r="ER39" s="170">
        <v>0</v>
      </c>
      <c r="ES39" s="439">
        <v>0</v>
      </c>
      <c r="ET39" s="169">
        <v>1</v>
      </c>
      <c r="EU39" s="169">
        <v>0</v>
      </c>
      <c r="EV39" s="169">
        <v>0</v>
      </c>
      <c r="EW39" s="169">
        <v>0</v>
      </c>
      <c r="EX39" s="169">
        <v>0</v>
      </c>
      <c r="EY39" s="170">
        <v>1</v>
      </c>
      <c r="EZ39" s="171">
        <v>1</v>
      </c>
      <c r="FA39" s="168">
        <v>0</v>
      </c>
      <c r="FB39" s="169">
        <v>2</v>
      </c>
      <c r="FC39" s="170">
        <v>2</v>
      </c>
      <c r="FD39" s="439">
        <v>0</v>
      </c>
      <c r="FE39" s="169">
        <v>0</v>
      </c>
      <c r="FF39" s="169">
        <v>1</v>
      </c>
      <c r="FG39" s="169">
        <v>0</v>
      </c>
      <c r="FH39" s="169">
        <v>0</v>
      </c>
      <c r="FI39" s="169">
        <v>1</v>
      </c>
      <c r="FJ39" s="170">
        <v>2</v>
      </c>
      <c r="FK39" s="171">
        <v>4</v>
      </c>
      <c r="FL39" s="168">
        <v>1</v>
      </c>
      <c r="FM39" s="169">
        <v>0</v>
      </c>
      <c r="FN39" s="170">
        <v>1</v>
      </c>
      <c r="FO39" s="439">
        <v>0</v>
      </c>
      <c r="FP39" s="169">
        <v>1</v>
      </c>
      <c r="FQ39" s="169">
        <v>0</v>
      </c>
      <c r="FR39" s="169">
        <v>0</v>
      </c>
      <c r="FS39" s="169">
        <v>0</v>
      </c>
      <c r="FT39" s="169">
        <v>1</v>
      </c>
      <c r="FU39" s="170">
        <v>2</v>
      </c>
      <c r="FV39" s="171">
        <v>3</v>
      </c>
      <c r="FW39" s="168">
        <v>0</v>
      </c>
      <c r="FX39" s="169">
        <v>0</v>
      </c>
      <c r="FY39" s="170">
        <v>0</v>
      </c>
      <c r="FZ39" s="439">
        <v>0</v>
      </c>
      <c r="GA39" s="169">
        <v>0</v>
      </c>
      <c r="GB39" s="169">
        <v>0</v>
      </c>
      <c r="GC39" s="169">
        <v>0</v>
      </c>
      <c r="GD39" s="169">
        <v>0</v>
      </c>
      <c r="GE39" s="169">
        <v>0</v>
      </c>
      <c r="GF39" s="170">
        <v>0</v>
      </c>
      <c r="GG39" s="171">
        <v>0</v>
      </c>
      <c r="GH39" s="168">
        <v>1</v>
      </c>
      <c r="GI39" s="169">
        <v>2</v>
      </c>
      <c r="GJ39" s="170">
        <v>3</v>
      </c>
      <c r="GK39" s="439">
        <v>0</v>
      </c>
      <c r="GL39" s="169">
        <v>3</v>
      </c>
      <c r="GM39" s="169">
        <v>1</v>
      </c>
      <c r="GN39" s="169">
        <v>0</v>
      </c>
      <c r="GO39" s="169">
        <v>1</v>
      </c>
      <c r="GP39" s="169">
        <v>2</v>
      </c>
      <c r="GQ39" s="170">
        <v>7</v>
      </c>
      <c r="GR39" s="171">
        <v>10</v>
      </c>
      <c r="GS39" s="172">
        <v>6</v>
      </c>
      <c r="GT39" s="164">
        <v>7</v>
      </c>
      <c r="GU39" s="165">
        <v>13</v>
      </c>
      <c r="GV39" s="439">
        <v>0</v>
      </c>
      <c r="GW39" s="164">
        <v>14</v>
      </c>
      <c r="GX39" s="164">
        <v>9</v>
      </c>
      <c r="GY39" s="164">
        <v>3</v>
      </c>
      <c r="GZ39" s="164">
        <v>9</v>
      </c>
      <c r="HA39" s="164">
        <v>5</v>
      </c>
      <c r="HB39" s="166">
        <v>40</v>
      </c>
      <c r="HC39" s="167">
        <v>53</v>
      </c>
      <c r="HD39" s="168">
        <v>0</v>
      </c>
      <c r="HE39" s="169">
        <v>0</v>
      </c>
      <c r="HF39" s="170">
        <v>0</v>
      </c>
      <c r="HG39" s="439">
        <v>0</v>
      </c>
      <c r="HH39" s="169">
        <v>2</v>
      </c>
      <c r="HI39" s="169">
        <v>1</v>
      </c>
      <c r="HJ39" s="169">
        <v>1</v>
      </c>
      <c r="HK39" s="169">
        <v>0</v>
      </c>
      <c r="HL39" s="169">
        <v>1</v>
      </c>
      <c r="HM39" s="170">
        <v>5</v>
      </c>
      <c r="HN39" s="171">
        <v>5</v>
      </c>
      <c r="HO39" s="168">
        <v>1</v>
      </c>
      <c r="HP39" s="169">
        <v>0</v>
      </c>
      <c r="HQ39" s="170">
        <v>1</v>
      </c>
      <c r="HR39" s="439">
        <v>0</v>
      </c>
      <c r="HS39" s="169">
        <v>0</v>
      </c>
      <c r="HT39" s="169">
        <v>1</v>
      </c>
      <c r="HU39" s="169">
        <v>0</v>
      </c>
      <c r="HV39" s="169">
        <v>1</v>
      </c>
      <c r="HW39" s="169">
        <v>1</v>
      </c>
      <c r="HX39" s="170">
        <v>3</v>
      </c>
      <c r="HY39" s="171">
        <v>4</v>
      </c>
      <c r="HZ39" s="168">
        <v>0</v>
      </c>
      <c r="IA39" s="169">
        <v>0</v>
      </c>
      <c r="IB39" s="170">
        <v>0</v>
      </c>
      <c r="IC39" s="439">
        <v>0</v>
      </c>
      <c r="ID39" s="169">
        <v>1</v>
      </c>
      <c r="IE39" s="169">
        <v>1</v>
      </c>
      <c r="IF39" s="169">
        <v>0</v>
      </c>
      <c r="IG39" s="169">
        <v>2</v>
      </c>
      <c r="IH39" s="169">
        <v>0</v>
      </c>
      <c r="II39" s="170">
        <v>4</v>
      </c>
      <c r="IJ39" s="171">
        <v>4</v>
      </c>
      <c r="IK39" s="168">
        <v>1</v>
      </c>
      <c r="IL39" s="169">
        <v>2</v>
      </c>
      <c r="IM39" s="170">
        <v>3</v>
      </c>
      <c r="IN39" s="439">
        <v>0</v>
      </c>
      <c r="IO39" s="169">
        <v>4</v>
      </c>
      <c r="IP39" s="169">
        <v>2</v>
      </c>
      <c r="IQ39" s="169">
        <v>0</v>
      </c>
      <c r="IR39" s="169">
        <v>1</v>
      </c>
      <c r="IS39" s="169">
        <v>1</v>
      </c>
      <c r="IT39" s="170">
        <v>8</v>
      </c>
      <c r="IU39" s="171">
        <v>11</v>
      </c>
      <c r="IV39" s="168">
        <v>3</v>
      </c>
      <c r="IW39" s="169">
        <v>2</v>
      </c>
      <c r="IX39" s="170">
        <v>5</v>
      </c>
      <c r="IY39" s="439">
        <v>0</v>
      </c>
      <c r="IZ39" s="169">
        <v>4</v>
      </c>
      <c r="JA39" s="169">
        <v>3</v>
      </c>
      <c r="JB39" s="169">
        <v>1</v>
      </c>
      <c r="JC39" s="169">
        <v>1</v>
      </c>
      <c r="JD39" s="169">
        <v>1</v>
      </c>
      <c r="JE39" s="170">
        <v>10</v>
      </c>
      <c r="JF39" s="171">
        <v>15</v>
      </c>
      <c r="JG39" s="168">
        <v>1</v>
      </c>
      <c r="JH39" s="169">
        <v>3</v>
      </c>
      <c r="JI39" s="170">
        <v>4</v>
      </c>
      <c r="JJ39" s="439">
        <v>0</v>
      </c>
      <c r="JK39" s="169">
        <v>3</v>
      </c>
      <c r="JL39" s="169">
        <v>1</v>
      </c>
      <c r="JM39" s="169">
        <v>1</v>
      </c>
      <c r="JN39" s="169">
        <v>4</v>
      </c>
      <c r="JO39" s="169">
        <v>1</v>
      </c>
      <c r="JP39" s="170">
        <v>10</v>
      </c>
      <c r="JQ39" s="171">
        <v>14</v>
      </c>
      <c r="JR39" s="168">
        <v>0</v>
      </c>
      <c r="JS39" s="169">
        <v>0</v>
      </c>
      <c r="JT39" s="170">
        <v>0</v>
      </c>
      <c r="JU39" s="439">
        <v>0</v>
      </c>
      <c r="JV39" s="169">
        <v>0</v>
      </c>
      <c r="JW39" s="169">
        <v>0</v>
      </c>
      <c r="JX39" s="169">
        <v>0</v>
      </c>
      <c r="JY39" s="169">
        <v>0</v>
      </c>
      <c r="JZ39" s="169">
        <v>0</v>
      </c>
      <c r="KA39" s="170">
        <v>0</v>
      </c>
      <c r="KB39" s="171">
        <v>0</v>
      </c>
      <c r="KC39" s="168">
        <v>6</v>
      </c>
      <c r="KD39" s="169">
        <v>7</v>
      </c>
      <c r="KE39" s="170">
        <v>13</v>
      </c>
      <c r="KF39" s="439">
        <v>0</v>
      </c>
      <c r="KG39" s="169">
        <v>14</v>
      </c>
      <c r="KH39" s="169">
        <v>9</v>
      </c>
      <c r="KI39" s="169">
        <v>3</v>
      </c>
      <c r="KJ39" s="169">
        <v>9</v>
      </c>
      <c r="KK39" s="169">
        <v>5</v>
      </c>
      <c r="KL39" s="170">
        <v>40</v>
      </c>
      <c r="KM39" s="171">
        <v>53</v>
      </c>
    </row>
    <row r="40" spans="2:299" s="137" customFormat="1" ht="21" customHeight="1" thickBot="1" x14ac:dyDescent="0.25">
      <c r="B40" s="175" t="s">
        <v>37</v>
      </c>
      <c r="C40" s="176">
        <v>0</v>
      </c>
      <c r="D40" s="177">
        <v>0</v>
      </c>
      <c r="E40" s="178">
        <v>0</v>
      </c>
      <c r="F40" s="440">
        <v>0</v>
      </c>
      <c r="G40" s="177">
        <v>1</v>
      </c>
      <c r="H40" s="177">
        <v>1</v>
      </c>
      <c r="I40" s="177">
        <v>2</v>
      </c>
      <c r="J40" s="177">
        <v>0</v>
      </c>
      <c r="K40" s="177">
        <v>0</v>
      </c>
      <c r="L40" s="179">
        <v>4</v>
      </c>
      <c r="M40" s="180">
        <v>4</v>
      </c>
      <c r="N40" s="181">
        <v>0</v>
      </c>
      <c r="O40" s="182">
        <v>0</v>
      </c>
      <c r="P40" s="183">
        <v>0</v>
      </c>
      <c r="Q40" s="440">
        <v>0</v>
      </c>
      <c r="R40" s="182">
        <v>0</v>
      </c>
      <c r="S40" s="182">
        <v>0</v>
      </c>
      <c r="T40" s="182">
        <v>0</v>
      </c>
      <c r="U40" s="182">
        <v>0</v>
      </c>
      <c r="V40" s="182">
        <v>0</v>
      </c>
      <c r="W40" s="183">
        <v>0</v>
      </c>
      <c r="X40" s="184">
        <v>0</v>
      </c>
      <c r="Y40" s="181">
        <v>0</v>
      </c>
      <c r="Z40" s="182">
        <v>0</v>
      </c>
      <c r="AA40" s="183">
        <v>0</v>
      </c>
      <c r="AB40" s="440">
        <v>0</v>
      </c>
      <c r="AC40" s="182">
        <v>0</v>
      </c>
      <c r="AD40" s="182">
        <v>0</v>
      </c>
      <c r="AE40" s="182">
        <v>1</v>
      </c>
      <c r="AF40" s="182">
        <v>0</v>
      </c>
      <c r="AG40" s="182">
        <v>0</v>
      </c>
      <c r="AH40" s="183">
        <v>1</v>
      </c>
      <c r="AI40" s="184">
        <v>1</v>
      </c>
      <c r="AJ40" s="181">
        <v>0</v>
      </c>
      <c r="AK40" s="182">
        <v>0</v>
      </c>
      <c r="AL40" s="183">
        <v>0</v>
      </c>
      <c r="AM40" s="440">
        <v>0</v>
      </c>
      <c r="AN40" s="182">
        <v>1</v>
      </c>
      <c r="AO40" s="182">
        <v>0</v>
      </c>
      <c r="AP40" s="182">
        <v>1</v>
      </c>
      <c r="AQ40" s="182">
        <v>0</v>
      </c>
      <c r="AR40" s="182">
        <v>0</v>
      </c>
      <c r="AS40" s="183">
        <v>2</v>
      </c>
      <c r="AT40" s="184">
        <v>2</v>
      </c>
      <c r="AU40" s="181">
        <v>0</v>
      </c>
      <c r="AV40" s="182">
        <v>0</v>
      </c>
      <c r="AW40" s="183">
        <v>0</v>
      </c>
      <c r="AX40" s="440">
        <v>0</v>
      </c>
      <c r="AY40" s="182">
        <v>0</v>
      </c>
      <c r="AZ40" s="182">
        <v>0</v>
      </c>
      <c r="BA40" s="182">
        <v>0</v>
      </c>
      <c r="BB40" s="182">
        <v>0</v>
      </c>
      <c r="BC40" s="182">
        <v>0</v>
      </c>
      <c r="BD40" s="183">
        <v>0</v>
      </c>
      <c r="BE40" s="184">
        <v>0</v>
      </c>
      <c r="BF40" s="181">
        <v>0</v>
      </c>
      <c r="BG40" s="182">
        <v>0</v>
      </c>
      <c r="BH40" s="183">
        <v>0</v>
      </c>
      <c r="BI40" s="440">
        <v>0</v>
      </c>
      <c r="BJ40" s="182">
        <v>0</v>
      </c>
      <c r="BK40" s="182">
        <v>1</v>
      </c>
      <c r="BL40" s="182">
        <v>0</v>
      </c>
      <c r="BM40" s="182">
        <v>0</v>
      </c>
      <c r="BN40" s="182">
        <v>0</v>
      </c>
      <c r="BO40" s="183">
        <v>1</v>
      </c>
      <c r="BP40" s="184">
        <v>1</v>
      </c>
      <c r="BQ40" s="181">
        <v>0</v>
      </c>
      <c r="BR40" s="182">
        <v>0</v>
      </c>
      <c r="BS40" s="183">
        <v>0</v>
      </c>
      <c r="BT40" s="440">
        <v>0</v>
      </c>
      <c r="BU40" s="182">
        <v>0</v>
      </c>
      <c r="BV40" s="182">
        <v>0</v>
      </c>
      <c r="BW40" s="182">
        <v>0</v>
      </c>
      <c r="BX40" s="182">
        <v>0</v>
      </c>
      <c r="BY40" s="182">
        <v>0</v>
      </c>
      <c r="BZ40" s="183">
        <v>0</v>
      </c>
      <c r="CA40" s="184">
        <v>0</v>
      </c>
      <c r="CB40" s="181">
        <v>0</v>
      </c>
      <c r="CC40" s="182">
        <v>0</v>
      </c>
      <c r="CD40" s="183">
        <v>0</v>
      </c>
      <c r="CE40" s="440">
        <v>0</v>
      </c>
      <c r="CF40" s="182">
        <v>0</v>
      </c>
      <c r="CG40" s="182">
        <v>0</v>
      </c>
      <c r="CH40" s="182">
        <v>0</v>
      </c>
      <c r="CI40" s="182">
        <v>0</v>
      </c>
      <c r="CJ40" s="182">
        <v>0</v>
      </c>
      <c r="CK40" s="183">
        <v>0</v>
      </c>
      <c r="CL40" s="184">
        <v>0</v>
      </c>
      <c r="CM40" s="181">
        <v>0</v>
      </c>
      <c r="CN40" s="182">
        <v>0</v>
      </c>
      <c r="CO40" s="183">
        <v>0</v>
      </c>
      <c r="CP40" s="440">
        <v>0</v>
      </c>
      <c r="CQ40" s="182">
        <v>1</v>
      </c>
      <c r="CR40" s="182">
        <v>1</v>
      </c>
      <c r="CS40" s="182">
        <v>2</v>
      </c>
      <c r="CT40" s="182">
        <v>0</v>
      </c>
      <c r="CU40" s="182">
        <v>0</v>
      </c>
      <c r="CV40" s="183">
        <v>4</v>
      </c>
      <c r="CW40" s="184">
        <v>4</v>
      </c>
      <c r="CX40" s="185">
        <v>0</v>
      </c>
      <c r="CY40" s="177">
        <v>0</v>
      </c>
      <c r="CZ40" s="178">
        <v>0</v>
      </c>
      <c r="DA40" s="440">
        <v>0</v>
      </c>
      <c r="DB40" s="177">
        <v>0</v>
      </c>
      <c r="DC40" s="177">
        <v>0</v>
      </c>
      <c r="DD40" s="177">
        <v>0</v>
      </c>
      <c r="DE40" s="177">
        <v>0</v>
      </c>
      <c r="DF40" s="177">
        <v>0</v>
      </c>
      <c r="DG40" s="179">
        <v>0</v>
      </c>
      <c r="DH40" s="180">
        <v>0</v>
      </c>
      <c r="DI40" s="181">
        <v>0</v>
      </c>
      <c r="DJ40" s="182">
        <v>0</v>
      </c>
      <c r="DK40" s="183">
        <v>0</v>
      </c>
      <c r="DL40" s="440">
        <v>0</v>
      </c>
      <c r="DM40" s="182">
        <v>0</v>
      </c>
      <c r="DN40" s="182">
        <v>0</v>
      </c>
      <c r="DO40" s="182">
        <v>0</v>
      </c>
      <c r="DP40" s="182">
        <v>0</v>
      </c>
      <c r="DQ40" s="182">
        <v>0</v>
      </c>
      <c r="DR40" s="183">
        <v>0</v>
      </c>
      <c r="DS40" s="184">
        <v>0</v>
      </c>
      <c r="DT40" s="181">
        <v>0</v>
      </c>
      <c r="DU40" s="182">
        <v>0</v>
      </c>
      <c r="DV40" s="183">
        <v>0</v>
      </c>
      <c r="DW40" s="440">
        <v>0</v>
      </c>
      <c r="DX40" s="182">
        <v>0</v>
      </c>
      <c r="DY40" s="182">
        <v>0</v>
      </c>
      <c r="DZ40" s="182">
        <v>0</v>
      </c>
      <c r="EA40" s="182">
        <v>0</v>
      </c>
      <c r="EB40" s="182">
        <v>0</v>
      </c>
      <c r="EC40" s="183">
        <v>0</v>
      </c>
      <c r="ED40" s="184">
        <v>0</v>
      </c>
      <c r="EE40" s="181">
        <v>0</v>
      </c>
      <c r="EF40" s="182">
        <v>0</v>
      </c>
      <c r="EG40" s="183">
        <v>0</v>
      </c>
      <c r="EH40" s="440">
        <v>0</v>
      </c>
      <c r="EI40" s="182">
        <v>0</v>
      </c>
      <c r="EJ40" s="182">
        <v>0</v>
      </c>
      <c r="EK40" s="182">
        <v>0</v>
      </c>
      <c r="EL40" s="182">
        <v>0</v>
      </c>
      <c r="EM40" s="182">
        <v>0</v>
      </c>
      <c r="EN40" s="183">
        <v>0</v>
      </c>
      <c r="EO40" s="184">
        <v>0</v>
      </c>
      <c r="EP40" s="181">
        <v>0</v>
      </c>
      <c r="EQ40" s="182">
        <v>0</v>
      </c>
      <c r="ER40" s="183">
        <v>0</v>
      </c>
      <c r="ES40" s="440">
        <v>0</v>
      </c>
      <c r="ET40" s="182">
        <v>0</v>
      </c>
      <c r="EU40" s="182">
        <v>0</v>
      </c>
      <c r="EV40" s="182">
        <v>0</v>
      </c>
      <c r="EW40" s="182">
        <v>0</v>
      </c>
      <c r="EX40" s="182">
        <v>0</v>
      </c>
      <c r="EY40" s="183">
        <v>0</v>
      </c>
      <c r="EZ40" s="184">
        <v>0</v>
      </c>
      <c r="FA40" s="181">
        <v>0</v>
      </c>
      <c r="FB40" s="182">
        <v>0</v>
      </c>
      <c r="FC40" s="183">
        <v>0</v>
      </c>
      <c r="FD40" s="440">
        <v>0</v>
      </c>
      <c r="FE40" s="182">
        <v>0</v>
      </c>
      <c r="FF40" s="182">
        <v>0</v>
      </c>
      <c r="FG40" s="182">
        <v>0</v>
      </c>
      <c r="FH40" s="182">
        <v>0</v>
      </c>
      <c r="FI40" s="182">
        <v>0</v>
      </c>
      <c r="FJ40" s="183">
        <v>0</v>
      </c>
      <c r="FK40" s="184">
        <v>0</v>
      </c>
      <c r="FL40" s="181">
        <v>0</v>
      </c>
      <c r="FM40" s="182">
        <v>0</v>
      </c>
      <c r="FN40" s="183">
        <v>0</v>
      </c>
      <c r="FO40" s="440">
        <v>0</v>
      </c>
      <c r="FP40" s="182">
        <v>0</v>
      </c>
      <c r="FQ40" s="182">
        <v>0</v>
      </c>
      <c r="FR40" s="182">
        <v>0</v>
      </c>
      <c r="FS40" s="182">
        <v>0</v>
      </c>
      <c r="FT40" s="182">
        <v>0</v>
      </c>
      <c r="FU40" s="183">
        <v>0</v>
      </c>
      <c r="FV40" s="184">
        <v>0</v>
      </c>
      <c r="FW40" s="181">
        <v>0</v>
      </c>
      <c r="FX40" s="182">
        <v>0</v>
      </c>
      <c r="FY40" s="183">
        <v>0</v>
      </c>
      <c r="FZ40" s="440">
        <v>0</v>
      </c>
      <c r="GA40" s="182">
        <v>0</v>
      </c>
      <c r="GB40" s="182">
        <v>0</v>
      </c>
      <c r="GC40" s="182">
        <v>0</v>
      </c>
      <c r="GD40" s="182">
        <v>0</v>
      </c>
      <c r="GE40" s="182">
        <v>0</v>
      </c>
      <c r="GF40" s="183">
        <v>0</v>
      </c>
      <c r="GG40" s="184">
        <v>0</v>
      </c>
      <c r="GH40" s="181">
        <v>0</v>
      </c>
      <c r="GI40" s="182">
        <v>0</v>
      </c>
      <c r="GJ40" s="183">
        <v>0</v>
      </c>
      <c r="GK40" s="440">
        <v>0</v>
      </c>
      <c r="GL40" s="182">
        <v>0</v>
      </c>
      <c r="GM40" s="182">
        <v>0</v>
      </c>
      <c r="GN40" s="182">
        <v>0</v>
      </c>
      <c r="GO40" s="182">
        <v>0</v>
      </c>
      <c r="GP40" s="182">
        <v>0</v>
      </c>
      <c r="GQ40" s="183">
        <v>0</v>
      </c>
      <c r="GR40" s="184">
        <v>0</v>
      </c>
      <c r="GS40" s="185">
        <v>0</v>
      </c>
      <c r="GT40" s="177">
        <v>0</v>
      </c>
      <c r="GU40" s="178">
        <v>0</v>
      </c>
      <c r="GV40" s="440">
        <v>0</v>
      </c>
      <c r="GW40" s="177">
        <v>1</v>
      </c>
      <c r="GX40" s="177">
        <v>1</v>
      </c>
      <c r="GY40" s="177">
        <v>2</v>
      </c>
      <c r="GZ40" s="177">
        <v>0</v>
      </c>
      <c r="HA40" s="177">
        <v>0</v>
      </c>
      <c r="HB40" s="179">
        <v>4</v>
      </c>
      <c r="HC40" s="180">
        <v>4</v>
      </c>
      <c r="HD40" s="181">
        <v>0</v>
      </c>
      <c r="HE40" s="182">
        <v>0</v>
      </c>
      <c r="HF40" s="183">
        <v>0</v>
      </c>
      <c r="HG40" s="440">
        <v>0</v>
      </c>
      <c r="HH40" s="182">
        <v>0</v>
      </c>
      <c r="HI40" s="182">
        <v>0</v>
      </c>
      <c r="HJ40" s="182">
        <v>0</v>
      </c>
      <c r="HK40" s="182">
        <v>0</v>
      </c>
      <c r="HL40" s="182">
        <v>0</v>
      </c>
      <c r="HM40" s="183">
        <v>0</v>
      </c>
      <c r="HN40" s="184">
        <v>0</v>
      </c>
      <c r="HO40" s="181">
        <v>0</v>
      </c>
      <c r="HP40" s="182">
        <v>0</v>
      </c>
      <c r="HQ40" s="183">
        <v>0</v>
      </c>
      <c r="HR40" s="440">
        <v>0</v>
      </c>
      <c r="HS40" s="182">
        <v>0</v>
      </c>
      <c r="HT40" s="182">
        <v>0</v>
      </c>
      <c r="HU40" s="182">
        <v>1</v>
      </c>
      <c r="HV40" s="182">
        <v>0</v>
      </c>
      <c r="HW40" s="182">
        <v>0</v>
      </c>
      <c r="HX40" s="183">
        <v>1</v>
      </c>
      <c r="HY40" s="184">
        <v>1</v>
      </c>
      <c r="HZ40" s="181">
        <v>0</v>
      </c>
      <c r="IA40" s="182">
        <v>0</v>
      </c>
      <c r="IB40" s="183">
        <v>0</v>
      </c>
      <c r="IC40" s="440">
        <v>0</v>
      </c>
      <c r="ID40" s="182">
        <v>1</v>
      </c>
      <c r="IE40" s="182">
        <v>0</v>
      </c>
      <c r="IF40" s="182">
        <v>1</v>
      </c>
      <c r="IG40" s="182">
        <v>0</v>
      </c>
      <c r="IH40" s="182">
        <v>0</v>
      </c>
      <c r="II40" s="183">
        <v>2</v>
      </c>
      <c r="IJ40" s="184">
        <v>2</v>
      </c>
      <c r="IK40" s="181">
        <v>0</v>
      </c>
      <c r="IL40" s="182">
        <v>0</v>
      </c>
      <c r="IM40" s="183">
        <v>0</v>
      </c>
      <c r="IN40" s="440">
        <v>0</v>
      </c>
      <c r="IO40" s="182">
        <v>0</v>
      </c>
      <c r="IP40" s="182">
        <v>0</v>
      </c>
      <c r="IQ40" s="182">
        <v>0</v>
      </c>
      <c r="IR40" s="182">
        <v>0</v>
      </c>
      <c r="IS40" s="182">
        <v>0</v>
      </c>
      <c r="IT40" s="183">
        <v>0</v>
      </c>
      <c r="IU40" s="184">
        <v>0</v>
      </c>
      <c r="IV40" s="181">
        <v>0</v>
      </c>
      <c r="IW40" s="182">
        <v>0</v>
      </c>
      <c r="IX40" s="183">
        <v>0</v>
      </c>
      <c r="IY40" s="440">
        <v>0</v>
      </c>
      <c r="IZ40" s="182">
        <v>0</v>
      </c>
      <c r="JA40" s="182">
        <v>1</v>
      </c>
      <c r="JB40" s="182">
        <v>0</v>
      </c>
      <c r="JC40" s="182">
        <v>0</v>
      </c>
      <c r="JD40" s="182">
        <v>0</v>
      </c>
      <c r="JE40" s="183">
        <v>1</v>
      </c>
      <c r="JF40" s="184">
        <v>1</v>
      </c>
      <c r="JG40" s="181">
        <v>0</v>
      </c>
      <c r="JH40" s="182">
        <v>0</v>
      </c>
      <c r="JI40" s="183">
        <v>0</v>
      </c>
      <c r="JJ40" s="440">
        <v>0</v>
      </c>
      <c r="JK40" s="182">
        <v>0</v>
      </c>
      <c r="JL40" s="182">
        <v>0</v>
      </c>
      <c r="JM40" s="182">
        <v>0</v>
      </c>
      <c r="JN40" s="182">
        <v>0</v>
      </c>
      <c r="JO40" s="182">
        <v>0</v>
      </c>
      <c r="JP40" s="183">
        <v>0</v>
      </c>
      <c r="JQ40" s="184">
        <v>0</v>
      </c>
      <c r="JR40" s="181">
        <v>0</v>
      </c>
      <c r="JS40" s="182">
        <v>0</v>
      </c>
      <c r="JT40" s="183">
        <v>0</v>
      </c>
      <c r="JU40" s="440">
        <v>0</v>
      </c>
      <c r="JV40" s="182">
        <v>0</v>
      </c>
      <c r="JW40" s="182">
        <v>0</v>
      </c>
      <c r="JX40" s="182">
        <v>0</v>
      </c>
      <c r="JY40" s="182">
        <v>0</v>
      </c>
      <c r="JZ40" s="182">
        <v>0</v>
      </c>
      <c r="KA40" s="183">
        <v>0</v>
      </c>
      <c r="KB40" s="184">
        <v>0</v>
      </c>
      <c r="KC40" s="181">
        <v>0</v>
      </c>
      <c r="KD40" s="182">
        <v>0</v>
      </c>
      <c r="KE40" s="183">
        <v>0</v>
      </c>
      <c r="KF40" s="440">
        <v>0</v>
      </c>
      <c r="KG40" s="182">
        <v>1</v>
      </c>
      <c r="KH40" s="182">
        <v>1</v>
      </c>
      <c r="KI40" s="182">
        <v>2</v>
      </c>
      <c r="KJ40" s="182">
        <v>0</v>
      </c>
      <c r="KK40" s="182">
        <v>0</v>
      </c>
      <c r="KL40" s="183">
        <v>4</v>
      </c>
      <c r="KM40" s="184">
        <v>4</v>
      </c>
    </row>
    <row r="41" spans="2:299" ht="32.25" customHeight="1" x14ac:dyDescent="0.2">
      <c r="C41" s="137" t="s">
        <v>124</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138" customWidth="1"/>
    <col min="2" max="2" width="9.77734375" style="138" customWidth="1"/>
    <col min="3" max="11" width="7.88671875" style="137" customWidth="1"/>
    <col min="12" max="13" width="8.77734375" style="137" customWidth="1"/>
    <col min="14" max="33" width="7.88671875" style="137" customWidth="1"/>
    <col min="34" max="34" width="9.109375" style="137" customWidth="1"/>
    <col min="35" max="35" width="8.44140625" style="137" customWidth="1"/>
    <col min="36" max="55" width="7.88671875" style="137" customWidth="1"/>
    <col min="56" max="56" width="9.109375" style="137" customWidth="1"/>
    <col min="57" max="57" width="8.44140625" style="137" customWidth="1"/>
    <col min="58" max="77" width="7.88671875" style="137" customWidth="1"/>
    <col min="78" max="78" width="9.109375" style="137" customWidth="1"/>
    <col min="79" max="79" width="8.44140625" style="137" customWidth="1"/>
    <col min="80" max="86" width="7.88671875" style="137" customWidth="1"/>
    <col min="87" max="93" width="9" style="137"/>
    <col min="94" max="94" width="8.44140625" style="137" customWidth="1"/>
    <col min="95" max="102" width="9" style="137"/>
    <col min="103" max="104" width="9" style="138"/>
    <col min="105" max="105" width="7.77734375" style="138" customWidth="1"/>
    <col min="106" max="115" width="9" style="138"/>
    <col min="116" max="116" width="7.77734375" style="138" customWidth="1"/>
    <col min="117" max="126" width="9" style="138"/>
    <col min="127" max="127" width="7.77734375" style="138" customWidth="1"/>
    <col min="128" max="137" width="9" style="138"/>
    <col min="138" max="138" width="8" style="138" customWidth="1"/>
    <col min="139" max="148" width="9" style="138"/>
    <col min="149" max="149" width="7.77734375" style="138" customWidth="1"/>
    <col min="150" max="159" width="9" style="138"/>
    <col min="160" max="160" width="7.44140625" style="138" customWidth="1"/>
    <col min="161" max="170" width="9" style="138"/>
    <col min="171" max="171" width="7.88671875" style="138" customWidth="1"/>
    <col min="172" max="181" width="9" style="138"/>
    <col min="182" max="182" width="7.21875" style="138" customWidth="1"/>
    <col min="183" max="192" width="9" style="138"/>
    <col min="193" max="193" width="8" style="138" customWidth="1"/>
    <col min="194" max="203" width="9" style="138"/>
    <col min="204" max="204" width="7.88671875" style="138" customWidth="1"/>
    <col min="205" max="214" width="9" style="138"/>
    <col min="215" max="215" width="7.88671875" style="138" customWidth="1"/>
    <col min="216" max="225" width="9" style="138"/>
    <col min="226" max="226" width="7.33203125" style="138" customWidth="1"/>
    <col min="227" max="236" width="9" style="138"/>
    <col min="237" max="237" width="7.6640625" style="138" customWidth="1"/>
    <col min="238" max="247" width="9" style="138"/>
    <col min="248" max="248" width="8" style="138" customWidth="1"/>
    <col min="249" max="258" width="9" style="138"/>
    <col min="259" max="259" width="8" style="138" customWidth="1"/>
    <col min="260" max="269" width="9" style="138"/>
    <col min="270" max="270" width="8" style="138" customWidth="1"/>
    <col min="271" max="280" width="9" style="138"/>
    <col min="281" max="281" width="8" style="138" customWidth="1"/>
    <col min="282" max="291" width="9" style="138"/>
    <col min="292" max="292" width="8.109375" style="138" customWidth="1"/>
    <col min="293" max="16384" width="9" style="138"/>
  </cols>
  <sheetData>
    <row r="1" spans="2:299" ht="24" customHeight="1" x14ac:dyDescent="0.2">
      <c r="B1" s="9" t="s">
        <v>119</v>
      </c>
      <c r="F1" s="464">
        <f>第１表!F2</f>
        <v>6</v>
      </c>
      <c r="G1" s="464"/>
      <c r="H1" s="43">
        <f>第１表!G2</f>
        <v>4</v>
      </c>
      <c r="I1" s="463">
        <f>H1</f>
        <v>4</v>
      </c>
      <c r="J1" s="463"/>
    </row>
    <row r="2" spans="2:299" ht="24" customHeight="1" thickBot="1" x14ac:dyDescent="0.25">
      <c r="B2" s="10" t="s">
        <v>150</v>
      </c>
    </row>
    <row r="3" spans="2:299" ht="21" customHeight="1" thickBot="1" x14ac:dyDescent="0.25">
      <c r="B3" s="450" t="s">
        <v>38</v>
      </c>
      <c r="C3" s="445" t="s">
        <v>96</v>
      </c>
      <c r="D3" s="445"/>
      <c r="E3" s="445"/>
      <c r="F3" s="445"/>
      <c r="G3" s="445"/>
      <c r="H3" s="445"/>
      <c r="I3" s="445"/>
      <c r="J3" s="445"/>
      <c r="K3" s="445"/>
      <c r="L3" s="445"/>
      <c r="M3" s="445"/>
      <c r="N3" s="445"/>
      <c r="O3" s="445"/>
      <c r="P3" s="445"/>
      <c r="Q3" s="445"/>
      <c r="R3" s="445"/>
      <c r="S3" s="445"/>
      <c r="T3" s="445"/>
      <c r="U3" s="445"/>
      <c r="V3" s="445"/>
      <c r="W3" s="445"/>
      <c r="X3" s="445"/>
      <c r="Y3" s="445"/>
      <c r="Z3" s="445"/>
      <c r="AA3" s="445"/>
      <c r="AB3" s="445"/>
      <c r="AC3" s="445"/>
      <c r="AD3" s="445"/>
      <c r="AE3" s="445"/>
      <c r="AF3" s="445"/>
      <c r="AG3" s="445"/>
      <c r="AH3" s="445"/>
      <c r="AI3" s="445"/>
      <c r="AJ3" s="445"/>
      <c r="AK3" s="445"/>
      <c r="AL3" s="445"/>
      <c r="AM3" s="445"/>
      <c r="AN3" s="445"/>
      <c r="AO3" s="445"/>
      <c r="AP3" s="445"/>
      <c r="AQ3" s="445"/>
      <c r="AR3" s="445"/>
      <c r="AS3" s="445"/>
      <c r="AT3" s="445"/>
      <c r="AU3" s="445"/>
      <c r="AV3" s="445"/>
      <c r="AW3" s="445"/>
      <c r="AX3" s="445"/>
      <c r="AY3" s="445"/>
      <c r="AZ3" s="445"/>
      <c r="BA3" s="445"/>
      <c r="BB3" s="445"/>
      <c r="BC3" s="445"/>
      <c r="BD3" s="445"/>
      <c r="BE3" s="445"/>
      <c r="BF3" s="445"/>
      <c r="BG3" s="445"/>
      <c r="BH3" s="445"/>
      <c r="BI3" s="445"/>
      <c r="BJ3" s="445"/>
      <c r="BK3" s="445"/>
      <c r="BL3" s="445"/>
      <c r="BM3" s="445"/>
      <c r="BN3" s="445"/>
      <c r="BO3" s="445"/>
      <c r="BP3" s="445"/>
      <c r="BQ3" s="445"/>
      <c r="BR3" s="445"/>
      <c r="BS3" s="445"/>
      <c r="BT3" s="445"/>
      <c r="BU3" s="445"/>
      <c r="BV3" s="445"/>
      <c r="BW3" s="445"/>
      <c r="BX3" s="445"/>
      <c r="BY3" s="445"/>
      <c r="BZ3" s="445"/>
      <c r="CA3" s="445"/>
      <c r="CB3" s="445"/>
      <c r="CC3" s="445"/>
      <c r="CD3" s="445"/>
      <c r="CE3" s="445"/>
      <c r="CF3" s="445"/>
      <c r="CG3" s="445"/>
      <c r="CH3" s="445"/>
      <c r="CI3" s="445"/>
      <c r="CJ3" s="445"/>
      <c r="CK3" s="445"/>
      <c r="CL3" s="445"/>
      <c r="CM3" s="445"/>
      <c r="CN3" s="445"/>
      <c r="CO3" s="445"/>
      <c r="CP3" s="445"/>
      <c r="CQ3" s="445"/>
      <c r="CR3" s="445"/>
      <c r="CS3" s="445"/>
      <c r="CT3" s="445"/>
      <c r="CU3" s="445"/>
      <c r="CV3" s="445"/>
      <c r="CW3" s="446"/>
      <c r="CX3" s="445" t="s">
        <v>102</v>
      </c>
      <c r="CY3" s="445"/>
      <c r="CZ3" s="445"/>
      <c r="DA3" s="445"/>
      <c r="DB3" s="445"/>
      <c r="DC3" s="445"/>
      <c r="DD3" s="445"/>
      <c r="DE3" s="445"/>
      <c r="DF3" s="445"/>
      <c r="DG3" s="445"/>
      <c r="DH3" s="445"/>
      <c r="DI3" s="445"/>
      <c r="DJ3" s="445"/>
      <c r="DK3" s="445"/>
      <c r="DL3" s="445"/>
      <c r="DM3" s="445"/>
      <c r="DN3" s="445"/>
      <c r="DO3" s="445"/>
      <c r="DP3" s="445"/>
      <c r="DQ3" s="445"/>
      <c r="DR3" s="445"/>
      <c r="DS3" s="445"/>
      <c r="DT3" s="445"/>
      <c r="DU3" s="445"/>
      <c r="DV3" s="445"/>
      <c r="DW3" s="445"/>
      <c r="DX3" s="445"/>
      <c r="DY3" s="445"/>
      <c r="DZ3" s="445"/>
      <c r="EA3" s="445"/>
      <c r="EB3" s="445"/>
      <c r="EC3" s="445"/>
      <c r="ED3" s="445"/>
      <c r="EE3" s="445"/>
      <c r="EF3" s="445"/>
      <c r="EG3" s="445"/>
      <c r="EH3" s="445"/>
      <c r="EI3" s="445"/>
      <c r="EJ3" s="445"/>
      <c r="EK3" s="445"/>
      <c r="EL3" s="445"/>
      <c r="EM3" s="445"/>
      <c r="EN3" s="445"/>
      <c r="EO3" s="445"/>
      <c r="EP3" s="445"/>
      <c r="EQ3" s="445"/>
      <c r="ER3" s="445"/>
      <c r="ES3" s="445"/>
      <c r="ET3" s="445"/>
      <c r="EU3" s="445"/>
      <c r="EV3" s="445"/>
      <c r="EW3" s="445"/>
      <c r="EX3" s="445"/>
      <c r="EY3" s="445"/>
      <c r="EZ3" s="445"/>
      <c r="FA3" s="445"/>
      <c r="FB3" s="445"/>
      <c r="FC3" s="445"/>
      <c r="FD3" s="445"/>
      <c r="FE3" s="445"/>
      <c r="FF3" s="445"/>
      <c r="FG3" s="445"/>
      <c r="FH3" s="445"/>
      <c r="FI3" s="445"/>
      <c r="FJ3" s="445"/>
      <c r="FK3" s="445"/>
      <c r="FL3" s="445"/>
      <c r="FM3" s="445"/>
      <c r="FN3" s="445"/>
      <c r="FO3" s="445"/>
      <c r="FP3" s="445"/>
      <c r="FQ3" s="445"/>
      <c r="FR3" s="445"/>
      <c r="FS3" s="445"/>
      <c r="FT3" s="445"/>
      <c r="FU3" s="445"/>
      <c r="FV3" s="445"/>
      <c r="FW3" s="445"/>
      <c r="FX3" s="445"/>
      <c r="FY3" s="445"/>
      <c r="FZ3" s="445"/>
      <c r="GA3" s="445"/>
      <c r="GB3" s="445"/>
      <c r="GC3" s="445"/>
      <c r="GD3" s="445"/>
      <c r="GE3" s="445"/>
      <c r="GF3" s="445"/>
      <c r="GG3" s="445"/>
      <c r="GH3" s="445"/>
      <c r="GI3" s="445"/>
      <c r="GJ3" s="445"/>
      <c r="GK3" s="445"/>
      <c r="GL3" s="445"/>
      <c r="GM3" s="445"/>
      <c r="GN3" s="445"/>
      <c r="GO3" s="445"/>
      <c r="GP3" s="445"/>
      <c r="GQ3" s="445"/>
      <c r="GR3" s="446"/>
      <c r="GS3" s="445" t="s">
        <v>103</v>
      </c>
      <c r="GT3" s="445"/>
      <c r="GU3" s="445"/>
      <c r="GV3" s="445"/>
      <c r="GW3" s="445"/>
      <c r="GX3" s="445"/>
      <c r="GY3" s="445"/>
      <c r="GZ3" s="445"/>
      <c r="HA3" s="445"/>
      <c r="HB3" s="445"/>
      <c r="HC3" s="445"/>
      <c r="HD3" s="445"/>
      <c r="HE3" s="445"/>
      <c r="HF3" s="445"/>
      <c r="HG3" s="445"/>
      <c r="HH3" s="445"/>
      <c r="HI3" s="445"/>
      <c r="HJ3" s="445"/>
      <c r="HK3" s="445"/>
      <c r="HL3" s="445"/>
      <c r="HM3" s="445"/>
      <c r="HN3" s="445"/>
      <c r="HO3" s="445"/>
      <c r="HP3" s="445"/>
      <c r="HQ3" s="445"/>
      <c r="HR3" s="445"/>
      <c r="HS3" s="445"/>
      <c r="HT3" s="445"/>
      <c r="HU3" s="445"/>
      <c r="HV3" s="445"/>
      <c r="HW3" s="445"/>
      <c r="HX3" s="445"/>
      <c r="HY3" s="445"/>
      <c r="HZ3" s="445"/>
      <c r="IA3" s="445"/>
      <c r="IB3" s="445"/>
      <c r="IC3" s="445"/>
      <c r="ID3" s="445"/>
      <c r="IE3" s="445"/>
      <c r="IF3" s="445"/>
      <c r="IG3" s="445"/>
      <c r="IH3" s="445"/>
      <c r="II3" s="445"/>
      <c r="IJ3" s="445"/>
      <c r="IK3" s="445"/>
      <c r="IL3" s="445"/>
      <c r="IM3" s="445"/>
      <c r="IN3" s="445"/>
      <c r="IO3" s="445"/>
      <c r="IP3" s="445"/>
      <c r="IQ3" s="445"/>
      <c r="IR3" s="445"/>
      <c r="IS3" s="445"/>
      <c r="IT3" s="445"/>
      <c r="IU3" s="445"/>
      <c r="IV3" s="445"/>
      <c r="IW3" s="445"/>
      <c r="IX3" s="445"/>
      <c r="IY3" s="445"/>
      <c r="IZ3" s="445"/>
      <c r="JA3" s="445"/>
      <c r="JB3" s="445"/>
      <c r="JC3" s="445"/>
      <c r="JD3" s="445"/>
      <c r="JE3" s="445"/>
      <c r="JF3" s="445"/>
      <c r="JG3" s="445"/>
      <c r="JH3" s="445"/>
      <c r="JI3" s="445"/>
      <c r="JJ3" s="445"/>
      <c r="JK3" s="445"/>
      <c r="JL3" s="445"/>
      <c r="JM3" s="445"/>
      <c r="JN3" s="445"/>
      <c r="JO3" s="445"/>
      <c r="JP3" s="445"/>
      <c r="JQ3" s="445"/>
      <c r="JR3" s="445"/>
      <c r="JS3" s="445"/>
      <c r="JT3" s="445"/>
      <c r="JU3" s="445"/>
      <c r="JV3" s="445"/>
      <c r="JW3" s="445"/>
      <c r="JX3" s="445"/>
      <c r="JY3" s="445"/>
      <c r="JZ3" s="445"/>
      <c r="KA3" s="445"/>
      <c r="KB3" s="445"/>
      <c r="KC3" s="445"/>
      <c r="KD3" s="445"/>
      <c r="KE3" s="445"/>
      <c r="KF3" s="445"/>
      <c r="KG3" s="445"/>
      <c r="KH3" s="445"/>
      <c r="KI3" s="445"/>
      <c r="KJ3" s="445"/>
      <c r="KK3" s="445"/>
      <c r="KL3" s="445"/>
      <c r="KM3" s="446"/>
    </row>
    <row r="4" spans="2:299" ht="21" customHeight="1" thickBot="1" x14ac:dyDescent="0.25">
      <c r="B4" s="462"/>
      <c r="C4" s="447" t="s">
        <v>39</v>
      </c>
      <c r="D4" s="448"/>
      <c r="E4" s="448"/>
      <c r="F4" s="448"/>
      <c r="G4" s="448"/>
      <c r="H4" s="448"/>
      <c r="I4" s="448"/>
      <c r="J4" s="448"/>
      <c r="K4" s="448"/>
      <c r="L4" s="448"/>
      <c r="M4" s="448"/>
      <c r="N4" s="448"/>
      <c r="O4" s="448"/>
      <c r="P4" s="448"/>
      <c r="Q4" s="448"/>
      <c r="R4" s="448"/>
      <c r="S4" s="448"/>
      <c r="T4" s="448"/>
      <c r="U4" s="448"/>
      <c r="V4" s="448"/>
      <c r="W4" s="448"/>
      <c r="X4" s="448"/>
      <c r="Y4" s="448"/>
      <c r="Z4" s="448"/>
      <c r="AA4" s="448"/>
      <c r="AB4" s="448"/>
      <c r="AC4" s="448"/>
      <c r="AD4" s="448"/>
      <c r="AE4" s="448"/>
      <c r="AF4" s="448"/>
      <c r="AG4" s="448"/>
      <c r="AH4" s="448"/>
      <c r="AI4" s="448"/>
      <c r="AJ4" s="448"/>
      <c r="AK4" s="448"/>
      <c r="AL4" s="448"/>
      <c r="AM4" s="448"/>
      <c r="AN4" s="448"/>
      <c r="AO4" s="448"/>
      <c r="AP4" s="448"/>
      <c r="AQ4" s="448"/>
      <c r="AR4" s="448"/>
      <c r="AS4" s="448"/>
      <c r="AT4" s="448"/>
      <c r="AU4" s="448"/>
      <c r="AV4" s="448"/>
      <c r="AW4" s="448"/>
      <c r="AX4" s="448"/>
      <c r="AY4" s="448"/>
      <c r="AZ4" s="448"/>
      <c r="BA4" s="448"/>
      <c r="BB4" s="448"/>
      <c r="BC4" s="448"/>
      <c r="BD4" s="448"/>
      <c r="BE4" s="448"/>
      <c r="BF4" s="448"/>
      <c r="BG4" s="448"/>
      <c r="BH4" s="448"/>
      <c r="BI4" s="448"/>
      <c r="BJ4" s="448"/>
      <c r="BK4" s="448"/>
      <c r="BL4" s="448"/>
      <c r="BM4" s="448"/>
      <c r="BN4" s="448"/>
      <c r="BO4" s="448"/>
      <c r="BP4" s="448"/>
      <c r="BQ4" s="448"/>
      <c r="BR4" s="448"/>
      <c r="BS4" s="448"/>
      <c r="BT4" s="448"/>
      <c r="BU4" s="448"/>
      <c r="BV4" s="448"/>
      <c r="BW4" s="448"/>
      <c r="BX4" s="448"/>
      <c r="BY4" s="448"/>
      <c r="BZ4" s="448"/>
      <c r="CA4" s="449"/>
      <c r="CB4" s="450" t="s">
        <v>40</v>
      </c>
      <c r="CC4" s="451"/>
      <c r="CD4" s="451"/>
      <c r="CE4" s="451"/>
      <c r="CF4" s="451"/>
      <c r="CG4" s="451"/>
      <c r="CH4" s="451"/>
      <c r="CI4" s="451"/>
      <c r="CJ4" s="451"/>
      <c r="CK4" s="451"/>
      <c r="CL4" s="452"/>
      <c r="CM4" s="450" t="s">
        <v>41</v>
      </c>
      <c r="CN4" s="451"/>
      <c r="CO4" s="451"/>
      <c r="CP4" s="451"/>
      <c r="CQ4" s="451"/>
      <c r="CR4" s="451"/>
      <c r="CS4" s="451"/>
      <c r="CT4" s="451"/>
      <c r="CU4" s="451"/>
      <c r="CV4" s="451"/>
      <c r="CW4" s="452"/>
      <c r="CX4" s="447" t="s">
        <v>39</v>
      </c>
      <c r="CY4" s="448"/>
      <c r="CZ4" s="448"/>
      <c r="DA4" s="448"/>
      <c r="DB4" s="448"/>
      <c r="DC4" s="448"/>
      <c r="DD4" s="448"/>
      <c r="DE4" s="448"/>
      <c r="DF4" s="448"/>
      <c r="DG4" s="448"/>
      <c r="DH4" s="448"/>
      <c r="DI4" s="448"/>
      <c r="DJ4" s="448"/>
      <c r="DK4" s="448"/>
      <c r="DL4" s="448"/>
      <c r="DM4" s="448"/>
      <c r="DN4" s="448"/>
      <c r="DO4" s="448"/>
      <c r="DP4" s="448"/>
      <c r="DQ4" s="448"/>
      <c r="DR4" s="448"/>
      <c r="DS4" s="448"/>
      <c r="DT4" s="448"/>
      <c r="DU4" s="448"/>
      <c r="DV4" s="448"/>
      <c r="DW4" s="448"/>
      <c r="DX4" s="448"/>
      <c r="DY4" s="448"/>
      <c r="DZ4" s="448"/>
      <c r="EA4" s="448"/>
      <c r="EB4" s="448"/>
      <c r="EC4" s="448"/>
      <c r="ED4" s="448"/>
      <c r="EE4" s="448"/>
      <c r="EF4" s="448"/>
      <c r="EG4" s="448"/>
      <c r="EH4" s="448"/>
      <c r="EI4" s="448"/>
      <c r="EJ4" s="448"/>
      <c r="EK4" s="448"/>
      <c r="EL4" s="448"/>
      <c r="EM4" s="448"/>
      <c r="EN4" s="448"/>
      <c r="EO4" s="448"/>
      <c r="EP4" s="448"/>
      <c r="EQ4" s="448"/>
      <c r="ER4" s="448"/>
      <c r="ES4" s="448"/>
      <c r="ET4" s="448"/>
      <c r="EU4" s="448"/>
      <c r="EV4" s="448"/>
      <c r="EW4" s="448"/>
      <c r="EX4" s="448"/>
      <c r="EY4" s="448"/>
      <c r="EZ4" s="448"/>
      <c r="FA4" s="448"/>
      <c r="FB4" s="448"/>
      <c r="FC4" s="448"/>
      <c r="FD4" s="448"/>
      <c r="FE4" s="448"/>
      <c r="FF4" s="448"/>
      <c r="FG4" s="448"/>
      <c r="FH4" s="448"/>
      <c r="FI4" s="448"/>
      <c r="FJ4" s="448"/>
      <c r="FK4" s="448"/>
      <c r="FL4" s="448"/>
      <c r="FM4" s="448"/>
      <c r="FN4" s="448"/>
      <c r="FO4" s="448"/>
      <c r="FP4" s="448"/>
      <c r="FQ4" s="448"/>
      <c r="FR4" s="448"/>
      <c r="FS4" s="448"/>
      <c r="FT4" s="448"/>
      <c r="FU4" s="448"/>
      <c r="FV4" s="449"/>
      <c r="FW4" s="450" t="s">
        <v>40</v>
      </c>
      <c r="FX4" s="451"/>
      <c r="FY4" s="451"/>
      <c r="FZ4" s="451"/>
      <c r="GA4" s="451"/>
      <c r="GB4" s="451"/>
      <c r="GC4" s="451"/>
      <c r="GD4" s="451"/>
      <c r="GE4" s="451"/>
      <c r="GF4" s="451"/>
      <c r="GG4" s="452"/>
      <c r="GH4" s="450" t="s">
        <v>41</v>
      </c>
      <c r="GI4" s="451"/>
      <c r="GJ4" s="451"/>
      <c r="GK4" s="451"/>
      <c r="GL4" s="451"/>
      <c r="GM4" s="451"/>
      <c r="GN4" s="451"/>
      <c r="GO4" s="451"/>
      <c r="GP4" s="451"/>
      <c r="GQ4" s="451"/>
      <c r="GR4" s="452"/>
      <c r="GS4" s="447" t="s">
        <v>39</v>
      </c>
      <c r="GT4" s="448"/>
      <c r="GU4" s="448"/>
      <c r="GV4" s="448"/>
      <c r="GW4" s="448"/>
      <c r="GX4" s="448"/>
      <c r="GY4" s="448"/>
      <c r="GZ4" s="448"/>
      <c r="HA4" s="448"/>
      <c r="HB4" s="448"/>
      <c r="HC4" s="448"/>
      <c r="HD4" s="448"/>
      <c r="HE4" s="448"/>
      <c r="HF4" s="448"/>
      <c r="HG4" s="448"/>
      <c r="HH4" s="448"/>
      <c r="HI4" s="448"/>
      <c r="HJ4" s="448"/>
      <c r="HK4" s="448"/>
      <c r="HL4" s="448"/>
      <c r="HM4" s="448"/>
      <c r="HN4" s="448"/>
      <c r="HO4" s="448"/>
      <c r="HP4" s="448"/>
      <c r="HQ4" s="448"/>
      <c r="HR4" s="448"/>
      <c r="HS4" s="448"/>
      <c r="HT4" s="448"/>
      <c r="HU4" s="448"/>
      <c r="HV4" s="448"/>
      <c r="HW4" s="448"/>
      <c r="HX4" s="448"/>
      <c r="HY4" s="448"/>
      <c r="HZ4" s="448"/>
      <c r="IA4" s="448"/>
      <c r="IB4" s="448"/>
      <c r="IC4" s="448"/>
      <c r="ID4" s="448"/>
      <c r="IE4" s="448"/>
      <c r="IF4" s="448"/>
      <c r="IG4" s="448"/>
      <c r="IH4" s="448"/>
      <c r="II4" s="448"/>
      <c r="IJ4" s="448"/>
      <c r="IK4" s="448"/>
      <c r="IL4" s="448"/>
      <c r="IM4" s="448"/>
      <c r="IN4" s="448"/>
      <c r="IO4" s="448"/>
      <c r="IP4" s="448"/>
      <c r="IQ4" s="448"/>
      <c r="IR4" s="448"/>
      <c r="IS4" s="448"/>
      <c r="IT4" s="448"/>
      <c r="IU4" s="448"/>
      <c r="IV4" s="448"/>
      <c r="IW4" s="448"/>
      <c r="IX4" s="448"/>
      <c r="IY4" s="448"/>
      <c r="IZ4" s="448"/>
      <c r="JA4" s="448"/>
      <c r="JB4" s="448"/>
      <c r="JC4" s="448"/>
      <c r="JD4" s="448"/>
      <c r="JE4" s="448"/>
      <c r="JF4" s="448"/>
      <c r="JG4" s="448"/>
      <c r="JH4" s="448"/>
      <c r="JI4" s="448"/>
      <c r="JJ4" s="448"/>
      <c r="JK4" s="448"/>
      <c r="JL4" s="448"/>
      <c r="JM4" s="448"/>
      <c r="JN4" s="448"/>
      <c r="JO4" s="448"/>
      <c r="JP4" s="448"/>
      <c r="JQ4" s="449"/>
      <c r="JR4" s="450" t="s">
        <v>40</v>
      </c>
      <c r="JS4" s="451"/>
      <c r="JT4" s="451"/>
      <c r="JU4" s="451"/>
      <c r="JV4" s="451"/>
      <c r="JW4" s="451"/>
      <c r="JX4" s="451"/>
      <c r="JY4" s="451"/>
      <c r="JZ4" s="451"/>
      <c r="KA4" s="451"/>
      <c r="KB4" s="452"/>
      <c r="KC4" s="450" t="s">
        <v>41</v>
      </c>
      <c r="KD4" s="451"/>
      <c r="KE4" s="451"/>
      <c r="KF4" s="451"/>
      <c r="KG4" s="451"/>
      <c r="KH4" s="451"/>
      <c r="KI4" s="451"/>
      <c r="KJ4" s="451"/>
      <c r="KK4" s="451"/>
      <c r="KL4" s="451"/>
      <c r="KM4" s="452"/>
    </row>
    <row r="5" spans="2:299" ht="21" customHeight="1" thickBot="1" x14ac:dyDescent="0.25">
      <c r="B5" s="456"/>
      <c r="C5" s="456"/>
      <c r="D5" s="457"/>
      <c r="E5" s="457"/>
      <c r="F5" s="457"/>
      <c r="G5" s="457"/>
      <c r="H5" s="457"/>
      <c r="I5" s="457"/>
      <c r="J5" s="457"/>
      <c r="K5" s="457"/>
      <c r="L5" s="457"/>
      <c r="M5" s="458"/>
      <c r="N5" s="459" t="s">
        <v>97</v>
      </c>
      <c r="O5" s="460"/>
      <c r="P5" s="460"/>
      <c r="Q5" s="460"/>
      <c r="R5" s="460"/>
      <c r="S5" s="460"/>
      <c r="T5" s="460"/>
      <c r="U5" s="460"/>
      <c r="V5" s="460"/>
      <c r="W5" s="460"/>
      <c r="X5" s="461"/>
      <c r="Y5" s="459" t="s">
        <v>98</v>
      </c>
      <c r="Z5" s="460"/>
      <c r="AA5" s="460"/>
      <c r="AB5" s="460"/>
      <c r="AC5" s="460"/>
      <c r="AD5" s="460"/>
      <c r="AE5" s="460"/>
      <c r="AF5" s="460"/>
      <c r="AG5" s="460"/>
      <c r="AH5" s="460"/>
      <c r="AI5" s="461"/>
      <c r="AJ5" s="459" t="s">
        <v>99</v>
      </c>
      <c r="AK5" s="460"/>
      <c r="AL5" s="460"/>
      <c r="AM5" s="460"/>
      <c r="AN5" s="460"/>
      <c r="AO5" s="460"/>
      <c r="AP5" s="460"/>
      <c r="AQ5" s="460"/>
      <c r="AR5" s="460"/>
      <c r="AS5" s="460"/>
      <c r="AT5" s="461"/>
      <c r="AU5" s="459" t="s">
        <v>100</v>
      </c>
      <c r="AV5" s="460"/>
      <c r="AW5" s="460"/>
      <c r="AX5" s="460"/>
      <c r="AY5" s="460"/>
      <c r="AZ5" s="460"/>
      <c r="BA5" s="460"/>
      <c r="BB5" s="460"/>
      <c r="BC5" s="460"/>
      <c r="BD5" s="460"/>
      <c r="BE5" s="461"/>
      <c r="BF5" s="459" t="s">
        <v>162</v>
      </c>
      <c r="BG5" s="460"/>
      <c r="BH5" s="460"/>
      <c r="BI5" s="460"/>
      <c r="BJ5" s="460"/>
      <c r="BK5" s="460"/>
      <c r="BL5" s="460"/>
      <c r="BM5" s="460"/>
      <c r="BN5" s="460"/>
      <c r="BO5" s="460"/>
      <c r="BP5" s="461"/>
      <c r="BQ5" s="459" t="s">
        <v>101</v>
      </c>
      <c r="BR5" s="460"/>
      <c r="BS5" s="460"/>
      <c r="BT5" s="460"/>
      <c r="BU5" s="460"/>
      <c r="BV5" s="460"/>
      <c r="BW5" s="460"/>
      <c r="BX5" s="460"/>
      <c r="BY5" s="460"/>
      <c r="BZ5" s="460"/>
      <c r="CA5" s="461"/>
      <c r="CB5" s="453"/>
      <c r="CC5" s="454"/>
      <c r="CD5" s="454"/>
      <c r="CE5" s="454"/>
      <c r="CF5" s="454"/>
      <c r="CG5" s="454"/>
      <c r="CH5" s="454"/>
      <c r="CI5" s="454"/>
      <c r="CJ5" s="454"/>
      <c r="CK5" s="454"/>
      <c r="CL5" s="455"/>
      <c r="CM5" s="453"/>
      <c r="CN5" s="454"/>
      <c r="CO5" s="454"/>
      <c r="CP5" s="454"/>
      <c r="CQ5" s="454"/>
      <c r="CR5" s="454"/>
      <c r="CS5" s="454"/>
      <c r="CT5" s="454"/>
      <c r="CU5" s="454"/>
      <c r="CV5" s="454"/>
      <c r="CW5" s="455"/>
      <c r="CX5" s="456"/>
      <c r="CY5" s="457"/>
      <c r="CZ5" s="457"/>
      <c r="DA5" s="457"/>
      <c r="DB5" s="457"/>
      <c r="DC5" s="457"/>
      <c r="DD5" s="457"/>
      <c r="DE5" s="457"/>
      <c r="DF5" s="457"/>
      <c r="DG5" s="457"/>
      <c r="DH5" s="458"/>
      <c r="DI5" s="459" t="s">
        <v>97</v>
      </c>
      <c r="DJ5" s="460"/>
      <c r="DK5" s="460"/>
      <c r="DL5" s="460"/>
      <c r="DM5" s="460"/>
      <c r="DN5" s="460"/>
      <c r="DO5" s="460"/>
      <c r="DP5" s="460"/>
      <c r="DQ5" s="460"/>
      <c r="DR5" s="460"/>
      <c r="DS5" s="461"/>
      <c r="DT5" s="459" t="s">
        <v>98</v>
      </c>
      <c r="DU5" s="460"/>
      <c r="DV5" s="460"/>
      <c r="DW5" s="460"/>
      <c r="DX5" s="460"/>
      <c r="DY5" s="460"/>
      <c r="DZ5" s="460"/>
      <c r="EA5" s="460"/>
      <c r="EB5" s="460"/>
      <c r="EC5" s="460"/>
      <c r="ED5" s="461"/>
      <c r="EE5" s="459" t="s">
        <v>99</v>
      </c>
      <c r="EF5" s="460"/>
      <c r="EG5" s="460"/>
      <c r="EH5" s="460"/>
      <c r="EI5" s="460"/>
      <c r="EJ5" s="460"/>
      <c r="EK5" s="460"/>
      <c r="EL5" s="460"/>
      <c r="EM5" s="460"/>
      <c r="EN5" s="460"/>
      <c r="EO5" s="461"/>
      <c r="EP5" s="459" t="s">
        <v>100</v>
      </c>
      <c r="EQ5" s="460"/>
      <c r="ER5" s="460"/>
      <c r="ES5" s="460"/>
      <c r="ET5" s="460"/>
      <c r="EU5" s="460"/>
      <c r="EV5" s="460"/>
      <c r="EW5" s="460"/>
      <c r="EX5" s="460"/>
      <c r="EY5" s="460"/>
      <c r="EZ5" s="461"/>
      <c r="FA5" s="459" t="s">
        <v>162</v>
      </c>
      <c r="FB5" s="460"/>
      <c r="FC5" s="460"/>
      <c r="FD5" s="460"/>
      <c r="FE5" s="460"/>
      <c r="FF5" s="460"/>
      <c r="FG5" s="460"/>
      <c r="FH5" s="460"/>
      <c r="FI5" s="460"/>
      <c r="FJ5" s="460"/>
      <c r="FK5" s="461"/>
      <c r="FL5" s="459" t="s">
        <v>101</v>
      </c>
      <c r="FM5" s="460"/>
      <c r="FN5" s="460"/>
      <c r="FO5" s="460"/>
      <c r="FP5" s="460"/>
      <c r="FQ5" s="460"/>
      <c r="FR5" s="460"/>
      <c r="FS5" s="460"/>
      <c r="FT5" s="460"/>
      <c r="FU5" s="460"/>
      <c r="FV5" s="461"/>
      <c r="FW5" s="453"/>
      <c r="FX5" s="454"/>
      <c r="FY5" s="454"/>
      <c r="FZ5" s="454"/>
      <c r="GA5" s="454"/>
      <c r="GB5" s="454"/>
      <c r="GC5" s="454"/>
      <c r="GD5" s="454"/>
      <c r="GE5" s="454"/>
      <c r="GF5" s="454"/>
      <c r="GG5" s="455"/>
      <c r="GH5" s="453"/>
      <c r="GI5" s="454"/>
      <c r="GJ5" s="454"/>
      <c r="GK5" s="454"/>
      <c r="GL5" s="454"/>
      <c r="GM5" s="454"/>
      <c r="GN5" s="454"/>
      <c r="GO5" s="454"/>
      <c r="GP5" s="454"/>
      <c r="GQ5" s="454"/>
      <c r="GR5" s="455"/>
      <c r="GS5" s="456"/>
      <c r="GT5" s="457"/>
      <c r="GU5" s="457"/>
      <c r="GV5" s="457"/>
      <c r="GW5" s="457"/>
      <c r="GX5" s="457"/>
      <c r="GY5" s="457"/>
      <c r="GZ5" s="457"/>
      <c r="HA5" s="457"/>
      <c r="HB5" s="457"/>
      <c r="HC5" s="458"/>
      <c r="HD5" s="459" t="s">
        <v>97</v>
      </c>
      <c r="HE5" s="460"/>
      <c r="HF5" s="460"/>
      <c r="HG5" s="460"/>
      <c r="HH5" s="460"/>
      <c r="HI5" s="460"/>
      <c r="HJ5" s="460"/>
      <c r="HK5" s="460"/>
      <c r="HL5" s="460"/>
      <c r="HM5" s="460"/>
      <c r="HN5" s="461"/>
      <c r="HO5" s="459" t="s">
        <v>98</v>
      </c>
      <c r="HP5" s="460"/>
      <c r="HQ5" s="460"/>
      <c r="HR5" s="460"/>
      <c r="HS5" s="460"/>
      <c r="HT5" s="460"/>
      <c r="HU5" s="460"/>
      <c r="HV5" s="460"/>
      <c r="HW5" s="460"/>
      <c r="HX5" s="460"/>
      <c r="HY5" s="461"/>
      <c r="HZ5" s="459" t="s">
        <v>99</v>
      </c>
      <c r="IA5" s="460"/>
      <c r="IB5" s="460"/>
      <c r="IC5" s="460"/>
      <c r="ID5" s="460"/>
      <c r="IE5" s="460"/>
      <c r="IF5" s="460"/>
      <c r="IG5" s="460"/>
      <c r="IH5" s="460"/>
      <c r="II5" s="460"/>
      <c r="IJ5" s="461"/>
      <c r="IK5" s="459" t="s">
        <v>100</v>
      </c>
      <c r="IL5" s="460"/>
      <c r="IM5" s="460"/>
      <c r="IN5" s="460"/>
      <c r="IO5" s="460"/>
      <c r="IP5" s="460"/>
      <c r="IQ5" s="460"/>
      <c r="IR5" s="460"/>
      <c r="IS5" s="460"/>
      <c r="IT5" s="460"/>
      <c r="IU5" s="461"/>
      <c r="IV5" s="459" t="s">
        <v>162</v>
      </c>
      <c r="IW5" s="460"/>
      <c r="IX5" s="460"/>
      <c r="IY5" s="460"/>
      <c r="IZ5" s="460"/>
      <c r="JA5" s="460"/>
      <c r="JB5" s="460"/>
      <c r="JC5" s="460"/>
      <c r="JD5" s="460"/>
      <c r="JE5" s="460"/>
      <c r="JF5" s="461"/>
      <c r="JG5" s="459" t="s">
        <v>101</v>
      </c>
      <c r="JH5" s="460"/>
      <c r="JI5" s="460"/>
      <c r="JJ5" s="460"/>
      <c r="JK5" s="460"/>
      <c r="JL5" s="460"/>
      <c r="JM5" s="460"/>
      <c r="JN5" s="460"/>
      <c r="JO5" s="460"/>
      <c r="JP5" s="460"/>
      <c r="JQ5" s="461"/>
      <c r="JR5" s="453"/>
      <c r="JS5" s="454"/>
      <c r="JT5" s="454"/>
      <c r="JU5" s="454"/>
      <c r="JV5" s="454"/>
      <c r="JW5" s="454"/>
      <c r="JX5" s="454"/>
      <c r="JY5" s="454"/>
      <c r="JZ5" s="454"/>
      <c r="KA5" s="454"/>
      <c r="KB5" s="455"/>
      <c r="KC5" s="453"/>
      <c r="KD5" s="454"/>
      <c r="KE5" s="454"/>
      <c r="KF5" s="454"/>
      <c r="KG5" s="454"/>
      <c r="KH5" s="454"/>
      <c r="KI5" s="454"/>
      <c r="KJ5" s="454"/>
      <c r="KK5" s="454"/>
      <c r="KL5" s="454"/>
      <c r="KM5" s="455"/>
    </row>
    <row r="6" spans="2:299" ht="30" customHeight="1" thickBot="1" x14ac:dyDescent="0.25">
      <c r="B6" s="139" t="s">
        <v>42</v>
      </c>
      <c r="C6" s="140" t="s">
        <v>43</v>
      </c>
      <c r="D6" s="141" t="s">
        <v>44</v>
      </c>
      <c r="E6" s="142" t="s">
        <v>45</v>
      </c>
      <c r="F6" s="143" t="s">
        <v>46</v>
      </c>
      <c r="G6" s="141" t="s">
        <v>47</v>
      </c>
      <c r="H6" s="141" t="s">
        <v>48</v>
      </c>
      <c r="I6" s="141" t="s">
        <v>49</v>
      </c>
      <c r="J6" s="141" t="s">
        <v>50</v>
      </c>
      <c r="K6" s="141" t="s">
        <v>51</v>
      </c>
      <c r="L6" s="142" t="s">
        <v>45</v>
      </c>
      <c r="M6" s="144" t="s">
        <v>52</v>
      </c>
      <c r="N6" s="145" t="s">
        <v>43</v>
      </c>
      <c r="O6" s="146" t="s">
        <v>44</v>
      </c>
      <c r="P6" s="147" t="s">
        <v>45</v>
      </c>
      <c r="Q6" s="148" t="s">
        <v>46</v>
      </c>
      <c r="R6" s="146" t="s">
        <v>47</v>
      </c>
      <c r="S6" s="146" t="s">
        <v>48</v>
      </c>
      <c r="T6" s="146" t="s">
        <v>49</v>
      </c>
      <c r="U6" s="146" t="s">
        <v>50</v>
      </c>
      <c r="V6" s="146" t="s">
        <v>51</v>
      </c>
      <c r="W6" s="147" t="s">
        <v>45</v>
      </c>
      <c r="X6" s="149" t="s">
        <v>52</v>
      </c>
      <c r="Y6" s="145" t="s">
        <v>43</v>
      </c>
      <c r="Z6" s="146" t="s">
        <v>44</v>
      </c>
      <c r="AA6" s="147" t="s">
        <v>45</v>
      </c>
      <c r="AB6" s="148" t="s">
        <v>46</v>
      </c>
      <c r="AC6" s="146" t="s">
        <v>47</v>
      </c>
      <c r="AD6" s="146" t="s">
        <v>48</v>
      </c>
      <c r="AE6" s="146" t="s">
        <v>49</v>
      </c>
      <c r="AF6" s="146" t="s">
        <v>50</v>
      </c>
      <c r="AG6" s="146" t="s">
        <v>51</v>
      </c>
      <c r="AH6" s="147" t="s">
        <v>45</v>
      </c>
      <c r="AI6" s="150" t="s">
        <v>52</v>
      </c>
      <c r="AJ6" s="145" t="s">
        <v>43</v>
      </c>
      <c r="AK6" s="146" t="s">
        <v>44</v>
      </c>
      <c r="AL6" s="147" t="s">
        <v>45</v>
      </c>
      <c r="AM6" s="148" t="s">
        <v>46</v>
      </c>
      <c r="AN6" s="146" t="s">
        <v>47</v>
      </c>
      <c r="AO6" s="146" t="s">
        <v>48</v>
      </c>
      <c r="AP6" s="146" t="s">
        <v>49</v>
      </c>
      <c r="AQ6" s="146" t="s">
        <v>50</v>
      </c>
      <c r="AR6" s="146" t="s">
        <v>51</v>
      </c>
      <c r="AS6" s="147" t="s">
        <v>45</v>
      </c>
      <c r="AT6" s="150" t="s">
        <v>52</v>
      </c>
      <c r="AU6" s="145" t="s">
        <v>43</v>
      </c>
      <c r="AV6" s="146" t="s">
        <v>44</v>
      </c>
      <c r="AW6" s="147" t="s">
        <v>45</v>
      </c>
      <c r="AX6" s="148" t="s">
        <v>46</v>
      </c>
      <c r="AY6" s="146" t="s">
        <v>47</v>
      </c>
      <c r="AZ6" s="146" t="s">
        <v>48</v>
      </c>
      <c r="BA6" s="146" t="s">
        <v>49</v>
      </c>
      <c r="BB6" s="146" t="s">
        <v>50</v>
      </c>
      <c r="BC6" s="146" t="s">
        <v>51</v>
      </c>
      <c r="BD6" s="147" t="s">
        <v>45</v>
      </c>
      <c r="BE6" s="150" t="s">
        <v>52</v>
      </c>
      <c r="BF6" s="145" t="s">
        <v>43</v>
      </c>
      <c r="BG6" s="146" t="s">
        <v>44</v>
      </c>
      <c r="BH6" s="147" t="s">
        <v>45</v>
      </c>
      <c r="BI6" s="148" t="s">
        <v>46</v>
      </c>
      <c r="BJ6" s="146" t="s">
        <v>47</v>
      </c>
      <c r="BK6" s="146" t="s">
        <v>48</v>
      </c>
      <c r="BL6" s="146" t="s">
        <v>49</v>
      </c>
      <c r="BM6" s="146" t="s">
        <v>50</v>
      </c>
      <c r="BN6" s="146" t="s">
        <v>51</v>
      </c>
      <c r="BO6" s="147" t="s">
        <v>45</v>
      </c>
      <c r="BP6" s="150" t="s">
        <v>52</v>
      </c>
      <c r="BQ6" s="145" t="s">
        <v>43</v>
      </c>
      <c r="BR6" s="146" t="s">
        <v>44</v>
      </c>
      <c r="BS6" s="147" t="s">
        <v>45</v>
      </c>
      <c r="BT6" s="148" t="s">
        <v>46</v>
      </c>
      <c r="BU6" s="146" t="s">
        <v>47</v>
      </c>
      <c r="BV6" s="146" t="s">
        <v>48</v>
      </c>
      <c r="BW6" s="146" t="s">
        <v>49</v>
      </c>
      <c r="BX6" s="146" t="s">
        <v>50</v>
      </c>
      <c r="BY6" s="146" t="s">
        <v>51</v>
      </c>
      <c r="BZ6" s="147" t="s">
        <v>45</v>
      </c>
      <c r="CA6" s="150" t="s">
        <v>52</v>
      </c>
      <c r="CB6" s="145" t="s">
        <v>43</v>
      </c>
      <c r="CC6" s="146" t="s">
        <v>44</v>
      </c>
      <c r="CD6" s="147" t="s">
        <v>45</v>
      </c>
      <c r="CE6" s="148" t="s">
        <v>46</v>
      </c>
      <c r="CF6" s="146" t="s">
        <v>47</v>
      </c>
      <c r="CG6" s="146" t="s">
        <v>48</v>
      </c>
      <c r="CH6" s="146" t="s">
        <v>49</v>
      </c>
      <c r="CI6" s="146" t="s">
        <v>50</v>
      </c>
      <c r="CJ6" s="146" t="s">
        <v>51</v>
      </c>
      <c r="CK6" s="147" t="s">
        <v>45</v>
      </c>
      <c r="CL6" s="150" t="s">
        <v>52</v>
      </c>
      <c r="CM6" s="145" t="s">
        <v>43</v>
      </c>
      <c r="CN6" s="146" t="s">
        <v>44</v>
      </c>
      <c r="CO6" s="147" t="s">
        <v>45</v>
      </c>
      <c r="CP6" s="148" t="s">
        <v>46</v>
      </c>
      <c r="CQ6" s="146" t="s">
        <v>47</v>
      </c>
      <c r="CR6" s="146" t="s">
        <v>48</v>
      </c>
      <c r="CS6" s="146" t="s">
        <v>49</v>
      </c>
      <c r="CT6" s="146" t="s">
        <v>50</v>
      </c>
      <c r="CU6" s="146" t="s">
        <v>51</v>
      </c>
      <c r="CV6" s="147" t="s">
        <v>45</v>
      </c>
      <c r="CW6" s="150" t="s">
        <v>52</v>
      </c>
      <c r="CX6" s="140" t="s">
        <v>43</v>
      </c>
      <c r="CY6" s="141" t="s">
        <v>44</v>
      </c>
      <c r="CZ6" s="142" t="s">
        <v>45</v>
      </c>
      <c r="DA6" s="143" t="s">
        <v>46</v>
      </c>
      <c r="DB6" s="141" t="s">
        <v>47</v>
      </c>
      <c r="DC6" s="141" t="s">
        <v>48</v>
      </c>
      <c r="DD6" s="141" t="s">
        <v>49</v>
      </c>
      <c r="DE6" s="141" t="s">
        <v>50</v>
      </c>
      <c r="DF6" s="141" t="s">
        <v>51</v>
      </c>
      <c r="DG6" s="142" t="s">
        <v>45</v>
      </c>
      <c r="DH6" s="144" t="s">
        <v>52</v>
      </c>
      <c r="DI6" s="145" t="s">
        <v>43</v>
      </c>
      <c r="DJ6" s="146" t="s">
        <v>44</v>
      </c>
      <c r="DK6" s="147" t="s">
        <v>45</v>
      </c>
      <c r="DL6" s="148" t="s">
        <v>46</v>
      </c>
      <c r="DM6" s="146" t="s">
        <v>47</v>
      </c>
      <c r="DN6" s="146" t="s">
        <v>48</v>
      </c>
      <c r="DO6" s="146" t="s">
        <v>49</v>
      </c>
      <c r="DP6" s="146" t="s">
        <v>50</v>
      </c>
      <c r="DQ6" s="146" t="s">
        <v>51</v>
      </c>
      <c r="DR6" s="147" t="s">
        <v>45</v>
      </c>
      <c r="DS6" s="150" t="s">
        <v>52</v>
      </c>
      <c r="DT6" s="145" t="s">
        <v>43</v>
      </c>
      <c r="DU6" s="146" t="s">
        <v>44</v>
      </c>
      <c r="DV6" s="147" t="s">
        <v>45</v>
      </c>
      <c r="DW6" s="148" t="s">
        <v>46</v>
      </c>
      <c r="DX6" s="146" t="s">
        <v>47</v>
      </c>
      <c r="DY6" s="146" t="s">
        <v>48</v>
      </c>
      <c r="DZ6" s="146" t="s">
        <v>49</v>
      </c>
      <c r="EA6" s="146" t="s">
        <v>50</v>
      </c>
      <c r="EB6" s="146" t="s">
        <v>51</v>
      </c>
      <c r="EC6" s="147" t="s">
        <v>45</v>
      </c>
      <c r="ED6" s="150" t="s">
        <v>52</v>
      </c>
      <c r="EE6" s="145" t="s">
        <v>43</v>
      </c>
      <c r="EF6" s="146" t="s">
        <v>44</v>
      </c>
      <c r="EG6" s="147" t="s">
        <v>45</v>
      </c>
      <c r="EH6" s="148" t="s">
        <v>46</v>
      </c>
      <c r="EI6" s="146" t="s">
        <v>47</v>
      </c>
      <c r="EJ6" s="146" t="s">
        <v>48</v>
      </c>
      <c r="EK6" s="146" t="s">
        <v>49</v>
      </c>
      <c r="EL6" s="146" t="s">
        <v>50</v>
      </c>
      <c r="EM6" s="146" t="s">
        <v>51</v>
      </c>
      <c r="EN6" s="147" t="s">
        <v>45</v>
      </c>
      <c r="EO6" s="150" t="s">
        <v>52</v>
      </c>
      <c r="EP6" s="145" t="s">
        <v>43</v>
      </c>
      <c r="EQ6" s="146" t="s">
        <v>44</v>
      </c>
      <c r="ER6" s="147" t="s">
        <v>45</v>
      </c>
      <c r="ES6" s="148" t="s">
        <v>46</v>
      </c>
      <c r="ET6" s="146" t="s">
        <v>47</v>
      </c>
      <c r="EU6" s="146" t="s">
        <v>48</v>
      </c>
      <c r="EV6" s="146" t="s">
        <v>49</v>
      </c>
      <c r="EW6" s="146" t="s">
        <v>50</v>
      </c>
      <c r="EX6" s="146" t="s">
        <v>51</v>
      </c>
      <c r="EY6" s="147" t="s">
        <v>45</v>
      </c>
      <c r="EZ6" s="150" t="s">
        <v>52</v>
      </c>
      <c r="FA6" s="145" t="s">
        <v>43</v>
      </c>
      <c r="FB6" s="146" t="s">
        <v>44</v>
      </c>
      <c r="FC6" s="147" t="s">
        <v>45</v>
      </c>
      <c r="FD6" s="148" t="s">
        <v>46</v>
      </c>
      <c r="FE6" s="146" t="s">
        <v>47</v>
      </c>
      <c r="FF6" s="146" t="s">
        <v>48</v>
      </c>
      <c r="FG6" s="146" t="s">
        <v>49</v>
      </c>
      <c r="FH6" s="146" t="s">
        <v>50</v>
      </c>
      <c r="FI6" s="146" t="s">
        <v>51</v>
      </c>
      <c r="FJ6" s="147" t="s">
        <v>45</v>
      </c>
      <c r="FK6" s="150" t="s">
        <v>52</v>
      </c>
      <c r="FL6" s="145" t="s">
        <v>43</v>
      </c>
      <c r="FM6" s="146" t="s">
        <v>44</v>
      </c>
      <c r="FN6" s="147" t="s">
        <v>45</v>
      </c>
      <c r="FO6" s="148" t="s">
        <v>46</v>
      </c>
      <c r="FP6" s="146" t="s">
        <v>47</v>
      </c>
      <c r="FQ6" s="146" t="s">
        <v>48</v>
      </c>
      <c r="FR6" s="146" t="s">
        <v>49</v>
      </c>
      <c r="FS6" s="146" t="s">
        <v>50</v>
      </c>
      <c r="FT6" s="146" t="s">
        <v>51</v>
      </c>
      <c r="FU6" s="147" t="s">
        <v>45</v>
      </c>
      <c r="FV6" s="150" t="s">
        <v>52</v>
      </c>
      <c r="FW6" s="145" t="s">
        <v>43</v>
      </c>
      <c r="FX6" s="146" t="s">
        <v>44</v>
      </c>
      <c r="FY6" s="147" t="s">
        <v>45</v>
      </c>
      <c r="FZ6" s="148" t="s">
        <v>46</v>
      </c>
      <c r="GA6" s="146" t="s">
        <v>47</v>
      </c>
      <c r="GB6" s="146" t="s">
        <v>48</v>
      </c>
      <c r="GC6" s="146" t="s">
        <v>49</v>
      </c>
      <c r="GD6" s="146" t="s">
        <v>50</v>
      </c>
      <c r="GE6" s="146" t="s">
        <v>51</v>
      </c>
      <c r="GF6" s="147" t="s">
        <v>45</v>
      </c>
      <c r="GG6" s="150" t="s">
        <v>52</v>
      </c>
      <c r="GH6" s="145" t="s">
        <v>43</v>
      </c>
      <c r="GI6" s="146" t="s">
        <v>44</v>
      </c>
      <c r="GJ6" s="147" t="s">
        <v>45</v>
      </c>
      <c r="GK6" s="148" t="s">
        <v>46</v>
      </c>
      <c r="GL6" s="146" t="s">
        <v>47</v>
      </c>
      <c r="GM6" s="146" t="s">
        <v>48</v>
      </c>
      <c r="GN6" s="146" t="s">
        <v>49</v>
      </c>
      <c r="GO6" s="146" t="s">
        <v>50</v>
      </c>
      <c r="GP6" s="146" t="s">
        <v>51</v>
      </c>
      <c r="GQ6" s="147" t="s">
        <v>45</v>
      </c>
      <c r="GR6" s="150" t="s">
        <v>52</v>
      </c>
      <c r="GS6" s="140" t="s">
        <v>43</v>
      </c>
      <c r="GT6" s="141" t="s">
        <v>44</v>
      </c>
      <c r="GU6" s="142" t="s">
        <v>45</v>
      </c>
      <c r="GV6" s="143" t="s">
        <v>46</v>
      </c>
      <c r="GW6" s="141" t="s">
        <v>47</v>
      </c>
      <c r="GX6" s="141" t="s">
        <v>48</v>
      </c>
      <c r="GY6" s="141" t="s">
        <v>49</v>
      </c>
      <c r="GZ6" s="141" t="s">
        <v>50</v>
      </c>
      <c r="HA6" s="141" t="s">
        <v>51</v>
      </c>
      <c r="HB6" s="142" t="s">
        <v>45</v>
      </c>
      <c r="HC6" s="144" t="s">
        <v>52</v>
      </c>
      <c r="HD6" s="145" t="s">
        <v>43</v>
      </c>
      <c r="HE6" s="146" t="s">
        <v>44</v>
      </c>
      <c r="HF6" s="147" t="s">
        <v>45</v>
      </c>
      <c r="HG6" s="148" t="s">
        <v>46</v>
      </c>
      <c r="HH6" s="146" t="s">
        <v>47</v>
      </c>
      <c r="HI6" s="146" t="s">
        <v>48</v>
      </c>
      <c r="HJ6" s="146" t="s">
        <v>49</v>
      </c>
      <c r="HK6" s="146" t="s">
        <v>50</v>
      </c>
      <c r="HL6" s="146" t="s">
        <v>51</v>
      </c>
      <c r="HM6" s="147" t="s">
        <v>45</v>
      </c>
      <c r="HN6" s="150" t="s">
        <v>52</v>
      </c>
      <c r="HO6" s="145" t="s">
        <v>43</v>
      </c>
      <c r="HP6" s="146" t="s">
        <v>44</v>
      </c>
      <c r="HQ6" s="147" t="s">
        <v>45</v>
      </c>
      <c r="HR6" s="148" t="s">
        <v>46</v>
      </c>
      <c r="HS6" s="146" t="s">
        <v>47</v>
      </c>
      <c r="HT6" s="146" t="s">
        <v>48</v>
      </c>
      <c r="HU6" s="146" t="s">
        <v>49</v>
      </c>
      <c r="HV6" s="146" t="s">
        <v>50</v>
      </c>
      <c r="HW6" s="146" t="s">
        <v>51</v>
      </c>
      <c r="HX6" s="147" t="s">
        <v>45</v>
      </c>
      <c r="HY6" s="150" t="s">
        <v>52</v>
      </c>
      <c r="HZ6" s="145" t="s">
        <v>43</v>
      </c>
      <c r="IA6" s="146" t="s">
        <v>44</v>
      </c>
      <c r="IB6" s="147" t="s">
        <v>45</v>
      </c>
      <c r="IC6" s="148" t="s">
        <v>46</v>
      </c>
      <c r="ID6" s="146" t="s">
        <v>47</v>
      </c>
      <c r="IE6" s="146" t="s">
        <v>48</v>
      </c>
      <c r="IF6" s="146" t="s">
        <v>49</v>
      </c>
      <c r="IG6" s="146" t="s">
        <v>50</v>
      </c>
      <c r="IH6" s="146" t="s">
        <v>51</v>
      </c>
      <c r="II6" s="147" t="s">
        <v>45</v>
      </c>
      <c r="IJ6" s="150" t="s">
        <v>52</v>
      </c>
      <c r="IK6" s="145" t="s">
        <v>43</v>
      </c>
      <c r="IL6" s="146" t="s">
        <v>44</v>
      </c>
      <c r="IM6" s="147" t="s">
        <v>45</v>
      </c>
      <c r="IN6" s="148" t="s">
        <v>46</v>
      </c>
      <c r="IO6" s="146" t="s">
        <v>47</v>
      </c>
      <c r="IP6" s="146" t="s">
        <v>48</v>
      </c>
      <c r="IQ6" s="146" t="s">
        <v>49</v>
      </c>
      <c r="IR6" s="146" t="s">
        <v>50</v>
      </c>
      <c r="IS6" s="146" t="s">
        <v>51</v>
      </c>
      <c r="IT6" s="147" t="s">
        <v>45</v>
      </c>
      <c r="IU6" s="150" t="s">
        <v>52</v>
      </c>
      <c r="IV6" s="145" t="s">
        <v>43</v>
      </c>
      <c r="IW6" s="146" t="s">
        <v>44</v>
      </c>
      <c r="IX6" s="147" t="s">
        <v>45</v>
      </c>
      <c r="IY6" s="148" t="s">
        <v>46</v>
      </c>
      <c r="IZ6" s="146" t="s">
        <v>47</v>
      </c>
      <c r="JA6" s="146" t="s">
        <v>48</v>
      </c>
      <c r="JB6" s="146" t="s">
        <v>49</v>
      </c>
      <c r="JC6" s="146" t="s">
        <v>50</v>
      </c>
      <c r="JD6" s="146" t="s">
        <v>51</v>
      </c>
      <c r="JE6" s="147" t="s">
        <v>45</v>
      </c>
      <c r="JF6" s="150" t="s">
        <v>52</v>
      </c>
      <c r="JG6" s="145" t="s">
        <v>43</v>
      </c>
      <c r="JH6" s="146" t="s">
        <v>44</v>
      </c>
      <c r="JI6" s="147" t="s">
        <v>45</v>
      </c>
      <c r="JJ6" s="148" t="s">
        <v>46</v>
      </c>
      <c r="JK6" s="146" t="s">
        <v>47</v>
      </c>
      <c r="JL6" s="146" t="s">
        <v>48</v>
      </c>
      <c r="JM6" s="146" t="s">
        <v>49</v>
      </c>
      <c r="JN6" s="146" t="s">
        <v>50</v>
      </c>
      <c r="JO6" s="146" t="s">
        <v>51</v>
      </c>
      <c r="JP6" s="147" t="s">
        <v>45</v>
      </c>
      <c r="JQ6" s="150" t="s">
        <v>52</v>
      </c>
      <c r="JR6" s="145" t="s">
        <v>43</v>
      </c>
      <c r="JS6" s="146" t="s">
        <v>44</v>
      </c>
      <c r="JT6" s="147" t="s">
        <v>45</v>
      </c>
      <c r="JU6" s="148" t="s">
        <v>46</v>
      </c>
      <c r="JV6" s="146" t="s">
        <v>47</v>
      </c>
      <c r="JW6" s="146" t="s">
        <v>48</v>
      </c>
      <c r="JX6" s="146" t="s">
        <v>49</v>
      </c>
      <c r="JY6" s="146" t="s">
        <v>50</v>
      </c>
      <c r="JZ6" s="146" t="s">
        <v>51</v>
      </c>
      <c r="KA6" s="147" t="s">
        <v>45</v>
      </c>
      <c r="KB6" s="150" t="s">
        <v>52</v>
      </c>
      <c r="KC6" s="145" t="s">
        <v>43</v>
      </c>
      <c r="KD6" s="146" t="s">
        <v>44</v>
      </c>
      <c r="KE6" s="147" t="s">
        <v>45</v>
      </c>
      <c r="KF6" s="148" t="s">
        <v>46</v>
      </c>
      <c r="KG6" s="146" t="s">
        <v>47</v>
      </c>
      <c r="KH6" s="146" t="s">
        <v>48</v>
      </c>
      <c r="KI6" s="146" t="s">
        <v>49</v>
      </c>
      <c r="KJ6" s="146" t="s">
        <v>50</v>
      </c>
      <c r="KK6" s="146" t="s">
        <v>51</v>
      </c>
      <c r="KL6" s="147" t="s">
        <v>45</v>
      </c>
      <c r="KM6" s="150" t="s">
        <v>52</v>
      </c>
    </row>
    <row r="7" spans="2:299" s="137" customFormat="1" ht="21" customHeight="1" x14ac:dyDescent="0.2">
      <c r="B7" s="151" t="s">
        <v>4</v>
      </c>
      <c r="C7" s="152">
        <v>3390</v>
      </c>
      <c r="D7" s="153">
        <v>3364</v>
      </c>
      <c r="E7" s="154">
        <v>6754</v>
      </c>
      <c r="F7" s="438">
        <v>0</v>
      </c>
      <c r="G7" s="153">
        <v>4401</v>
      </c>
      <c r="H7" s="153">
        <v>4146</v>
      </c>
      <c r="I7" s="153">
        <v>2475</v>
      </c>
      <c r="J7" s="153">
        <v>2034</v>
      </c>
      <c r="K7" s="153">
        <v>1356</v>
      </c>
      <c r="L7" s="155">
        <v>14412</v>
      </c>
      <c r="M7" s="156">
        <v>21166</v>
      </c>
      <c r="N7" s="157">
        <v>116</v>
      </c>
      <c r="O7" s="158">
        <v>138</v>
      </c>
      <c r="P7" s="159">
        <v>254</v>
      </c>
      <c r="Q7" s="438">
        <v>0</v>
      </c>
      <c r="R7" s="158">
        <v>132</v>
      </c>
      <c r="S7" s="158">
        <v>136</v>
      </c>
      <c r="T7" s="158">
        <v>91</v>
      </c>
      <c r="U7" s="158">
        <v>91</v>
      </c>
      <c r="V7" s="158">
        <v>76</v>
      </c>
      <c r="W7" s="159">
        <v>526</v>
      </c>
      <c r="X7" s="160">
        <v>780</v>
      </c>
      <c r="Y7" s="157">
        <v>230</v>
      </c>
      <c r="Z7" s="158">
        <v>267</v>
      </c>
      <c r="AA7" s="159">
        <v>497</v>
      </c>
      <c r="AB7" s="438">
        <v>0</v>
      </c>
      <c r="AC7" s="158">
        <v>273</v>
      </c>
      <c r="AD7" s="158">
        <v>307</v>
      </c>
      <c r="AE7" s="158">
        <v>162</v>
      </c>
      <c r="AF7" s="158">
        <v>163</v>
      </c>
      <c r="AG7" s="158">
        <v>122</v>
      </c>
      <c r="AH7" s="159">
        <v>1027</v>
      </c>
      <c r="AI7" s="160">
        <v>1524</v>
      </c>
      <c r="AJ7" s="157">
        <v>397</v>
      </c>
      <c r="AK7" s="158">
        <v>432</v>
      </c>
      <c r="AL7" s="159">
        <v>829</v>
      </c>
      <c r="AM7" s="438">
        <v>0</v>
      </c>
      <c r="AN7" s="158">
        <v>508</v>
      </c>
      <c r="AO7" s="158">
        <v>478</v>
      </c>
      <c r="AP7" s="158">
        <v>259</v>
      </c>
      <c r="AQ7" s="158">
        <v>231</v>
      </c>
      <c r="AR7" s="158">
        <v>201</v>
      </c>
      <c r="AS7" s="159">
        <v>1677</v>
      </c>
      <c r="AT7" s="160">
        <v>2506</v>
      </c>
      <c r="AU7" s="157">
        <v>795</v>
      </c>
      <c r="AV7" s="158">
        <v>752</v>
      </c>
      <c r="AW7" s="159">
        <v>1547</v>
      </c>
      <c r="AX7" s="438">
        <v>0</v>
      </c>
      <c r="AY7" s="158">
        <v>1004</v>
      </c>
      <c r="AZ7" s="158">
        <v>834</v>
      </c>
      <c r="BA7" s="158">
        <v>466</v>
      </c>
      <c r="BB7" s="158">
        <v>405</v>
      </c>
      <c r="BC7" s="158">
        <v>267</v>
      </c>
      <c r="BD7" s="159">
        <v>2976</v>
      </c>
      <c r="BE7" s="160">
        <v>4523</v>
      </c>
      <c r="BF7" s="157">
        <v>1057</v>
      </c>
      <c r="BG7" s="158">
        <v>916</v>
      </c>
      <c r="BH7" s="159">
        <v>1973</v>
      </c>
      <c r="BI7" s="438">
        <v>0</v>
      </c>
      <c r="BJ7" s="158">
        <v>1307</v>
      </c>
      <c r="BK7" s="158">
        <v>1144</v>
      </c>
      <c r="BL7" s="158">
        <v>695</v>
      </c>
      <c r="BM7" s="158">
        <v>537</v>
      </c>
      <c r="BN7" s="158">
        <v>337</v>
      </c>
      <c r="BO7" s="159">
        <v>4020</v>
      </c>
      <c r="BP7" s="160">
        <v>5993</v>
      </c>
      <c r="BQ7" s="157">
        <v>795</v>
      </c>
      <c r="BR7" s="158">
        <v>859</v>
      </c>
      <c r="BS7" s="159">
        <v>1654</v>
      </c>
      <c r="BT7" s="438">
        <v>0</v>
      </c>
      <c r="BU7" s="158">
        <v>1177</v>
      </c>
      <c r="BV7" s="158">
        <v>1247</v>
      </c>
      <c r="BW7" s="158">
        <v>802</v>
      </c>
      <c r="BX7" s="158">
        <v>607</v>
      </c>
      <c r="BY7" s="158">
        <v>353</v>
      </c>
      <c r="BZ7" s="159">
        <v>4186</v>
      </c>
      <c r="CA7" s="160">
        <v>5840</v>
      </c>
      <c r="CB7" s="157">
        <v>0</v>
      </c>
      <c r="CC7" s="158">
        <v>0</v>
      </c>
      <c r="CD7" s="159">
        <v>0</v>
      </c>
      <c r="CE7" s="438">
        <v>0</v>
      </c>
      <c r="CF7" s="158">
        <v>0</v>
      </c>
      <c r="CG7" s="158">
        <v>0</v>
      </c>
      <c r="CH7" s="158">
        <v>0</v>
      </c>
      <c r="CI7" s="158">
        <v>0</v>
      </c>
      <c r="CJ7" s="158">
        <v>0</v>
      </c>
      <c r="CK7" s="159">
        <v>0</v>
      </c>
      <c r="CL7" s="160">
        <v>0</v>
      </c>
      <c r="CM7" s="157">
        <v>3390</v>
      </c>
      <c r="CN7" s="158">
        <v>3364</v>
      </c>
      <c r="CO7" s="159">
        <v>6754</v>
      </c>
      <c r="CP7" s="438">
        <v>0</v>
      </c>
      <c r="CQ7" s="158">
        <v>4401</v>
      </c>
      <c r="CR7" s="158">
        <v>4146</v>
      </c>
      <c r="CS7" s="158">
        <v>2475</v>
      </c>
      <c r="CT7" s="158">
        <v>2034</v>
      </c>
      <c r="CU7" s="158">
        <v>1356</v>
      </c>
      <c r="CV7" s="159">
        <v>14412</v>
      </c>
      <c r="CW7" s="160">
        <v>21166</v>
      </c>
      <c r="CX7" s="161">
        <v>1251</v>
      </c>
      <c r="CY7" s="153">
        <v>1432</v>
      </c>
      <c r="CZ7" s="154">
        <v>2683</v>
      </c>
      <c r="DA7" s="438">
        <v>0</v>
      </c>
      <c r="DB7" s="153">
        <v>1796</v>
      </c>
      <c r="DC7" s="153">
        <v>1645</v>
      </c>
      <c r="DD7" s="153">
        <v>1111</v>
      </c>
      <c r="DE7" s="153">
        <v>1111</v>
      </c>
      <c r="DF7" s="153">
        <v>715</v>
      </c>
      <c r="DG7" s="155">
        <v>6378</v>
      </c>
      <c r="DH7" s="156">
        <v>9061</v>
      </c>
      <c r="DI7" s="157">
        <v>33</v>
      </c>
      <c r="DJ7" s="158">
        <v>41</v>
      </c>
      <c r="DK7" s="159">
        <v>74</v>
      </c>
      <c r="DL7" s="438">
        <v>0</v>
      </c>
      <c r="DM7" s="158">
        <v>22</v>
      </c>
      <c r="DN7" s="158">
        <v>37</v>
      </c>
      <c r="DO7" s="158">
        <v>23</v>
      </c>
      <c r="DP7" s="158">
        <v>15</v>
      </c>
      <c r="DQ7" s="158">
        <v>13</v>
      </c>
      <c r="DR7" s="159">
        <v>110</v>
      </c>
      <c r="DS7" s="160">
        <v>184</v>
      </c>
      <c r="DT7" s="157">
        <v>90</v>
      </c>
      <c r="DU7" s="158">
        <v>104</v>
      </c>
      <c r="DV7" s="159">
        <v>194</v>
      </c>
      <c r="DW7" s="438">
        <v>0</v>
      </c>
      <c r="DX7" s="158">
        <v>66</v>
      </c>
      <c r="DY7" s="158">
        <v>69</v>
      </c>
      <c r="DZ7" s="158">
        <v>40</v>
      </c>
      <c r="EA7" s="158">
        <v>35</v>
      </c>
      <c r="EB7" s="158">
        <v>36</v>
      </c>
      <c r="EC7" s="159">
        <v>246</v>
      </c>
      <c r="ED7" s="160">
        <v>440</v>
      </c>
      <c r="EE7" s="157">
        <v>181</v>
      </c>
      <c r="EF7" s="158">
        <v>202</v>
      </c>
      <c r="EG7" s="159">
        <v>383</v>
      </c>
      <c r="EH7" s="438">
        <v>0</v>
      </c>
      <c r="EI7" s="158">
        <v>192</v>
      </c>
      <c r="EJ7" s="158">
        <v>167</v>
      </c>
      <c r="EK7" s="158">
        <v>73</v>
      </c>
      <c r="EL7" s="158">
        <v>73</v>
      </c>
      <c r="EM7" s="158">
        <v>62</v>
      </c>
      <c r="EN7" s="159">
        <v>567</v>
      </c>
      <c r="EO7" s="160">
        <v>950</v>
      </c>
      <c r="EP7" s="157">
        <v>379</v>
      </c>
      <c r="EQ7" s="158">
        <v>333</v>
      </c>
      <c r="ER7" s="159">
        <v>712</v>
      </c>
      <c r="ES7" s="438">
        <v>0</v>
      </c>
      <c r="ET7" s="158">
        <v>353</v>
      </c>
      <c r="EU7" s="158">
        <v>297</v>
      </c>
      <c r="EV7" s="158">
        <v>177</v>
      </c>
      <c r="EW7" s="158">
        <v>150</v>
      </c>
      <c r="EX7" s="158">
        <v>95</v>
      </c>
      <c r="EY7" s="159">
        <v>1072</v>
      </c>
      <c r="EZ7" s="160">
        <v>1784</v>
      </c>
      <c r="FA7" s="157">
        <v>328</v>
      </c>
      <c r="FB7" s="158">
        <v>434</v>
      </c>
      <c r="FC7" s="159">
        <v>762</v>
      </c>
      <c r="FD7" s="438">
        <v>0</v>
      </c>
      <c r="FE7" s="158">
        <v>549</v>
      </c>
      <c r="FF7" s="158">
        <v>463</v>
      </c>
      <c r="FG7" s="158">
        <v>279</v>
      </c>
      <c r="FH7" s="158">
        <v>261</v>
      </c>
      <c r="FI7" s="158">
        <v>169</v>
      </c>
      <c r="FJ7" s="159">
        <v>1721</v>
      </c>
      <c r="FK7" s="160">
        <v>2483</v>
      </c>
      <c r="FL7" s="157">
        <v>240</v>
      </c>
      <c r="FM7" s="158">
        <v>318</v>
      </c>
      <c r="FN7" s="159">
        <v>558</v>
      </c>
      <c r="FO7" s="438">
        <v>0</v>
      </c>
      <c r="FP7" s="158">
        <v>614</v>
      </c>
      <c r="FQ7" s="158">
        <v>612</v>
      </c>
      <c r="FR7" s="158">
        <v>519</v>
      </c>
      <c r="FS7" s="158">
        <v>577</v>
      </c>
      <c r="FT7" s="158">
        <v>340</v>
      </c>
      <c r="FU7" s="159">
        <v>2662</v>
      </c>
      <c r="FV7" s="160">
        <v>3220</v>
      </c>
      <c r="FW7" s="157">
        <v>0</v>
      </c>
      <c r="FX7" s="158">
        <v>0</v>
      </c>
      <c r="FY7" s="159">
        <v>0</v>
      </c>
      <c r="FZ7" s="438">
        <v>0</v>
      </c>
      <c r="GA7" s="158">
        <v>0</v>
      </c>
      <c r="GB7" s="158">
        <v>0</v>
      </c>
      <c r="GC7" s="158">
        <v>0</v>
      </c>
      <c r="GD7" s="158">
        <v>0</v>
      </c>
      <c r="GE7" s="158">
        <v>0</v>
      </c>
      <c r="GF7" s="159">
        <v>0</v>
      </c>
      <c r="GG7" s="160">
        <v>0</v>
      </c>
      <c r="GH7" s="157">
        <v>1251</v>
      </c>
      <c r="GI7" s="158">
        <v>1432</v>
      </c>
      <c r="GJ7" s="159">
        <v>2683</v>
      </c>
      <c r="GK7" s="438">
        <v>0</v>
      </c>
      <c r="GL7" s="158">
        <v>1796</v>
      </c>
      <c r="GM7" s="158">
        <v>1645</v>
      </c>
      <c r="GN7" s="158">
        <v>1111</v>
      </c>
      <c r="GO7" s="158">
        <v>1111</v>
      </c>
      <c r="GP7" s="158">
        <v>715</v>
      </c>
      <c r="GQ7" s="159">
        <v>6378</v>
      </c>
      <c r="GR7" s="160">
        <v>9061</v>
      </c>
      <c r="GS7" s="161">
        <v>4641</v>
      </c>
      <c r="GT7" s="153">
        <v>4796</v>
      </c>
      <c r="GU7" s="154">
        <v>9437</v>
      </c>
      <c r="GV7" s="438">
        <v>0</v>
      </c>
      <c r="GW7" s="153">
        <v>6197</v>
      </c>
      <c r="GX7" s="153">
        <v>5791</v>
      </c>
      <c r="GY7" s="153">
        <v>3586</v>
      </c>
      <c r="GZ7" s="153">
        <v>3145</v>
      </c>
      <c r="HA7" s="153">
        <v>2071</v>
      </c>
      <c r="HB7" s="155">
        <v>20790</v>
      </c>
      <c r="HC7" s="156">
        <v>30227</v>
      </c>
      <c r="HD7" s="157">
        <v>149</v>
      </c>
      <c r="HE7" s="158">
        <v>179</v>
      </c>
      <c r="HF7" s="159">
        <v>328</v>
      </c>
      <c r="HG7" s="438">
        <v>0</v>
      </c>
      <c r="HH7" s="158">
        <v>154</v>
      </c>
      <c r="HI7" s="158">
        <v>173</v>
      </c>
      <c r="HJ7" s="158">
        <v>114</v>
      </c>
      <c r="HK7" s="158">
        <v>106</v>
      </c>
      <c r="HL7" s="158">
        <v>89</v>
      </c>
      <c r="HM7" s="159">
        <v>636</v>
      </c>
      <c r="HN7" s="160">
        <v>964</v>
      </c>
      <c r="HO7" s="157">
        <v>320</v>
      </c>
      <c r="HP7" s="158">
        <v>371</v>
      </c>
      <c r="HQ7" s="159">
        <v>691</v>
      </c>
      <c r="HR7" s="438">
        <v>0</v>
      </c>
      <c r="HS7" s="158">
        <v>339</v>
      </c>
      <c r="HT7" s="158">
        <v>376</v>
      </c>
      <c r="HU7" s="158">
        <v>202</v>
      </c>
      <c r="HV7" s="158">
        <v>198</v>
      </c>
      <c r="HW7" s="158">
        <v>158</v>
      </c>
      <c r="HX7" s="159">
        <v>1273</v>
      </c>
      <c r="HY7" s="160">
        <v>1964</v>
      </c>
      <c r="HZ7" s="157">
        <v>578</v>
      </c>
      <c r="IA7" s="158">
        <v>634</v>
      </c>
      <c r="IB7" s="159">
        <v>1212</v>
      </c>
      <c r="IC7" s="438">
        <v>0</v>
      </c>
      <c r="ID7" s="158">
        <v>700</v>
      </c>
      <c r="IE7" s="158">
        <v>645</v>
      </c>
      <c r="IF7" s="158">
        <v>332</v>
      </c>
      <c r="IG7" s="158">
        <v>304</v>
      </c>
      <c r="IH7" s="158">
        <v>263</v>
      </c>
      <c r="II7" s="159">
        <v>2244</v>
      </c>
      <c r="IJ7" s="160">
        <v>3456</v>
      </c>
      <c r="IK7" s="157">
        <v>1174</v>
      </c>
      <c r="IL7" s="158">
        <v>1085</v>
      </c>
      <c r="IM7" s="159">
        <v>2259</v>
      </c>
      <c r="IN7" s="438">
        <v>0</v>
      </c>
      <c r="IO7" s="158">
        <v>1357</v>
      </c>
      <c r="IP7" s="158">
        <v>1131</v>
      </c>
      <c r="IQ7" s="158">
        <v>643</v>
      </c>
      <c r="IR7" s="158">
        <v>555</v>
      </c>
      <c r="IS7" s="158">
        <v>362</v>
      </c>
      <c r="IT7" s="159">
        <v>4048</v>
      </c>
      <c r="IU7" s="160">
        <v>6307</v>
      </c>
      <c r="IV7" s="157">
        <v>1385</v>
      </c>
      <c r="IW7" s="158">
        <v>1350</v>
      </c>
      <c r="IX7" s="159">
        <v>2735</v>
      </c>
      <c r="IY7" s="438">
        <v>0</v>
      </c>
      <c r="IZ7" s="158">
        <v>1856</v>
      </c>
      <c r="JA7" s="158">
        <v>1607</v>
      </c>
      <c r="JB7" s="158">
        <v>974</v>
      </c>
      <c r="JC7" s="158">
        <v>798</v>
      </c>
      <c r="JD7" s="158">
        <v>506</v>
      </c>
      <c r="JE7" s="159">
        <v>5741</v>
      </c>
      <c r="JF7" s="160">
        <v>8476</v>
      </c>
      <c r="JG7" s="157">
        <v>1035</v>
      </c>
      <c r="JH7" s="158">
        <v>1177</v>
      </c>
      <c r="JI7" s="159">
        <v>2212</v>
      </c>
      <c r="JJ7" s="438">
        <v>0</v>
      </c>
      <c r="JK7" s="158">
        <v>1791</v>
      </c>
      <c r="JL7" s="158">
        <v>1859</v>
      </c>
      <c r="JM7" s="158">
        <v>1321</v>
      </c>
      <c r="JN7" s="158">
        <v>1184</v>
      </c>
      <c r="JO7" s="158">
        <v>693</v>
      </c>
      <c r="JP7" s="159">
        <v>6848</v>
      </c>
      <c r="JQ7" s="160">
        <v>9060</v>
      </c>
      <c r="JR7" s="157">
        <v>0</v>
      </c>
      <c r="JS7" s="158">
        <v>0</v>
      </c>
      <c r="JT7" s="159">
        <v>0</v>
      </c>
      <c r="JU7" s="438">
        <v>0</v>
      </c>
      <c r="JV7" s="158">
        <v>0</v>
      </c>
      <c r="JW7" s="158">
        <v>0</v>
      </c>
      <c r="JX7" s="158">
        <v>0</v>
      </c>
      <c r="JY7" s="158">
        <v>0</v>
      </c>
      <c r="JZ7" s="158">
        <v>0</v>
      </c>
      <c r="KA7" s="159">
        <v>0</v>
      </c>
      <c r="KB7" s="160">
        <v>0</v>
      </c>
      <c r="KC7" s="157">
        <v>4641</v>
      </c>
      <c r="KD7" s="158">
        <v>4796</v>
      </c>
      <c r="KE7" s="159">
        <v>9437</v>
      </c>
      <c r="KF7" s="438">
        <v>0</v>
      </c>
      <c r="KG7" s="158">
        <v>6197</v>
      </c>
      <c r="KH7" s="158">
        <v>5791</v>
      </c>
      <c r="KI7" s="158">
        <v>3586</v>
      </c>
      <c r="KJ7" s="158">
        <v>3145</v>
      </c>
      <c r="KK7" s="158">
        <v>2071</v>
      </c>
      <c r="KL7" s="159">
        <v>20790</v>
      </c>
      <c r="KM7" s="160">
        <v>30227</v>
      </c>
    </row>
    <row r="8" spans="2:299" s="137" customFormat="1" ht="21" customHeight="1" x14ac:dyDescent="0.2">
      <c r="B8" s="162" t="s">
        <v>5</v>
      </c>
      <c r="C8" s="163">
        <v>1471</v>
      </c>
      <c r="D8" s="164">
        <v>1716</v>
      </c>
      <c r="E8" s="165">
        <v>3187</v>
      </c>
      <c r="F8" s="439">
        <v>0</v>
      </c>
      <c r="G8" s="164">
        <v>1608</v>
      </c>
      <c r="H8" s="164">
        <v>2009</v>
      </c>
      <c r="I8" s="164">
        <v>1122</v>
      </c>
      <c r="J8" s="164">
        <v>940</v>
      </c>
      <c r="K8" s="164">
        <v>595</v>
      </c>
      <c r="L8" s="166">
        <v>6274</v>
      </c>
      <c r="M8" s="167">
        <v>9461</v>
      </c>
      <c r="N8" s="168">
        <v>48</v>
      </c>
      <c r="O8" s="169">
        <v>59</v>
      </c>
      <c r="P8" s="170">
        <v>107</v>
      </c>
      <c r="Q8" s="439">
        <v>0</v>
      </c>
      <c r="R8" s="169">
        <v>49</v>
      </c>
      <c r="S8" s="169">
        <v>69</v>
      </c>
      <c r="T8" s="169">
        <v>41</v>
      </c>
      <c r="U8" s="169">
        <v>45</v>
      </c>
      <c r="V8" s="169">
        <v>27</v>
      </c>
      <c r="W8" s="170">
        <v>231</v>
      </c>
      <c r="X8" s="171">
        <v>338</v>
      </c>
      <c r="Y8" s="168">
        <v>91</v>
      </c>
      <c r="Z8" s="169">
        <v>132</v>
      </c>
      <c r="AA8" s="170">
        <v>223</v>
      </c>
      <c r="AB8" s="439">
        <v>0</v>
      </c>
      <c r="AC8" s="169">
        <v>75</v>
      </c>
      <c r="AD8" s="169">
        <v>138</v>
      </c>
      <c r="AE8" s="169">
        <v>63</v>
      </c>
      <c r="AF8" s="169">
        <v>78</v>
      </c>
      <c r="AG8" s="169">
        <v>48</v>
      </c>
      <c r="AH8" s="170">
        <v>402</v>
      </c>
      <c r="AI8" s="171">
        <v>625</v>
      </c>
      <c r="AJ8" s="168">
        <v>160</v>
      </c>
      <c r="AK8" s="169">
        <v>224</v>
      </c>
      <c r="AL8" s="170">
        <v>384</v>
      </c>
      <c r="AM8" s="439">
        <v>0</v>
      </c>
      <c r="AN8" s="169">
        <v>167</v>
      </c>
      <c r="AO8" s="169">
        <v>224</v>
      </c>
      <c r="AP8" s="169">
        <v>116</v>
      </c>
      <c r="AQ8" s="169">
        <v>103</v>
      </c>
      <c r="AR8" s="169">
        <v>87</v>
      </c>
      <c r="AS8" s="170">
        <v>697</v>
      </c>
      <c r="AT8" s="171">
        <v>1081</v>
      </c>
      <c r="AU8" s="168">
        <v>344</v>
      </c>
      <c r="AV8" s="169">
        <v>392</v>
      </c>
      <c r="AW8" s="170">
        <v>736</v>
      </c>
      <c r="AX8" s="439">
        <v>0</v>
      </c>
      <c r="AY8" s="169">
        <v>330</v>
      </c>
      <c r="AZ8" s="169">
        <v>394</v>
      </c>
      <c r="BA8" s="169">
        <v>208</v>
      </c>
      <c r="BB8" s="169">
        <v>191</v>
      </c>
      <c r="BC8" s="169">
        <v>113</v>
      </c>
      <c r="BD8" s="170">
        <v>1236</v>
      </c>
      <c r="BE8" s="171">
        <v>1972</v>
      </c>
      <c r="BF8" s="168">
        <v>483</v>
      </c>
      <c r="BG8" s="169">
        <v>479</v>
      </c>
      <c r="BH8" s="170">
        <v>962</v>
      </c>
      <c r="BI8" s="439">
        <v>0</v>
      </c>
      <c r="BJ8" s="169">
        <v>525</v>
      </c>
      <c r="BK8" s="169">
        <v>568</v>
      </c>
      <c r="BL8" s="169">
        <v>314</v>
      </c>
      <c r="BM8" s="169">
        <v>250</v>
      </c>
      <c r="BN8" s="169">
        <v>149</v>
      </c>
      <c r="BO8" s="170">
        <v>1806</v>
      </c>
      <c r="BP8" s="171">
        <v>2768</v>
      </c>
      <c r="BQ8" s="168">
        <v>345</v>
      </c>
      <c r="BR8" s="169">
        <v>430</v>
      </c>
      <c r="BS8" s="170">
        <v>775</v>
      </c>
      <c r="BT8" s="439">
        <v>0</v>
      </c>
      <c r="BU8" s="169">
        <v>462</v>
      </c>
      <c r="BV8" s="169">
        <v>616</v>
      </c>
      <c r="BW8" s="169">
        <v>380</v>
      </c>
      <c r="BX8" s="169">
        <v>273</v>
      </c>
      <c r="BY8" s="169">
        <v>171</v>
      </c>
      <c r="BZ8" s="170">
        <v>1902</v>
      </c>
      <c r="CA8" s="171">
        <v>2677</v>
      </c>
      <c r="CB8" s="168">
        <v>0</v>
      </c>
      <c r="CC8" s="169">
        <v>0</v>
      </c>
      <c r="CD8" s="170">
        <v>0</v>
      </c>
      <c r="CE8" s="439">
        <v>0</v>
      </c>
      <c r="CF8" s="169">
        <v>0</v>
      </c>
      <c r="CG8" s="169">
        <v>0</v>
      </c>
      <c r="CH8" s="169">
        <v>0</v>
      </c>
      <c r="CI8" s="169">
        <v>0</v>
      </c>
      <c r="CJ8" s="169">
        <v>0</v>
      </c>
      <c r="CK8" s="170">
        <v>0</v>
      </c>
      <c r="CL8" s="171">
        <v>0</v>
      </c>
      <c r="CM8" s="168">
        <v>1471</v>
      </c>
      <c r="CN8" s="169">
        <v>1716</v>
      </c>
      <c r="CO8" s="170">
        <v>3187</v>
      </c>
      <c r="CP8" s="439">
        <v>0</v>
      </c>
      <c r="CQ8" s="169">
        <v>1608</v>
      </c>
      <c r="CR8" s="169">
        <v>2009</v>
      </c>
      <c r="CS8" s="169">
        <v>1122</v>
      </c>
      <c r="CT8" s="169">
        <v>940</v>
      </c>
      <c r="CU8" s="169">
        <v>595</v>
      </c>
      <c r="CV8" s="170">
        <v>6274</v>
      </c>
      <c r="CW8" s="171">
        <v>9461</v>
      </c>
      <c r="CX8" s="172">
        <v>479</v>
      </c>
      <c r="CY8" s="164">
        <v>645</v>
      </c>
      <c r="CZ8" s="165">
        <v>1124</v>
      </c>
      <c r="DA8" s="439">
        <v>0</v>
      </c>
      <c r="DB8" s="164">
        <v>666</v>
      </c>
      <c r="DC8" s="164">
        <v>773</v>
      </c>
      <c r="DD8" s="164">
        <v>478</v>
      </c>
      <c r="DE8" s="164">
        <v>489</v>
      </c>
      <c r="DF8" s="164">
        <v>326</v>
      </c>
      <c r="DG8" s="166">
        <v>2732</v>
      </c>
      <c r="DH8" s="167">
        <v>3856</v>
      </c>
      <c r="DI8" s="168">
        <v>11</v>
      </c>
      <c r="DJ8" s="169">
        <v>18</v>
      </c>
      <c r="DK8" s="170">
        <v>29</v>
      </c>
      <c r="DL8" s="439">
        <v>0</v>
      </c>
      <c r="DM8" s="169">
        <v>8</v>
      </c>
      <c r="DN8" s="169">
        <v>17</v>
      </c>
      <c r="DO8" s="169">
        <v>8</v>
      </c>
      <c r="DP8" s="169">
        <v>8</v>
      </c>
      <c r="DQ8" s="169">
        <v>8</v>
      </c>
      <c r="DR8" s="170">
        <v>49</v>
      </c>
      <c r="DS8" s="171">
        <v>78</v>
      </c>
      <c r="DT8" s="168">
        <v>39</v>
      </c>
      <c r="DU8" s="169">
        <v>46</v>
      </c>
      <c r="DV8" s="170">
        <v>85</v>
      </c>
      <c r="DW8" s="439">
        <v>0</v>
      </c>
      <c r="DX8" s="169">
        <v>11</v>
      </c>
      <c r="DY8" s="169">
        <v>36</v>
      </c>
      <c r="DZ8" s="169">
        <v>16</v>
      </c>
      <c r="EA8" s="169">
        <v>16</v>
      </c>
      <c r="EB8" s="169">
        <v>20</v>
      </c>
      <c r="EC8" s="170">
        <v>99</v>
      </c>
      <c r="ED8" s="171">
        <v>184</v>
      </c>
      <c r="EE8" s="168">
        <v>60</v>
      </c>
      <c r="EF8" s="169">
        <v>94</v>
      </c>
      <c r="EG8" s="170">
        <v>154</v>
      </c>
      <c r="EH8" s="439">
        <v>0</v>
      </c>
      <c r="EI8" s="169">
        <v>66</v>
      </c>
      <c r="EJ8" s="169">
        <v>84</v>
      </c>
      <c r="EK8" s="169">
        <v>28</v>
      </c>
      <c r="EL8" s="169">
        <v>38</v>
      </c>
      <c r="EM8" s="169">
        <v>28</v>
      </c>
      <c r="EN8" s="170">
        <v>244</v>
      </c>
      <c r="EO8" s="171">
        <v>398</v>
      </c>
      <c r="EP8" s="168">
        <v>147</v>
      </c>
      <c r="EQ8" s="169">
        <v>159</v>
      </c>
      <c r="ER8" s="170">
        <v>306</v>
      </c>
      <c r="ES8" s="439">
        <v>0</v>
      </c>
      <c r="ET8" s="169">
        <v>140</v>
      </c>
      <c r="EU8" s="169">
        <v>132</v>
      </c>
      <c r="EV8" s="169">
        <v>80</v>
      </c>
      <c r="EW8" s="169">
        <v>67</v>
      </c>
      <c r="EX8" s="169">
        <v>33</v>
      </c>
      <c r="EY8" s="170">
        <v>452</v>
      </c>
      <c r="EZ8" s="171">
        <v>758</v>
      </c>
      <c r="FA8" s="168">
        <v>124</v>
      </c>
      <c r="FB8" s="169">
        <v>195</v>
      </c>
      <c r="FC8" s="170">
        <v>319</v>
      </c>
      <c r="FD8" s="439">
        <v>0</v>
      </c>
      <c r="FE8" s="169">
        <v>218</v>
      </c>
      <c r="FF8" s="169">
        <v>217</v>
      </c>
      <c r="FG8" s="169">
        <v>114</v>
      </c>
      <c r="FH8" s="169">
        <v>120</v>
      </c>
      <c r="FI8" s="169">
        <v>78</v>
      </c>
      <c r="FJ8" s="170">
        <v>747</v>
      </c>
      <c r="FK8" s="171">
        <v>1066</v>
      </c>
      <c r="FL8" s="168">
        <v>98</v>
      </c>
      <c r="FM8" s="169">
        <v>133</v>
      </c>
      <c r="FN8" s="170">
        <v>231</v>
      </c>
      <c r="FO8" s="439">
        <v>0</v>
      </c>
      <c r="FP8" s="169">
        <v>223</v>
      </c>
      <c r="FQ8" s="169">
        <v>287</v>
      </c>
      <c r="FR8" s="169">
        <v>232</v>
      </c>
      <c r="FS8" s="169">
        <v>240</v>
      </c>
      <c r="FT8" s="169">
        <v>159</v>
      </c>
      <c r="FU8" s="170">
        <v>1141</v>
      </c>
      <c r="FV8" s="171">
        <v>1372</v>
      </c>
      <c r="FW8" s="168">
        <v>0</v>
      </c>
      <c r="FX8" s="169">
        <v>0</v>
      </c>
      <c r="FY8" s="170">
        <v>0</v>
      </c>
      <c r="FZ8" s="439">
        <v>0</v>
      </c>
      <c r="GA8" s="169">
        <v>0</v>
      </c>
      <c r="GB8" s="169">
        <v>0</v>
      </c>
      <c r="GC8" s="169">
        <v>0</v>
      </c>
      <c r="GD8" s="169">
        <v>0</v>
      </c>
      <c r="GE8" s="169">
        <v>0</v>
      </c>
      <c r="GF8" s="170">
        <v>0</v>
      </c>
      <c r="GG8" s="171">
        <v>0</v>
      </c>
      <c r="GH8" s="168">
        <v>479</v>
      </c>
      <c r="GI8" s="169">
        <v>645</v>
      </c>
      <c r="GJ8" s="170">
        <v>1124</v>
      </c>
      <c r="GK8" s="439">
        <v>0</v>
      </c>
      <c r="GL8" s="169">
        <v>666</v>
      </c>
      <c r="GM8" s="169">
        <v>773</v>
      </c>
      <c r="GN8" s="169">
        <v>478</v>
      </c>
      <c r="GO8" s="169">
        <v>489</v>
      </c>
      <c r="GP8" s="169">
        <v>326</v>
      </c>
      <c r="GQ8" s="170">
        <v>2732</v>
      </c>
      <c r="GR8" s="171">
        <v>3856</v>
      </c>
      <c r="GS8" s="172">
        <v>1950</v>
      </c>
      <c r="GT8" s="164">
        <v>2361</v>
      </c>
      <c r="GU8" s="165">
        <v>4311</v>
      </c>
      <c r="GV8" s="439">
        <v>0</v>
      </c>
      <c r="GW8" s="164">
        <v>2274</v>
      </c>
      <c r="GX8" s="164">
        <v>2782</v>
      </c>
      <c r="GY8" s="164">
        <v>1600</v>
      </c>
      <c r="GZ8" s="164">
        <v>1429</v>
      </c>
      <c r="HA8" s="164">
        <v>921</v>
      </c>
      <c r="HB8" s="166">
        <v>9006</v>
      </c>
      <c r="HC8" s="167">
        <v>13317</v>
      </c>
      <c r="HD8" s="168">
        <v>59</v>
      </c>
      <c r="HE8" s="169">
        <v>77</v>
      </c>
      <c r="HF8" s="170">
        <v>136</v>
      </c>
      <c r="HG8" s="439">
        <v>0</v>
      </c>
      <c r="HH8" s="169">
        <v>57</v>
      </c>
      <c r="HI8" s="169">
        <v>86</v>
      </c>
      <c r="HJ8" s="169">
        <v>49</v>
      </c>
      <c r="HK8" s="169">
        <v>53</v>
      </c>
      <c r="HL8" s="169">
        <v>35</v>
      </c>
      <c r="HM8" s="170">
        <v>280</v>
      </c>
      <c r="HN8" s="171">
        <v>416</v>
      </c>
      <c r="HO8" s="168">
        <v>130</v>
      </c>
      <c r="HP8" s="169">
        <v>178</v>
      </c>
      <c r="HQ8" s="170">
        <v>308</v>
      </c>
      <c r="HR8" s="439">
        <v>0</v>
      </c>
      <c r="HS8" s="169">
        <v>86</v>
      </c>
      <c r="HT8" s="169">
        <v>174</v>
      </c>
      <c r="HU8" s="169">
        <v>79</v>
      </c>
      <c r="HV8" s="169">
        <v>94</v>
      </c>
      <c r="HW8" s="169">
        <v>68</v>
      </c>
      <c r="HX8" s="170">
        <v>501</v>
      </c>
      <c r="HY8" s="171">
        <v>809</v>
      </c>
      <c r="HZ8" s="168">
        <v>220</v>
      </c>
      <c r="IA8" s="169">
        <v>318</v>
      </c>
      <c r="IB8" s="170">
        <v>538</v>
      </c>
      <c r="IC8" s="439">
        <v>0</v>
      </c>
      <c r="ID8" s="169">
        <v>233</v>
      </c>
      <c r="IE8" s="169">
        <v>308</v>
      </c>
      <c r="IF8" s="169">
        <v>144</v>
      </c>
      <c r="IG8" s="169">
        <v>141</v>
      </c>
      <c r="IH8" s="169">
        <v>115</v>
      </c>
      <c r="II8" s="170">
        <v>941</v>
      </c>
      <c r="IJ8" s="171">
        <v>1479</v>
      </c>
      <c r="IK8" s="168">
        <v>491</v>
      </c>
      <c r="IL8" s="169">
        <v>551</v>
      </c>
      <c r="IM8" s="170">
        <v>1042</v>
      </c>
      <c r="IN8" s="439">
        <v>0</v>
      </c>
      <c r="IO8" s="169">
        <v>470</v>
      </c>
      <c r="IP8" s="169">
        <v>526</v>
      </c>
      <c r="IQ8" s="169">
        <v>288</v>
      </c>
      <c r="IR8" s="169">
        <v>258</v>
      </c>
      <c r="IS8" s="169">
        <v>146</v>
      </c>
      <c r="IT8" s="170">
        <v>1688</v>
      </c>
      <c r="IU8" s="171">
        <v>2730</v>
      </c>
      <c r="IV8" s="168">
        <v>607</v>
      </c>
      <c r="IW8" s="169">
        <v>674</v>
      </c>
      <c r="IX8" s="170">
        <v>1281</v>
      </c>
      <c r="IY8" s="439">
        <v>0</v>
      </c>
      <c r="IZ8" s="169">
        <v>743</v>
      </c>
      <c r="JA8" s="169">
        <v>785</v>
      </c>
      <c r="JB8" s="169">
        <v>428</v>
      </c>
      <c r="JC8" s="169">
        <v>370</v>
      </c>
      <c r="JD8" s="169">
        <v>227</v>
      </c>
      <c r="JE8" s="170">
        <v>2553</v>
      </c>
      <c r="JF8" s="171">
        <v>3834</v>
      </c>
      <c r="JG8" s="168">
        <v>443</v>
      </c>
      <c r="JH8" s="169">
        <v>563</v>
      </c>
      <c r="JI8" s="170">
        <v>1006</v>
      </c>
      <c r="JJ8" s="439">
        <v>0</v>
      </c>
      <c r="JK8" s="169">
        <v>685</v>
      </c>
      <c r="JL8" s="169">
        <v>903</v>
      </c>
      <c r="JM8" s="169">
        <v>612</v>
      </c>
      <c r="JN8" s="169">
        <v>513</v>
      </c>
      <c r="JO8" s="169">
        <v>330</v>
      </c>
      <c r="JP8" s="170">
        <v>3043</v>
      </c>
      <c r="JQ8" s="171">
        <v>4049</v>
      </c>
      <c r="JR8" s="168">
        <v>0</v>
      </c>
      <c r="JS8" s="169">
        <v>0</v>
      </c>
      <c r="JT8" s="170">
        <v>0</v>
      </c>
      <c r="JU8" s="439">
        <v>0</v>
      </c>
      <c r="JV8" s="169">
        <v>0</v>
      </c>
      <c r="JW8" s="169">
        <v>0</v>
      </c>
      <c r="JX8" s="169">
        <v>0</v>
      </c>
      <c r="JY8" s="169">
        <v>0</v>
      </c>
      <c r="JZ8" s="169">
        <v>0</v>
      </c>
      <c r="KA8" s="170">
        <v>0</v>
      </c>
      <c r="KB8" s="171">
        <v>0</v>
      </c>
      <c r="KC8" s="168">
        <v>1950</v>
      </c>
      <c r="KD8" s="169">
        <v>2361</v>
      </c>
      <c r="KE8" s="170">
        <v>4311</v>
      </c>
      <c r="KF8" s="439">
        <v>0</v>
      </c>
      <c r="KG8" s="169">
        <v>2274</v>
      </c>
      <c r="KH8" s="169">
        <v>2782</v>
      </c>
      <c r="KI8" s="169">
        <v>1600</v>
      </c>
      <c r="KJ8" s="169">
        <v>1429</v>
      </c>
      <c r="KK8" s="169">
        <v>921</v>
      </c>
      <c r="KL8" s="170">
        <v>9006</v>
      </c>
      <c r="KM8" s="171">
        <v>13317</v>
      </c>
    </row>
    <row r="9" spans="2:299" s="137" customFormat="1" ht="21" customHeight="1" x14ac:dyDescent="0.2">
      <c r="B9" s="173" t="s">
        <v>6</v>
      </c>
      <c r="C9" s="163">
        <v>444</v>
      </c>
      <c r="D9" s="164">
        <v>409</v>
      </c>
      <c r="E9" s="165">
        <v>853</v>
      </c>
      <c r="F9" s="439">
        <v>0</v>
      </c>
      <c r="G9" s="164">
        <v>775</v>
      </c>
      <c r="H9" s="164">
        <v>588</v>
      </c>
      <c r="I9" s="164">
        <v>353</v>
      </c>
      <c r="J9" s="164">
        <v>301</v>
      </c>
      <c r="K9" s="164">
        <v>224</v>
      </c>
      <c r="L9" s="166">
        <v>2241</v>
      </c>
      <c r="M9" s="167">
        <v>3094</v>
      </c>
      <c r="N9" s="168">
        <v>26</v>
      </c>
      <c r="O9" s="169">
        <v>19</v>
      </c>
      <c r="P9" s="170">
        <v>45</v>
      </c>
      <c r="Q9" s="439">
        <v>0</v>
      </c>
      <c r="R9" s="169">
        <v>26</v>
      </c>
      <c r="S9" s="169">
        <v>24</v>
      </c>
      <c r="T9" s="169">
        <v>9</v>
      </c>
      <c r="U9" s="169">
        <v>13</v>
      </c>
      <c r="V9" s="169">
        <v>14</v>
      </c>
      <c r="W9" s="170">
        <v>86</v>
      </c>
      <c r="X9" s="171">
        <v>131</v>
      </c>
      <c r="Y9" s="168">
        <v>37</v>
      </c>
      <c r="Z9" s="169">
        <v>34</v>
      </c>
      <c r="AA9" s="170">
        <v>71</v>
      </c>
      <c r="AB9" s="439">
        <v>0</v>
      </c>
      <c r="AC9" s="169">
        <v>46</v>
      </c>
      <c r="AD9" s="169">
        <v>52</v>
      </c>
      <c r="AE9" s="169">
        <v>17</v>
      </c>
      <c r="AF9" s="169">
        <v>22</v>
      </c>
      <c r="AG9" s="169">
        <v>21</v>
      </c>
      <c r="AH9" s="170">
        <v>158</v>
      </c>
      <c r="AI9" s="171">
        <v>229</v>
      </c>
      <c r="AJ9" s="168">
        <v>53</v>
      </c>
      <c r="AK9" s="169">
        <v>47</v>
      </c>
      <c r="AL9" s="170">
        <v>100</v>
      </c>
      <c r="AM9" s="439">
        <v>0</v>
      </c>
      <c r="AN9" s="169">
        <v>97</v>
      </c>
      <c r="AO9" s="169">
        <v>65</v>
      </c>
      <c r="AP9" s="169">
        <v>42</v>
      </c>
      <c r="AQ9" s="169">
        <v>40</v>
      </c>
      <c r="AR9" s="169">
        <v>34</v>
      </c>
      <c r="AS9" s="170">
        <v>278</v>
      </c>
      <c r="AT9" s="171">
        <v>378</v>
      </c>
      <c r="AU9" s="168">
        <v>107</v>
      </c>
      <c r="AV9" s="169">
        <v>71</v>
      </c>
      <c r="AW9" s="170">
        <v>178</v>
      </c>
      <c r="AX9" s="439">
        <v>0</v>
      </c>
      <c r="AY9" s="169">
        <v>187</v>
      </c>
      <c r="AZ9" s="169">
        <v>114</v>
      </c>
      <c r="BA9" s="169">
        <v>62</v>
      </c>
      <c r="BB9" s="169">
        <v>57</v>
      </c>
      <c r="BC9" s="169">
        <v>41</v>
      </c>
      <c r="BD9" s="170">
        <v>461</v>
      </c>
      <c r="BE9" s="171">
        <v>639</v>
      </c>
      <c r="BF9" s="168">
        <v>117</v>
      </c>
      <c r="BG9" s="169">
        <v>111</v>
      </c>
      <c r="BH9" s="170">
        <v>228</v>
      </c>
      <c r="BI9" s="439">
        <v>0</v>
      </c>
      <c r="BJ9" s="169">
        <v>220</v>
      </c>
      <c r="BK9" s="169">
        <v>150</v>
      </c>
      <c r="BL9" s="169">
        <v>89</v>
      </c>
      <c r="BM9" s="169">
        <v>80</v>
      </c>
      <c r="BN9" s="169">
        <v>49</v>
      </c>
      <c r="BO9" s="170">
        <v>588</v>
      </c>
      <c r="BP9" s="171">
        <v>816</v>
      </c>
      <c r="BQ9" s="168">
        <v>104</v>
      </c>
      <c r="BR9" s="169">
        <v>127</v>
      </c>
      <c r="BS9" s="170">
        <v>231</v>
      </c>
      <c r="BT9" s="439">
        <v>0</v>
      </c>
      <c r="BU9" s="169">
        <v>199</v>
      </c>
      <c r="BV9" s="169">
        <v>183</v>
      </c>
      <c r="BW9" s="169">
        <v>134</v>
      </c>
      <c r="BX9" s="169">
        <v>89</v>
      </c>
      <c r="BY9" s="169">
        <v>65</v>
      </c>
      <c r="BZ9" s="170">
        <v>670</v>
      </c>
      <c r="CA9" s="171">
        <v>901</v>
      </c>
      <c r="CB9" s="168">
        <v>0</v>
      </c>
      <c r="CC9" s="169">
        <v>0</v>
      </c>
      <c r="CD9" s="170">
        <v>0</v>
      </c>
      <c r="CE9" s="439">
        <v>0</v>
      </c>
      <c r="CF9" s="169">
        <v>0</v>
      </c>
      <c r="CG9" s="169">
        <v>0</v>
      </c>
      <c r="CH9" s="169">
        <v>0</v>
      </c>
      <c r="CI9" s="169">
        <v>0</v>
      </c>
      <c r="CJ9" s="169">
        <v>0</v>
      </c>
      <c r="CK9" s="170">
        <v>0</v>
      </c>
      <c r="CL9" s="171">
        <v>0</v>
      </c>
      <c r="CM9" s="168">
        <v>444</v>
      </c>
      <c r="CN9" s="169">
        <v>409</v>
      </c>
      <c r="CO9" s="170">
        <v>853</v>
      </c>
      <c r="CP9" s="439">
        <v>0</v>
      </c>
      <c r="CQ9" s="169">
        <v>775</v>
      </c>
      <c r="CR9" s="169">
        <v>588</v>
      </c>
      <c r="CS9" s="169">
        <v>353</v>
      </c>
      <c r="CT9" s="169">
        <v>301</v>
      </c>
      <c r="CU9" s="169">
        <v>224</v>
      </c>
      <c r="CV9" s="170">
        <v>2241</v>
      </c>
      <c r="CW9" s="171">
        <v>3094</v>
      </c>
      <c r="CX9" s="172">
        <v>226</v>
      </c>
      <c r="CY9" s="164">
        <v>249</v>
      </c>
      <c r="CZ9" s="165">
        <v>475</v>
      </c>
      <c r="DA9" s="439">
        <v>0</v>
      </c>
      <c r="DB9" s="164">
        <v>385</v>
      </c>
      <c r="DC9" s="164">
        <v>280</v>
      </c>
      <c r="DD9" s="164">
        <v>197</v>
      </c>
      <c r="DE9" s="164">
        <v>183</v>
      </c>
      <c r="DF9" s="164">
        <v>120</v>
      </c>
      <c r="DG9" s="166">
        <v>1165</v>
      </c>
      <c r="DH9" s="167">
        <v>1640</v>
      </c>
      <c r="DI9" s="168">
        <v>4</v>
      </c>
      <c r="DJ9" s="169">
        <v>7</v>
      </c>
      <c r="DK9" s="170">
        <v>11</v>
      </c>
      <c r="DL9" s="439">
        <v>0</v>
      </c>
      <c r="DM9" s="169">
        <v>3</v>
      </c>
      <c r="DN9" s="169">
        <v>7</v>
      </c>
      <c r="DO9" s="169">
        <v>4</v>
      </c>
      <c r="DP9" s="169">
        <v>1</v>
      </c>
      <c r="DQ9" s="169">
        <v>1</v>
      </c>
      <c r="DR9" s="170">
        <v>16</v>
      </c>
      <c r="DS9" s="171">
        <v>27</v>
      </c>
      <c r="DT9" s="168">
        <v>10</v>
      </c>
      <c r="DU9" s="169">
        <v>23</v>
      </c>
      <c r="DV9" s="170">
        <v>33</v>
      </c>
      <c r="DW9" s="439">
        <v>0</v>
      </c>
      <c r="DX9" s="169">
        <v>19</v>
      </c>
      <c r="DY9" s="169">
        <v>8</v>
      </c>
      <c r="DZ9" s="169">
        <v>10</v>
      </c>
      <c r="EA9" s="169">
        <v>4</v>
      </c>
      <c r="EB9" s="169">
        <v>3</v>
      </c>
      <c r="EC9" s="170">
        <v>44</v>
      </c>
      <c r="ED9" s="171">
        <v>77</v>
      </c>
      <c r="EE9" s="168">
        <v>35</v>
      </c>
      <c r="EF9" s="169">
        <v>30</v>
      </c>
      <c r="EG9" s="170">
        <v>65</v>
      </c>
      <c r="EH9" s="439">
        <v>0</v>
      </c>
      <c r="EI9" s="169">
        <v>44</v>
      </c>
      <c r="EJ9" s="169">
        <v>23</v>
      </c>
      <c r="EK9" s="169">
        <v>13</v>
      </c>
      <c r="EL9" s="169">
        <v>9</v>
      </c>
      <c r="EM9" s="169">
        <v>15</v>
      </c>
      <c r="EN9" s="170">
        <v>104</v>
      </c>
      <c r="EO9" s="171">
        <v>169</v>
      </c>
      <c r="EP9" s="168">
        <v>75</v>
      </c>
      <c r="EQ9" s="169">
        <v>48</v>
      </c>
      <c r="ER9" s="170">
        <v>123</v>
      </c>
      <c r="ES9" s="439">
        <v>0</v>
      </c>
      <c r="ET9" s="169">
        <v>78</v>
      </c>
      <c r="EU9" s="169">
        <v>52</v>
      </c>
      <c r="EV9" s="169">
        <v>28</v>
      </c>
      <c r="EW9" s="169">
        <v>28</v>
      </c>
      <c r="EX9" s="169">
        <v>19</v>
      </c>
      <c r="EY9" s="170">
        <v>205</v>
      </c>
      <c r="EZ9" s="171">
        <v>328</v>
      </c>
      <c r="FA9" s="168">
        <v>55</v>
      </c>
      <c r="FB9" s="169">
        <v>84</v>
      </c>
      <c r="FC9" s="170">
        <v>139</v>
      </c>
      <c r="FD9" s="439">
        <v>0</v>
      </c>
      <c r="FE9" s="169">
        <v>105</v>
      </c>
      <c r="FF9" s="169">
        <v>75</v>
      </c>
      <c r="FG9" s="169">
        <v>66</v>
      </c>
      <c r="FH9" s="169">
        <v>41</v>
      </c>
      <c r="FI9" s="169">
        <v>26</v>
      </c>
      <c r="FJ9" s="170">
        <v>313</v>
      </c>
      <c r="FK9" s="171">
        <v>452</v>
      </c>
      <c r="FL9" s="168">
        <v>47</v>
      </c>
      <c r="FM9" s="169">
        <v>57</v>
      </c>
      <c r="FN9" s="170">
        <v>104</v>
      </c>
      <c r="FO9" s="439">
        <v>0</v>
      </c>
      <c r="FP9" s="169">
        <v>136</v>
      </c>
      <c r="FQ9" s="169">
        <v>115</v>
      </c>
      <c r="FR9" s="169">
        <v>76</v>
      </c>
      <c r="FS9" s="169">
        <v>100</v>
      </c>
      <c r="FT9" s="169">
        <v>56</v>
      </c>
      <c r="FU9" s="170">
        <v>483</v>
      </c>
      <c r="FV9" s="171">
        <v>587</v>
      </c>
      <c r="FW9" s="168">
        <v>0</v>
      </c>
      <c r="FX9" s="169">
        <v>0</v>
      </c>
      <c r="FY9" s="170">
        <v>0</v>
      </c>
      <c r="FZ9" s="439">
        <v>0</v>
      </c>
      <c r="GA9" s="169">
        <v>0</v>
      </c>
      <c r="GB9" s="169">
        <v>0</v>
      </c>
      <c r="GC9" s="169">
        <v>0</v>
      </c>
      <c r="GD9" s="169">
        <v>0</v>
      </c>
      <c r="GE9" s="169">
        <v>0</v>
      </c>
      <c r="GF9" s="170">
        <v>0</v>
      </c>
      <c r="GG9" s="171">
        <v>0</v>
      </c>
      <c r="GH9" s="168">
        <v>226</v>
      </c>
      <c r="GI9" s="169">
        <v>249</v>
      </c>
      <c r="GJ9" s="170">
        <v>475</v>
      </c>
      <c r="GK9" s="439">
        <v>0</v>
      </c>
      <c r="GL9" s="169">
        <v>385</v>
      </c>
      <c r="GM9" s="169">
        <v>280</v>
      </c>
      <c r="GN9" s="169">
        <v>197</v>
      </c>
      <c r="GO9" s="169">
        <v>183</v>
      </c>
      <c r="GP9" s="169">
        <v>120</v>
      </c>
      <c r="GQ9" s="170">
        <v>1165</v>
      </c>
      <c r="GR9" s="171">
        <v>1640</v>
      </c>
      <c r="GS9" s="172">
        <v>670</v>
      </c>
      <c r="GT9" s="164">
        <v>658</v>
      </c>
      <c r="GU9" s="165">
        <v>1328</v>
      </c>
      <c r="GV9" s="439">
        <v>0</v>
      </c>
      <c r="GW9" s="164">
        <v>1160</v>
      </c>
      <c r="GX9" s="164">
        <v>868</v>
      </c>
      <c r="GY9" s="164">
        <v>550</v>
      </c>
      <c r="GZ9" s="164">
        <v>484</v>
      </c>
      <c r="HA9" s="164">
        <v>344</v>
      </c>
      <c r="HB9" s="166">
        <v>3406</v>
      </c>
      <c r="HC9" s="167">
        <v>4734</v>
      </c>
      <c r="HD9" s="168">
        <v>30</v>
      </c>
      <c r="HE9" s="169">
        <v>26</v>
      </c>
      <c r="HF9" s="170">
        <v>56</v>
      </c>
      <c r="HG9" s="439">
        <v>0</v>
      </c>
      <c r="HH9" s="169">
        <v>29</v>
      </c>
      <c r="HI9" s="169">
        <v>31</v>
      </c>
      <c r="HJ9" s="169">
        <v>13</v>
      </c>
      <c r="HK9" s="169">
        <v>14</v>
      </c>
      <c r="HL9" s="169">
        <v>15</v>
      </c>
      <c r="HM9" s="170">
        <v>102</v>
      </c>
      <c r="HN9" s="171">
        <v>158</v>
      </c>
      <c r="HO9" s="168">
        <v>47</v>
      </c>
      <c r="HP9" s="169">
        <v>57</v>
      </c>
      <c r="HQ9" s="170">
        <v>104</v>
      </c>
      <c r="HR9" s="439">
        <v>0</v>
      </c>
      <c r="HS9" s="169">
        <v>65</v>
      </c>
      <c r="HT9" s="169">
        <v>60</v>
      </c>
      <c r="HU9" s="169">
        <v>27</v>
      </c>
      <c r="HV9" s="169">
        <v>26</v>
      </c>
      <c r="HW9" s="169">
        <v>24</v>
      </c>
      <c r="HX9" s="170">
        <v>202</v>
      </c>
      <c r="HY9" s="171">
        <v>306</v>
      </c>
      <c r="HZ9" s="168">
        <v>88</v>
      </c>
      <c r="IA9" s="169">
        <v>77</v>
      </c>
      <c r="IB9" s="170">
        <v>165</v>
      </c>
      <c r="IC9" s="439">
        <v>0</v>
      </c>
      <c r="ID9" s="169">
        <v>141</v>
      </c>
      <c r="IE9" s="169">
        <v>88</v>
      </c>
      <c r="IF9" s="169">
        <v>55</v>
      </c>
      <c r="IG9" s="169">
        <v>49</v>
      </c>
      <c r="IH9" s="169">
        <v>49</v>
      </c>
      <c r="II9" s="170">
        <v>382</v>
      </c>
      <c r="IJ9" s="171">
        <v>547</v>
      </c>
      <c r="IK9" s="168">
        <v>182</v>
      </c>
      <c r="IL9" s="169">
        <v>119</v>
      </c>
      <c r="IM9" s="170">
        <v>301</v>
      </c>
      <c r="IN9" s="439">
        <v>0</v>
      </c>
      <c r="IO9" s="169">
        <v>265</v>
      </c>
      <c r="IP9" s="169">
        <v>166</v>
      </c>
      <c r="IQ9" s="169">
        <v>90</v>
      </c>
      <c r="IR9" s="169">
        <v>85</v>
      </c>
      <c r="IS9" s="169">
        <v>60</v>
      </c>
      <c r="IT9" s="170">
        <v>666</v>
      </c>
      <c r="IU9" s="171">
        <v>967</v>
      </c>
      <c r="IV9" s="168">
        <v>172</v>
      </c>
      <c r="IW9" s="169">
        <v>195</v>
      </c>
      <c r="IX9" s="170">
        <v>367</v>
      </c>
      <c r="IY9" s="439">
        <v>0</v>
      </c>
      <c r="IZ9" s="169">
        <v>325</v>
      </c>
      <c r="JA9" s="169">
        <v>225</v>
      </c>
      <c r="JB9" s="169">
        <v>155</v>
      </c>
      <c r="JC9" s="169">
        <v>121</v>
      </c>
      <c r="JD9" s="169">
        <v>75</v>
      </c>
      <c r="JE9" s="170">
        <v>901</v>
      </c>
      <c r="JF9" s="171">
        <v>1268</v>
      </c>
      <c r="JG9" s="168">
        <v>151</v>
      </c>
      <c r="JH9" s="169">
        <v>184</v>
      </c>
      <c r="JI9" s="170">
        <v>335</v>
      </c>
      <c r="JJ9" s="439">
        <v>0</v>
      </c>
      <c r="JK9" s="169">
        <v>335</v>
      </c>
      <c r="JL9" s="169">
        <v>298</v>
      </c>
      <c r="JM9" s="169">
        <v>210</v>
      </c>
      <c r="JN9" s="169">
        <v>189</v>
      </c>
      <c r="JO9" s="169">
        <v>121</v>
      </c>
      <c r="JP9" s="170">
        <v>1153</v>
      </c>
      <c r="JQ9" s="171">
        <v>1488</v>
      </c>
      <c r="JR9" s="168">
        <v>0</v>
      </c>
      <c r="JS9" s="169">
        <v>0</v>
      </c>
      <c r="JT9" s="170">
        <v>0</v>
      </c>
      <c r="JU9" s="439">
        <v>0</v>
      </c>
      <c r="JV9" s="169">
        <v>0</v>
      </c>
      <c r="JW9" s="169">
        <v>0</v>
      </c>
      <c r="JX9" s="169">
        <v>0</v>
      </c>
      <c r="JY9" s="169">
        <v>0</v>
      </c>
      <c r="JZ9" s="169">
        <v>0</v>
      </c>
      <c r="KA9" s="170">
        <v>0</v>
      </c>
      <c r="KB9" s="171">
        <v>0</v>
      </c>
      <c r="KC9" s="168">
        <v>670</v>
      </c>
      <c r="KD9" s="169">
        <v>658</v>
      </c>
      <c r="KE9" s="170">
        <v>1328</v>
      </c>
      <c r="KF9" s="439">
        <v>0</v>
      </c>
      <c r="KG9" s="169">
        <v>1160</v>
      </c>
      <c r="KH9" s="169">
        <v>868</v>
      </c>
      <c r="KI9" s="169">
        <v>550</v>
      </c>
      <c r="KJ9" s="169">
        <v>484</v>
      </c>
      <c r="KK9" s="169">
        <v>344</v>
      </c>
      <c r="KL9" s="170">
        <v>3406</v>
      </c>
      <c r="KM9" s="171">
        <v>4734</v>
      </c>
    </row>
    <row r="10" spans="2:299" s="137" customFormat="1" ht="21" customHeight="1" x14ac:dyDescent="0.2">
      <c r="B10" s="173" t="s">
        <v>14</v>
      </c>
      <c r="C10" s="163">
        <v>195</v>
      </c>
      <c r="D10" s="164">
        <v>208</v>
      </c>
      <c r="E10" s="165">
        <v>403</v>
      </c>
      <c r="F10" s="439">
        <v>0</v>
      </c>
      <c r="G10" s="164">
        <v>239</v>
      </c>
      <c r="H10" s="164">
        <v>271</v>
      </c>
      <c r="I10" s="164">
        <v>164</v>
      </c>
      <c r="J10" s="164">
        <v>126</v>
      </c>
      <c r="K10" s="164">
        <v>86</v>
      </c>
      <c r="L10" s="166">
        <v>886</v>
      </c>
      <c r="M10" s="167">
        <v>1289</v>
      </c>
      <c r="N10" s="168">
        <v>1</v>
      </c>
      <c r="O10" s="169">
        <v>8</v>
      </c>
      <c r="P10" s="170">
        <v>9</v>
      </c>
      <c r="Q10" s="439">
        <v>0</v>
      </c>
      <c r="R10" s="169">
        <v>5</v>
      </c>
      <c r="S10" s="169">
        <v>7</v>
      </c>
      <c r="T10" s="169">
        <v>9</v>
      </c>
      <c r="U10" s="169">
        <v>7</v>
      </c>
      <c r="V10" s="169">
        <v>4</v>
      </c>
      <c r="W10" s="170">
        <v>32</v>
      </c>
      <c r="X10" s="171">
        <v>41</v>
      </c>
      <c r="Y10" s="168">
        <v>18</v>
      </c>
      <c r="Z10" s="169">
        <v>22</v>
      </c>
      <c r="AA10" s="170">
        <v>40</v>
      </c>
      <c r="AB10" s="439">
        <v>0</v>
      </c>
      <c r="AC10" s="169">
        <v>24</v>
      </c>
      <c r="AD10" s="169">
        <v>18</v>
      </c>
      <c r="AE10" s="169">
        <v>15</v>
      </c>
      <c r="AF10" s="169">
        <v>10</v>
      </c>
      <c r="AG10" s="169">
        <v>9</v>
      </c>
      <c r="AH10" s="170">
        <v>76</v>
      </c>
      <c r="AI10" s="171">
        <v>116</v>
      </c>
      <c r="AJ10" s="168">
        <v>27</v>
      </c>
      <c r="AK10" s="169">
        <v>36</v>
      </c>
      <c r="AL10" s="170">
        <v>63</v>
      </c>
      <c r="AM10" s="439">
        <v>0</v>
      </c>
      <c r="AN10" s="169">
        <v>21</v>
      </c>
      <c r="AO10" s="169">
        <v>42</v>
      </c>
      <c r="AP10" s="169">
        <v>15</v>
      </c>
      <c r="AQ10" s="169">
        <v>11</v>
      </c>
      <c r="AR10" s="169">
        <v>14</v>
      </c>
      <c r="AS10" s="170">
        <v>103</v>
      </c>
      <c r="AT10" s="171">
        <v>166</v>
      </c>
      <c r="AU10" s="168">
        <v>51</v>
      </c>
      <c r="AV10" s="169">
        <v>46</v>
      </c>
      <c r="AW10" s="170">
        <v>97</v>
      </c>
      <c r="AX10" s="439">
        <v>0</v>
      </c>
      <c r="AY10" s="169">
        <v>61</v>
      </c>
      <c r="AZ10" s="169">
        <v>59</v>
      </c>
      <c r="BA10" s="169">
        <v>24</v>
      </c>
      <c r="BB10" s="169">
        <v>25</v>
      </c>
      <c r="BC10" s="169">
        <v>20</v>
      </c>
      <c r="BD10" s="170">
        <v>189</v>
      </c>
      <c r="BE10" s="171">
        <v>286</v>
      </c>
      <c r="BF10" s="168">
        <v>63</v>
      </c>
      <c r="BG10" s="169">
        <v>54</v>
      </c>
      <c r="BH10" s="170">
        <v>117</v>
      </c>
      <c r="BI10" s="439">
        <v>0</v>
      </c>
      <c r="BJ10" s="169">
        <v>67</v>
      </c>
      <c r="BK10" s="169">
        <v>78</v>
      </c>
      <c r="BL10" s="169">
        <v>58</v>
      </c>
      <c r="BM10" s="169">
        <v>34</v>
      </c>
      <c r="BN10" s="169">
        <v>22</v>
      </c>
      <c r="BO10" s="170">
        <v>259</v>
      </c>
      <c r="BP10" s="171">
        <v>376</v>
      </c>
      <c r="BQ10" s="168">
        <v>35</v>
      </c>
      <c r="BR10" s="169">
        <v>42</v>
      </c>
      <c r="BS10" s="170">
        <v>77</v>
      </c>
      <c r="BT10" s="439">
        <v>0</v>
      </c>
      <c r="BU10" s="169">
        <v>61</v>
      </c>
      <c r="BV10" s="169">
        <v>67</v>
      </c>
      <c r="BW10" s="169">
        <v>43</v>
      </c>
      <c r="BX10" s="169">
        <v>39</v>
      </c>
      <c r="BY10" s="169">
        <v>17</v>
      </c>
      <c r="BZ10" s="170">
        <v>227</v>
      </c>
      <c r="CA10" s="171">
        <v>304</v>
      </c>
      <c r="CB10" s="168">
        <v>0</v>
      </c>
      <c r="CC10" s="169">
        <v>0</v>
      </c>
      <c r="CD10" s="170">
        <v>0</v>
      </c>
      <c r="CE10" s="439">
        <v>0</v>
      </c>
      <c r="CF10" s="169">
        <v>0</v>
      </c>
      <c r="CG10" s="169">
        <v>0</v>
      </c>
      <c r="CH10" s="169">
        <v>0</v>
      </c>
      <c r="CI10" s="169">
        <v>0</v>
      </c>
      <c r="CJ10" s="169">
        <v>0</v>
      </c>
      <c r="CK10" s="170">
        <v>0</v>
      </c>
      <c r="CL10" s="171">
        <v>0</v>
      </c>
      <c r="CM10" s="168">
        <v>195</v>
      </c>
      <c r="CN10" s="169">
        <v>208</v>
      </c>
      <c r="CO10" s="170">
        <v>403</v>
      </c>
      <c r="CP10" s="439">
        <v>0</v>
      </c>
      <c r="CQ10" s="169">
        <v>239</v>
      </c>
      <c r="CR10" s="169">
        <v>271</v>
      </c>
      <c r="CS10" s="169">
        <v>164</v>
      </c>
      <c r="CT10" s="169">
        <v>126</v>
      </c>
      <c r="CU10" s="169">
        <v>86</v>
      </c>
      <c r="CV10" s="170">
        <v>886</v>
      </c>
      <c r="CW10" s="171">
        <v>1289</v>
      </c>
      <c r="CX10" s="172">
        <v>63</v>
      </c>
      <c r="CY10" s="164">
        <v>76</v>
      </c>
      <c r="CZ10" s="165">
        <v>139</v>
      </c>
      <c r="DA10" s="439">
        <v>0</v>
      </c>
      <c r="DB10" s="164">
        <v>97</v>
      </c>
      <c r="DC10" s="164">
        <v>124</v>
      </c>
      <c r="DD10" s="164">
        <v>81</v>
      </c>
      <c r="DE10" s="164">
        <v>83</v>
      </c>
      <c r="DF10" s="164">
        <v>37</v>
      </c>
      <c r="DG10" s="166">
        <v>422</v>
      </c>
      <c r="DH10" s="167">
        <v>561</v>
      </c>
      <c r="DI10" s="168">
        <v>1</v>
      </c>
      <c r="DJ10" s="169">
        <v>2</v>
      </c>
      <c r="DK10" s="170">
        <v>3</v>
      </c>
      <c r="DL10" s="439">
        <v>0</v>
      </c>
      <c r="DM10" s="169">
        <v>2</v>
      </c>
      <c r="DN10" s="169">
        <v>6</v>
      </c>
      <c r="DO10" s="169">
        <v>1</v>
      </c>
      <c r="DP10" s="169">
        <v>2</v>
      </c>
      <c r="DQ10" s="169">
        <v>1</v>
      </c>
      <c r="DR10" s="170">
        <v>12</v>
      </c>
      <c r="DS10" s="171">
        <v>15</v>
      </c>
      <c r="DT10" s="168">
        <v>7</v>
      </c>
      <c r="DU10" s="169">
        <v>1</v>
      </c>
      <c r="DV10" s="170">
        <v>8</v>
      </c>
      <c r="DW10" s="439">
        <v>0</v>
      </c>
      <c r="DX10" s="169">
        <v>5</v>
      </c>
      <c r="DY10" s="169">
        <v>6</v>
      </c>
      <c r="DZ10" s="169">
        <v>5</v>
      </c>
      <c r="EA10" s="169">
        <v>0</v>
      </c>
      <c r="EB10" s="169">
        <v>0</v>
      </c>
      <c r="EC10" s="170">
        <v>16</v>
      </c>
      <c r="ED10" s="171">
        <v>24</v>
      </c>
      <c r="EE10" s="168">
        <v>13</v>
      </c>
      <c r="EF10" s="169">
        <v>11</v>
      </c>
      <c r="EG10" s="170">
        <v>24</v>
      </c>
      <c r="EH10" s="439">
        <v>0</v>
      </c>
      <c r="EI10" s="169">
        <v>10</v>
      </c>
      <c r="EJ10" s="169">
        <v>13</v>
      </c>
      <c r="EK10" s="169">
        <v>4</v>
      </c>
      <c r="EL10" s="169">
        <v>4</v>
      </c>
      <c r="EM10" s="169">
        <v>6</v>
      </c>
      <c r="EN10" s="170">
        <v>37</v>
      </c>
      <c r="EO10" s="171">
        <v>61</v>
      </c>
      <c r="EP10" s="168">
        <v>19</v>
      </c>
      <c r="EQ10" s="169">
        <v>17</v>
      </c>
      <c r="ER10" s="170">
        <v>36</v>
      </c>
      <c r="ES10" s="439">
        <v>0</v>
      </c>
      <c r="ET10" s="169">
        <v>16</v>
      </c>
      <c r="EU10" s="169">
        <v>25</v>
      </c>
      <c r="EV10" s="169">
        <v>18</v>
      </c>
      <c r="EW10" s="169">
        <v>11</v>
      </c>
      <c r="EX10" s="169">
        <v>5</v>
      </c>
      <c r="EY10" s="170">
        <v>75</v>
      </c>
      <c r="EZ10" s="171">
        <v>111</v>
      </c>
      <c r="FA10" s="168">
        <v>13</v>
      </c>
      <c r="FB10" s="169">
        <v>25</v>
      </c>
      <c r="FC10" s="170">
        <v>38</v>
      </c>
      <c r="FD10" s="439">
        <v>0</v>
      </c>
      <c r="FE10" s="169">
        <v>33</v>
      </c>
      <c r="FF10" s="169">
        <v>32</v>
      </c>
      <c r="FG10" s="169">
        <v>15</v>
      </c>
      <c r="FH10" s="169">
        <v>23</v>
      </c>
      <c r="FI10" s="169">
        <v>11</v>
      </c>
      <c r="FJ10" s="170">
        <v>114</v>
      </c>
      <c r="FK10" s="171">
        <v>152</v>
      </c>
      <c r="FL10" s="168">
        <v>10</v>
      </c>
      <c r="FM10" s="169">
        <v>20</v>
      </c>
      <c r="FN10" s="170">
        <v>30</v>
      </c>
      <c r="FO10" s="439">
        <v>0</v>
      </c>
      <c r="FP10" s="169">
        <v>31</v>
      </c>
      <c r="FQ10" s="169">
        <v>42</v>
      </c>
      <c r="FR10" s="169">
        <v>38</v>
      </c>
      <c r="FS10" s="169">
        <v>43</v>
      </c>
      <c r="FT10" s="169">
        <v>14</v>
      </c>
      <c r="FU10" s="170">
        <v>168</v>
      </c>
      <c r="FV10" s="171">
        <v>198</v>
      </c>
      <c r="FW10" s="168">
        <v>0</v>
      </c>
      <c r="FX10" s="169">
        <v>0</v>
      </c>
      <c r="FY10" s="170">
        <v>0</v>
      </c>
      <c r="FZ10" s="439">
        <v>0</v>
      </c>
      <c r="GA10" s="169">
        <v>0</v>
      </c>
      <c r="GB10" s="169">
        <v>0</v>
      </c>
      <c r="GC10" s="169">
        <v>0</v>
      </c>
      <c r="GD10" s="169">
        <v>0</v>
      </c>
      <c r="GE10" s="169">
        <v>0</v>
      </c>
      <c r="GF10" s="170">
        <v>0</v>
      </c>
      <c r="GG10" s="171">
        <v>0</v>
      </c>
      <c r="GH10" s="168">
        <v>63</v>
      </c>
      <c r="GI10" s="169">
        <v>76</v>
      </c>
      <c r="GJ10" s="170">
        <v>139</v>
      </c>
      <c r="GK10" s="439">
        <v>0</v>
      </c>
      <c r="GL10" s="169">
        <v>97</v>
      </c>
      <c r="GM10" s="169">
        <v>124</v>
      </c>
      <c r="GN10" s="169">
        <v>81</v>
      </c>
      <c r="GO10" s="169">
        <v>83</v>
      </c>
      <c r="GP10" s="169">
        <v>37</v>
      </c>
      <c r="GQ10" s="170">
        <v>422</v>
      </c>
      <c r="GR10" s="171">
        <v>561</v>
      </c>
      <c r="GS10" s="172">
        <v>258</v>
      </c>
      <c r="GT10" s="164">
        <v>284</v>
      </c>
      <c r="GU10" s="165">
        <v>542</v>
      </c>
      <c r="GV10" s="439">
        <v>0</v>
      </c>
      <c r="GW10" s="164">
        <v>336</v>
      </c>
      <c r="GX10" s="164">
        <v>395</v>
      </c>
      <c r="GY10" s="164">
        <v>245</v>
      </c>
      <c r="GZ10" s="164">
        <v>209</v>
      </c>
      <c r="HA10" s="164">
        <v>123</v>
      </c>
      <c r="HB10" s="166">
        <v>1308</v>
      </c>
      <c r="HC10" s="167">
        <v>1850</v>
      </c>
      <c r="HD10" s="168">
        <v>2</v>
      </c>
      <c r="HE10" s="169">
        <v>10</v>
      </c>
      <c r="HF10" s="170">
        <v>12</v>
      </c>
      <c r="HG10" s="439">
        <v>0</v>
      </c>
      <c r="HH10" s="169">
        <v>7</v>
      </c>
      <c r="HI10" s="169">
        <v>13</v>
      </c>
      <c r="HJ10" s="169">
        <v>10</v>
      </c>
      <c r="HK10" s="169">
        <v>9</v>
      </c>
      <c r="HL10" s="169">
        <v>5</v>
      </c>
      <c r="HM10" s="170">
        <v>44</v>
      </c>
      <c r="HN10" s="171">
        <v>56</v>
      </c>
      <c r="HO10" s="168">
        <v>25</v>
      </c>
      <c r="HP10" s="169">
        <v>23</v>
      </c>
      <c r="HQ10" s="170">
        <v>48</v>
      </c>
      <c r="HR10" s="439">
        <v>0</v>
      </c>
      <c r="HS10" s="169">
        <v>29</v>
      </c>
      <c r="HT10" s="169">
        <v>24</v>
      </c>
      <c r="HU10" s="169">
        <v>20</v>
      </c>
      <c r="HV10" s="169">
        <v>10</v>
      </c>
      <c r="HW10" s="169">
        <v>9</v>
      </c>
      <c r="HX10" s="170">
        <v>92</v>
      </c>
      <c r="HY10" s="171">
        <v>140</v>
      </c>
      <c r="HZ10" s="168">
        <v>40</v>
      </c>
      <c r="IA10" s="169">
        <v>47</v>
      </c>
      <c r="IB10" s="170">
        <v>87</v>
      </c>
      <c r="IC10" s="439">
        <v>0</v>
      </c>
      <c r="ID10" s="169">
        <v>31</v>
      </c>
      <c r="IE10" s="169">
        <v>55</v>
      </c>
      <c r="IF10" s="169">
        <v>19</v>
      </c>
      <c r="IG10" s="169">
        <v>15</v>
      </c>
      <c r="IH10" s="169">
        <v>20</v>
      </c>
      <c r="II10" s="170">
        <v>140</v>
      </c>
      <c r="IJ10" s="171">
        <v>227</v>
      </c>
      <c r="IK10" s="168">
        <v>70</v>
      </c>
      <c r="IL10" s="169">
        <v>63</v>
      </c>
      <c r="IM10" s="170">
        <v>133</v>
      </c>
      <c r="IN10" s="439">
        <v>0</v>
      </c>
      <c r="IO10" s="169">
        <v>77</v>
      </c>
      <c r="IP10" s="169">
        <v>84</v>
      </c>
      <c r="IQ10" s="169">
        <v>42</v>
      </c>
      <c r="IR10" s="169">
        <v>36</v>
      </c>
      <c r="IS10" s="169">
        <v>25</v>
      </c>
      <c r="IT10" s="170">
        <v>264</v>
      </c>
      <c r="IU10" s="171">
        <v>397</v>
      </c>
      <c r="IV10" s="168">
        <v>76</v>
      </c>
      <c r="IW10" s="169">
        <v>79</v>
      </c>
      <c r="IX10" s="170">
        <v>155</v>
      </c>
      <c r="IY10" s="439">
        <v>0</v>
      </c>
      <c r="IZ10" s="169">
        <v>100</v>
      </c>
      <c r="JA10" s="169">
        <v>110</v>
      </c>
      <c r="JB10" s="169">
        <v>73</v>
      </c>
      <c r="JC10" s="169">
        <v>57</v>
      </c>
      <c r="JD10" s="169">
        <v>33</v>
      </c>
      <c r="JE10" s="170">
        <v>373</v>
      </c>
      <c r="JF10" s="171">
        <v>528</v>
      </c>
      <c r="JG10" s="168">
        <v>45</v>
      </c>
      <c r="JH10" s="169">
        <v>62</v>
      </c>
      <c r="JI10" s="170">
        <v>107</v>
      </c>
      <c r="JJ10" s="439">
        <v>0</v>
      </c>
      <c r="JK10" s="169">
        <v>92</v>
      </c>
      <c r="JL10" s="169">
        <v>109</v>
      </c>
      <c r="JM10" s="169">
        <v>81</v>
      </c>
      <c r="JN10" s="169">
        <v>82</v>
      </c>
      <c r="JO10" s="169">
        <v>31</v>
      </c>
      <c r="JP10" s="170">
        <v>395</v>
      </c>
      <c r="JQ10" s="171">
        <v>502</v>
      </c>
      <c r="JR10" s="168">
        <v>0</v>
      </c>
      <c r="JS10" s="169">
        <v>0</v>
      </c>
      <c r="JT10" s="170">
        <v>0</v>
      </c>
      <c r="JU10" s="439">
        <v>0</v>
      </c>
      <c r="JV10" s="169">
        <v>0</v>
      </c>
      <c r="JW10" s="169">
        <v>0</v>
      </c>
      <c r="JX10" s="169">
        <v>0</v>
      </c>
      <c r="JY10" s="169">
        <v>0</v>
      </c>
      <c r="JZ10" s="169">
        <v>0</v>
      </c>
      <c r="KA10" s="170">
        <v>0</v>
      </c>
      <c r="KB10" s="171">
        <v>0</v>
      </c>
      <c r="KC10" s="168">
        <v>258</v>
      </c>
      <c r="KD10" s="169">
        <v>284</v>
      </c>
      <c r="KE10" s="170">
        <v>542</v>
      </c>
      <c r="KF10" s="439">
        <v>0</v>
      </c>
      <c r="KG10" s="169">
        <v>336</v>
      </c>
      <c r="KH10" s="169">
        <v>395</v>
      </c>
      <c r="KI10" s="169">
        <v>245</v>
      </c>
      <c r="KJ10" s="169">
        <v>209</v>
      </c>
      <c r="KK10" s="169">
        <v>123</v>
      </c>
      <c r="KL10" s="170">
        <v>1308</v>
      </c>
      <c r="KM10" s="171">
        <v>1850</v>
      </c>
    </row>
    <row r="11" spans="2:299" s="137" customFormat="1" ht="21" customHeight="1" x14ac:dyDescent="0.2">
      <c r="B11" s="173" t="s">
        <v>7</v>
      </c>
      <c r="C11" s="163">
        <v>143</v>
      </c>
      <c r="D11" s="164">
        <v>84</v>
      </c>
      <c r="E11" s="165">
        <v>227</v>
      </c>
      <c r="F11" s="439">
        <v>0</v>
      </c>
      <c r="G11" s="164">
        <v>241</v>
      </c>
      <c r="H11" s="164">
        <v>126</v>
      </c>
      <c r="I11" s="164">
        <v>70</v>
      </c>
      <c r="J11" s="164">
        <v>79</v>
      </c>
      <c r="K11" s="164">
        <v>41</v>
      </c>
      <c r="L11" s="166">
        <v>557</v>
      </c>
      <c r="M11" s="167">
        <v>784</v>
      </c>
      <c r="N11" s="168">
        <v>4</v>
      </c>
      <c r="O11" s="169">
        <v>5</v>
      </c>
      <c r="P11" s="170">
        <v>9</v>
      </c>
      <c r="Q11" s="439">
        <v>0</v>
      </c>
      <c r="R11" s="169">
        <v>2</v>
      </c>
      <c r="S11" s="169">
        <v>5</v>
      </c>
      <c r="T11" s="169">
        <v>3</v>
      </c>
      <c r="U11" s="169">
        <v>5</v>
      </c>
      <c r="V11" s="169">
        <v>3</v>
      </c>
      <c r="W11" s="170">
        <v>18</v>
      </c>
      <c r="X11" s="171">
        <v>27</v>
      </c>
      <c r="Y11" s="168">
        <v>7</v>
      </c>
      <c r="Z11" s="169">
        <v>11</v>
      </c>
      <c r="AA11" s="170">
        <v>18</v>
      </c>
      <c r="AB11" s="439">
        <v>0</v>
      </c>
      <c r="AC11" s="169">
        <v>18</v>
      </c>
      <c r="AD11" s="169">
        <v>7</v>
      </c>
      <c r="AE11" s="169">
        <v>6</v>
      </c>
      <c r="AF11" s="169">
        <v>8</v>
      </c>
      <c r="AG11" s="169">
        <v>5</v>
      </c>
      <c r="AH11" s="170">
        <v>44</v>
      </c>
      <c r="AI11" s="171">
        <v>62</v>
      </c>
      <c r="AJ11" s="168">
        <v>19</v>
      </c>
      <c r="AK11" s="169">
        <v>10</v>
      </c>
      <c r="AL11" s="170">
        <v>29</v>
      </c>
      <c r="AM11" s="439">
        <v>0</v>
      </c>
      <c r="AN11" s="169">
        <v>27</v>
      </c>
      <c r="AO11" s="169">
        <v>11</v>
      </c>
      <c r="AP11" s="169">
        <v>7</v>
      </c>
      <c r="AQ11" s="169">
        <v>11</v>
      </c>
      <c r="AR11" s="169">
        <v>6</v>
      </c>
      <c r="AS11" s="170">
        <v>62</v>
      </c>
      <c r="AT11" s="171">
        <v>91</v>
      </c>
      <c r="AU11" s="168">
        <v>29</v>
      </c>
      <c r="AV11" s="169">
        <v>20</v>
      </c>
      <c r="AW11" s="170">
        <v>49</v>
      </c>
      <c r="AX11" s="439">
        <v>0</v>
      </c>
      <c r="AY11" s="169">
        <v>60</v>
      </c>
      <c r="AZ11" s="169">
        <v>29</v>
      </c>
      <c r="BA11" s="169">
        <v>16</v>
      </c>
      <c r="BB11" s="169">
        <v>8</v>
      </c>
      <c r="BC11" s="169">
        <v>6</v>
      </c>
      <c r="BD11" s="170">
        <v>119</v>
      </c>
      <c r="BE11" s="171">
        <v>168</v>
      </c>
      <c r="BF11" s="168">
        <v>49</v>
      </c>
      <c r="BG11" s="169">
        <v>19</v>
      </c>
      <c r="BH11" s="170">
        <v>68</v>
      </c>
      <c r="BI11" s="439">
        <v>0</v>
      </c>
      <c r="BJ11" s="169">
        <v>69</v>
      </c>
      <c r="BK11" s="169">
        <v>39</v>
      </c>
      <c r="BL11" s="169">
        <v>16</v>
      </c>
      <c r="BM11" s="169">
        <v>24</v>
      </c>
      <c r="BN11" s="169">
        <v>14</v>
      </c>
      <c r="BO11" s="170">
        <v>162</v>
      </c>
      <c r="BP11" s="171">
        <v>230</v>
      </c>
      <c r="BQ11" s="168">
        <v>35</v>
      </c>
      <c r="BR11" s="169">
        <v>19</v>
      </c>
      <c r="BS11" s="170">
        <v>54</v>
      </c>
      <c r="BT11" s="439">
        <v>0</v>
      </c>
      <c r="BU11" s="169">
        <v>65</v>
      </c>
      <c r="BV11" s="169">
        <v>35</v>
      </c>
      <c r="BW11" s="169">
        <v>22</v>
      </c>
      <c r="BX11" s="169">
        <v>23</v>
      </c>
      <c r="BY11" s="169">
        <v>7</v>
      </c>
      <c r="BZ11" s="170">
        <v>152</v>
      </c>
      <c r="CA11" s="171">
        <v>206</v>
      </c>
      <c r="CB11" s="168">
        <v>0</v>
      </c>
      <c r="CC11" s="169">
        <v>0</v>
      </c>
      <c r="CD11" s="170">
        <v>0</v>
      </c>
      <c r="CE11" s="439">
        <v>0</v>
      </c>
      <c r="CF11" s="169">
        <v>0</v>
      </c>
      <c r="CG11" s="169">
        <v>0</v>
      </c>
      <c r="CH11" s="169">
        <v>0</v>
      </c>
      <c r="CI11" s="169">
        <v>0</v>
      </c>
      <c r="CJ11" s="169">
        <v>0</v>
      </c>
      <c r="CK11" s="170">
        <v>0</v>
      </c>
      <c r="CL11" s="171">
        <v>0</v>
      </c>
      <c r="CM11" s="168">
        <v>143</v>
      </c>
      <c r="CN11" s="169">
        <v>84</v>
      </c>
      <c r="CO11" s="170">
        <v>227</v>
      </c>
      <c r="CP11" s="439">
        <v>0</v>
      </c>
      <c r="CQ11" s="169">
        <v>241</v>
      </c>
      <c r="CR11" s="169">
        <v>126</v>
      </c>
      <c r="CS11" s="169">
        <v>70</v>
      </c>
      <c r="CT11" s="169">
        <v>79</v>
      </c>
      <c r="CU11" s="169">
        <v>41</v>
      </c>
      <c r="CV11" s="170">
        <v>557</v>
      </c>
      <c r="CW11" s="171">
        <v>784</v>
      </c>
      <c r="CX11" s="172">
        <v>44</v>
      </c>
      <c r="CY11" s="164">
        <v>45</v>
      </c>
      <c r="CZ11" s="165">
        <v>89</v>
      </c>
      <c r="DA11" s="439">
        <v>0</v>
      </c>
      <c r="DB11" s="164">
        <v>67</v>
      </c>
      <c r="DC11" s="164">
        <v>34</v>
      </c>
      <c r="DD11" s="164">
        <v>28</v>
      </c>
      <c r="DE11" s="164">
        <v>31</v>
      </c>
      <c r="DF11" s="164">
        <v>18</v>
      </c>
      <c r="DG11" s="166">
        <v>178</v>
      </c>
      <c r="DH11" s="167">
        <v>267</v>
      </c>
      <c r="DI11" s="168">
        <v>1</v>
      </c>
      <c r="DJ11" s="169">
        <v>0</v>
      </c>
      <c r="DK11" s="170">
        <v>1</v>
      </c>
      <c r="DL11" s="439">
        <v>0</v>
      </c>
      <c r="DM11" s="169">
        <v>2</v>
      </c>
      <c r="DN11" s="169">
        <v>1</v>
      </c>
      <c r="DO11" s="169">
        <v>3</v>
      </c>
      <c r="DP11" s="169">
        <v>0</v>
      </c>
      <c r="DQ11" s="169">
        <v>0</v>
      </c>
      <c r="DR11" s="170">
        <v>6</v>
      </c>
      <c r="DS11" s="171">
        <v>7</v>
      </c>
      <c r="DT11" s="168">
        <v>0</v>
      </c>
      <c r="DU11" s="169">
        <v>1</v>
      </c>
      <c r="DV11" s="170">
        <v>1</v>
      </c>
      <c r="DW11" s="439">
        <v>0</v>
      </c>
      <c r="DX11" s="169">
        <v>3</v>
      </c>
      <c r="DY11" s="169">
        <v>2</v>
      </c>
      <c r="DZ11" s="169">
        <v>3</v>
      </c>
      <c r="EA11" s="169">
        <v>1</v>
      </c>
      <c r="EB11" s="169">
        <v>1</v>
      </c>
      <c r="EC11" s="170">
        <v>10</v>
      </c>
      <c r="ED11" s="171">
        <v>11</v>
      </c>
      <c r="EE11" s="168">
        <v>7</v>
      </c>
      <c r="EF11" s="169">
        <v>8</v>
      </c>
      <c r="EG11" s="170">
        <v>15</v>
      </c>
      <c r="EH11" s="439">
        <v>0</v>
      </c>
      <c r="EI11" s="169">
        <v>14</v>
      </c>
      <c r="EJ11" s="169">
        <v>1</v>
      </c>
      <c r="EK11" s="169">
        <v>1</v>
      </c>
      <c r="EL11" s="169">
        <v>4</v>
      </c>
      <c r="EM11" s="169">
        <v>2</v>
      </c>
      <c r="EN11" s="170">
        <v>22</v>
      </c>
      <c r="EO11" s="171">
        <v>37</v>
      </c>
      <c r="EP11" s="168">
        <v>14</v>
      </c>
      <c r="EQ11" s="169">
        <v>10</v>
      </c>
      <c r="ER11" s="170">
        <v>24</v>
      </c>
      <c r="ES11" s="439">
        <v>0</v>
      </c>
      <c r="ET11" s="169">
        <v>12</v>
      </c>
      <c r="EU11" s="169">
        <v>9</v>
      </c>
      <c r="EV11" s="169">
        <v>3</v>
      </c>
      <c r="EW11" s="169">
        <v>4</v>
      </c>
      <c r="EX11" s="169">
        <v>3</v>
      </c>
      <c r="EY11" s="170">
        <v>31</v>
      </c>
      <c r="EZ11" s="171">
        <v>55</v>
      </c>
      <c r="FA11" s="168">
        <v>10</v>
      </c>
      <c r="FB11" s="169">
        <v>17</v>
      </c>
      <c r="FC11" s="170">
        <v>27</v>
      </c>
      <c r="FD11" s="439">
        <v>0</v>
      </c>
      <c r="FE11" s="169">
        <v>18</v>
      </c>
      <c r="FF11" s="169">
        <v>6</v>
      </c>
      <c r="FG11" s="169">
        <v>7</v>
      </c>
      <c r="FH11" s="169">
        <v>10</v>
      </c>
      <c r="FI11" s="169">
        <v>6</v>
      </c>
      <c r="FJ11" s="170">
        <v>47</v>
      </c>
      <c r="FK11" s="171">
        <v>74</v>
      </c>
      <c r="FL11" s="168">
        <v>12</v>
      </c>
      <c r="FM11" s="169">
        <v>9</v>
      </c>
      <c r="FN11" s="170">
        <v>21</v>
      </c>
      <c r="FO11" s="439">
        <v>0</v>
      </c>
      <c r="FP11" s="169">
        <v>18</v>
      </c>
      <c r="FQ11" s="169">
        <v>15</v>
      </c>
      <c r="FR11" s="169">
        <v>11</v>
      </c>
      <c r="FS11" s="169">
        <v>12</v>
      </c>
      <c r="FT11" s="169">
        <v>6</v>
      </c>
      <c r="FU11" s="170">
        <v>62</v>
      </c>
      <c r="FV11" s="171">
        <v>83</v>
      </c>
      <c r="FW11" s="168">
        <v>0</v>
      </c>
      <c r="FX11" s="169">
        <v>0</v>
      </c>
      <c r="FY11" s="170">
        <v>0</v>
      </c>
      <c r="FZ11" s="439">
        <v>0</v>
      </c>
      <c r="GA11" s="169">
        <v>0</v>
      </c>
      <c r="GB11" s="169">
        <v>0</v>
      </c>
      <c r="GC11" s="169">
        <v>0</v>
      </c>
      <c r="GD11" s="169">
        <v>0</v>
      </c>
      <c r="GE11" s="169">
        <v>0</v>
      </c>
      <c r="GF11" s="170">
        <v>0</v>
      </c>
      <c r="GG11" s="171">
        <v>0</v>
      </c>
      <c r="GH11" s="168">
        <v>44</v>
      </c>
      <c r="GI11" s="169">
        <v>45</v>
      </c>
      <c r="GJ11" s="170">
        <v>89</v>
      </c>
      <c r="GK11" s="439">
        <v>0</v>
      </c>
      <c r="GL11" s="169">
        <v>67</v>
      </c>
      <c r="GM11" s="169">
        <v>34</v>
      </c>
      <c r="GN11" s="169">
        <v>28</v>
      </c>
      <c r="GO11" s="169">
        <v>31</v>
      </c>
      <c r="GP11" s="169">
        <v>18</v>
      </c>
      <c r="GQ11" s="170">
        <v>178</v>
      </c>
      <c r="GR11" s="171">
        <v>267</v>
      </c>
      <c r="GS11" s="172">
        <v>187</v>
      </c>
      <c r="GT11" s="164">
        <v>129</v>
      </c>
      <c r="GU11" s="165">
        <v>316</v>
      </c>
      <c r="GV11" s="439">
        <v>0</v>
      </c>
      <c r="GW11" s="164">
        <v>308</v>
      </c>
      <c r="GX11" s="164">
        <v>160</v>
      </c>
      <c r="GY11" s="164">
        <v>98</v>
      </c>
      <c r="GZ11" s="164">
        <v>110</v>
      </c>
      <c r="HA11" s="164">
        <v>59</v>
      </c>
      <c r="HB11" s="166">
        <v>735</v>
      </c>
      <c r="HC11" s="167">
        <v>1051</v>
      </c>
      <c r="HD11" s="168">
        <v>5</v>
      </c>
      <c r="HE11" s="169">
        <v>5</v>
      </c>
      <c r="HF11" s="170">
        <v>10</v>
      </c>
      <c r="HG11" s="439">
        <v>0</v>
      </c>
      <c r="HH11" s="169">
        <v>4</v>
      </c>
      <c r="HI11" s="169">
        <v>6</v>
      </c>
      <c r="HJ11" s="169">
        <v>6</v>
      </c>
      <c r="HK11" s="169">
        <v>5</v>
      </c>
      <c r="HL11" s="169">
        <v>3</v>
      </c>
      <c r="HM11" s="170">
        <v>24</v>
      </c>
      <c r="HN11" s="171">
        <v>34</v>
      </c>
      <c r="HO11" s="168">
        <v>7</v>
      </c>
      <c r="HP11" s="169">
        <v>12</v>
      </c>
      <c r="HQ11" s="170">
        <v>19</v>
      </c>
      <c r="HR11" s="439">
        <v>0</v>
      </c>
      <c r="HS11" s="169">
        <v>21</v>
      </c>
      <c r="HT11" s="169">
        <v>9</v>
      </c>
      <c r="HU11" s="169">
        <v>9</v>
      </c>
      <c r="HV11" s="169">
        <v>9</v>
      </c>
      <c r="HW11" s="169">
        <v>6</v>
      </c>
      <c r="HX11" s="170">
        <v>54</v>
      </c>
      <c r="HY11" s="171">
        <v>73</v>
      </c>
      <c r="HZ11" s="168">
        <v>26</v>
      </c>
      <c r="IA11" s="169">
        <v>18</v>
      </c>
      <c r="IB11" s="170">
        <v>44</v>
      </c>
      <c r="IC11" s="439">
        <v>0</v>
      </c>
      <c r="ID11" s="169">
        <v>41</v>
      </c>
      <c r="IE11" s="169">
        <v>12</v>
      </c>
      <c r="IF11" s="169">
        <v>8</v>
      </c>
      <c r="IG11" s="169">
        <v>15</v>
      </c>
      <c r="IH11" s="169">
        <v>8</v>
      </c>
      <c r="II11" s="170">
        <v>84</v>
      </c>
      <c r="IJ11" s="171">
        <v>128</v>
      </c>
      <c r="IK11" s="168">
        <v>43</v>
      </c>
      <c r="IL11" s="169">
        <v>30</v>
      </c>
      <c r="IM11" s="170">
        <v>73</v>
      </c>
      <c r="IN11" s="439">
        <v>0</v>
      </c>
      <c r="IO11" s="169">
        <v>72</v>
      </c>
      <c r="IP11" s="169">
        <v>38</v>
      </c>
      <c r="IQ11" s="169">
        <v>19</v>
      </c>
      <c r="IR11" s="169">
        <v>12</v>
      </c>
      <c r="IS11" s="169">
        <v>9</v>
      </c>
      <c r="IT11" s="170">
        <v>150</v>
      </c>
      <c r="IU11" s="171">
        <v>223</v>
      </c>
      <c r="IV11" s="168">
        <v>59</v>
      </c>
      <c r="IW11" s="169">
        <v>36</v>
      </c>
      <c r="IX11" s="170">
        <v>95</v>
      </c>
      <c r="IY11" s="439">
        <v>0</v>
      </c>
      <c r="IZ11" s="169">
        <v>87</v>
      </c>
      <c r="JA11" s="169">
        <v>45</v>
      </c>
      <c r="JB11" s="169">
        <v>23</v>
      </c>
      <c r="JC11" s="169">
        <v>34</v>
      </c>
      <c r="JD11" s="169">
        <v>20</v>
      </c>
      <c r="JE11" s="170">
        <v>209</v>
      </c>
      <c r="JF11" s="171">
        <v>304</v>
      </c>
      <c r="JG11" s="168">
        <v>47</v>
      </c>
      <c r="JH11" s="169">
        <v>28</v>
      </c>
      <c r="JI11" s="170">
        <v>75</v>
      </c>
      <c r="JJ11" s="439">
        <v>0</v>
      </c>
      <c r="JK11" s="169">
        <v>83</v>
      </c>
      <c r="JL11" s="169">
        <v>50</v>
      </c>
      <c r="JM11" s="169">
        <v>33</v>
      </c>
      <c r="JN11" s="169">
        <v>35</v>
      </c>
      <c r="JO11" s="169">
        <v>13</v>
      </c>
      <c r="JP11" s="170">
        <v>214</v>
      </c>
      <c r="JQ11" s="171">
        <v>289</v>
      </c>
      <c r="JR11" s="168">
        <v>0</v>
      </c>
      <c r="JS11" s="169">
        <v>0</v>
      </c>
      <c r="JT11" s="170">
        <v>0</v>
      </c>
      <c r="JU11" s="439">
        <v>0</v>
      </c>
      <c r="JV11" s="169">
        <v>0</v>
      </c>
      <c r="JW11" s="169">
        <v>0</v>
      </c>
      <c r="JX11" s="169">
        <v>0</v>
      </c>
      <c r="JY11" s="169">
        <v>0</v>
      </c>
      <c r="JZ11" s="169">
        <v>0</v>
      </c>
      <c r="KA11" s="170">
        <v>0</v>
      </c>
      <c r="KB11" s="171">
        <v>0</v>
      </c>
      <c r="KC11" s="168">
        <v>187</v>
      </c>
      <c r="KD11" s="169">
        <v>129</v>
      </c>
      <c r="KE11" s="170">
        <v>316</v>
      </c>
      <c r="KF11" s="439">
        <v>0</v>
      </c>
      <c r="KG11" s="169">
        <v>308</v>
      </c>
      <c r="KH11" s="169">
        <v>160</v>
      </c>
      <c r="KI11" s="169">
        <v>98</v>
      </c>
      <c r="KJ11" s="169">
        <v>110</v>
      </c>
      <c r="KK11" s="169">
        <v>59</v>
      </c>
      <c r="KL11" s="170">
        <v>735</v>
      </c>
      <c r="KM11" s="171">
        <v>1051</v>
      </c>
    </row>
    <row r="12" spans="2:299" s="137" customFormat="1" ht="21" customHeight="1" x14ac:dyDescent="0.2">
      <c r="B12" s="173" t="s">
        <v>8</v>
      </c>
      <c r="C12" s="163">
        <v>63</v>
      </c>
      <c r="D12" s="164">
        <v>37</v>
      </c>
      <c r="E12" s="165">
        <v>100</v>
      </c>
      <c r="F12" s="439">
        <v>0</v>
      </c>
      <c r="G12" s="164">
        <v>111</v>
      </c>
      <c r="H12" s="164">
        <v>87</v>
      </c>
      <c r="I12" s="164">
        <v>52</v>
      </c>
      <c r="J12" s="164">
        <v>53</v>
      </c>
      <c r="K12" s="164">
        <v>24</v>
      </c>
      <c r="L12" s="166">
        <v>327</v>
      </c>
      <c r="M12" s="167">
        <v>427</v>
      </c>
      <c r="N12" s="168">
        <v>1</v>
      </c>
      <c r="O12" s="169">
        <v>4</v>
      </c>
      <c r="P12" s="170">
        <v>5</v>
      </c>
      <c r="Q12" s="439">
        <v>0</v>
      </c>
      <c r="R12" s="169">
        <v>5</v>
      </c>
      <c r="S12" s="169">
        <v>2</v>
      </c>
      <c r="T12" s="169">
        <v>2</v>
      </c>
      <c r="U12" s="169">
        <v>1</v>
      </c>
      <c r="V12" s="169">
        <v>2</v>
      </c>
      <c r="W12" s="170">
        <v>12</v>
      </c>
      <c r="X12" s="171">
        <v>17</v>
      </c>
      <c r="Y12" s="168">
        <v>3</v>
      </c>
      <c r="Z12" s="169">
        <v>5</v>
      </c>
      <c r="AA12" s="170">
        <v>8</v>
      </c>
      <c r="AB12" s="439">
        <v>0</v>
      </c>
      <c r="AC12" s="169">
        <v>7</v>
      </c>
      <c r="AD12" s="169">
        <v>8</v>
      </c>
      <c r="AE12" s="169">
        <v>2</v>
      </c>
      <c r="AF12" s="169">
        <v>7</v>
      </c>
      <c r="AG12" s="169">
        <v>2</v>
      </c>
      <c r="AH12" s="170">
        <v>26</v>
      </c>
      <c r="AI12" s="171">
        <v>34</v>
      </c>
      <c r="AJ12" s="168">
        <v>11</v>
      </c>
      <c r="AK12" s="169">
        <v>5</v>
      </c>
      <c r="AL12" s="170">
        <v>16</v>
      </c>
      <c r="AM12" s="439">
        <v>0</v>
      </c>
      <c r="AN12" s="169">
        <v>15</v>
      </c>
      <c r="AO12" s="169">
        <v>12</v>
      </c>
      <c r="AP12" s="169">
        <v>6</v>
      </c>
      <c r="AQ12" s="169">
        <v>5</v>
      </c>
      <c r="AR12" s="169">
        <v>3</v>
      </c>
      <c r="AS12" s="170">
        <v>41</v>
      </c>
      <c r="AT12" s="171">
        <v>57</v>
      </c>
      <c r="AU12" s="168">
        <v>15</v>
      </c>
      <c r="AV12" s="169">
        <v>6</v>
      </c>
      <c r="AW12" s="170">
        <v>21</v>
      </c>
      <c r="AX12" s="439">
        <v>0</v>
      </c>
      <c r="AY12" s="169">
        <v>24</v>
      </c>
      <c r="AZ12" s="169">
        <v>15</v>
      </c>
      <c r="BA12" s="169">
        <v>7</v>
      </c>
      <c r="BB12" s="169">
        <v>11</v>
      </c>
      <c r="BC12" s="169">
        <v>7</v>
      </c>
      <c r="BD12" s="170">
        <v>64</v>
      </c>
      <c r="BE12" s="171">
        <v>85</v>
      </c>
      <c r="BF12" s="168">
        <v>17</v>
      </c>
      <c r="BG12" s="169">
        <v>11</v>
      </c>
      <c r="BH12" s="170">
        <v>28</v>
      </c>
      <c r="BI12" s="439">
        <v>0</v>
      </c>
      <c r="BJ12" s="169">
        <v>31</v>
      </c>
      <c r="BK12" s="169">
        <v>29</v>
      </c>
      <c r="BL12" s="169">
        <v>19</v>
      </c>
      <c r="BM12" s="169">
        <v>9</v>
      </c>
      <c r="BN12" s="169">
        <v>5</v>
      </c>
      <c r="BO12" s="170">
        <v>93</v>
      </c>
      <c r="BP12" s="171">
        <v>121</v>
      </c>
      <c r="BQ12" s="168">
        <v>16</v>
      </c>
      <c r="BR12" s="169">
        <v>6</v>
      </c>
      <c r="BS12" s="170">
        <v>22</v>
      </c>
      <c r="BT12" s="439">
        <v>0</v>
      </c>
      <c r="BU12" s="169">
        <v>29</v>
      </c>
      <c r="BV12" s="169">
        <v>21</v>
      </c>
      <c r="BW12" s="169">
        <v>16</v>
      </c>
      <c r="BX12" s="169">
        <v>20</v>
      </c>
      <c r="BY12" s="169">
        <v>5</v>
      </c>
      <c r="BZ12" s="170">
        <v>91</v>
      </c>
      <c r="CA12" s="171">
        <v>113</v>
      </c>
      <c r="CB12" s="168">
        <v>0</v>
      </c>
      <c r="CC12" s="169">
        <v>0</v>
      </c>
      <c r="CD12" s="170">
        <v>0</v>
      </c>
      <c r="CE12" s="439">
        <v>0</v>
      </c>
      <c r="CF12" s="169">
        <v>0</v>
      </c>
      <c r="CG12" s="169">
        <v>0</v>
      </c>
      <c r="CH12" s="169">
        <v>0</v>
      </c>
      <c r="CI12" s="169">
        <v>0</v>
      </c>
      <c r="CJ12" s="169">
        <v>0</v>
      </c>
      <c r="CK12" s="170">
        <v>0</v>
      </c>
      <c r="CL12" s="171">
        <v>0</v>
      </c>
      <c r="CM12" s="168">
        <v>63</v>
      </c>
      <c r="CN12" s="169">
        <v>37</v>
      </c>
      <c r="CO12" s="170">
        <v>100</v>
      </c>
      <c r="CP12" s="439">
        <v>0</v>
      </c>
      <c r="CQ12" s="169">
        <v>111</v>
      </c>
      <c r="CR12" s="169">
        <v>87</v>
      </c>
      <c r="CS12" s="169">
        <v>52</v>
      </c>
      <c r="CT12" s="169">
        <v>53</v>
      </c>
      <c r="CU12" s="169">
        <v>24</v>
      </c>
      <c r="CV12" s="170">
        <v>327</v>
      </c>
      <c r="CW12" s="171">
        <v>427</v>
      </c>
      <c r="CX12" s="172">
        <v>25</v>
      </c>
      <c r="CY12" s="164">
        <v>28</v>
      </c>
      <c r="CZ12" s="165">
        <v>53</v>
      </c>
      <c r="DA12" s="439">
        <v>0</v>
      </c>
      <c r="DB12" s="164">
        <v>51</v>
      </c>
      <c r="DC12" s="164">
        <v>38</v>
      </c>
      <c r="DD12" s="164">
        <v>25</v>
      </c>
      <c r="DE12" s="164">
        <v>20</v>
      </c>
      <c r="DF12" s="164">
        <v>14</v>
      </c>
      <c r="DG12" s="166">
        <v>148</v>
      </c>
      <c r="DH12" s="167">
        <v>201</v>
      </c>
      <c r="DI12" s="168">
        <v>2</v>
      </c>
      <c r="DJ12" s="169">
        <v>0</v>
      </c>
      <c r="DK12" s="170">
        <v>2</v>
      </c>
      <c r="DL12" s="439">
        <v>0</v>
      </c>
      <c r="DM12" s="169">
        <v>0</v>
      </c>
      <c r="DN12" s="169">
        <v>0</v>
      </c>
      <c r="DO12" s="169">
        <v>0</v>
      </c>
      <c r="DP12" s="169">
        <v>1</v>
      </c>
      <c r="DQ12" s="169">
        <v>0</v>
      </c>
      <c r="DR12" s="170">
        <v>1</v>
      </c>
      <c r="DS12" s="171">
        <v>3</v>
      </c>
      <c r="DT12" s="168">
        <v>2</v>
      </c>
      <c r="DU12" s="169">
        <v>2</v>
      </c>
      <c r="DV12" s="170">
        <v>4</v>
      </c>
      <c r="DW12" s="439">
        <v>0</v>
      </c>
      <c r="DX12" s="169">
        <v>1</v>
      </c>
      <c r="DY12" s="169">
        <v>3</v>
      </c>
      <c r="DZ12" s="169">
        <v>1</v>
      </c>
      <c r="EA12" s="169">
        <v>2</v>
      </c>
      <c r="EB12" s="169">
        <v>1</v>
      </c>
      <c r="EC12" s="170">
        <v>8</v>
      </c>
      <c r="ED12" s="171">
        <v>12</v>
      </c>
      <c r="EE12" s="168">
        <v>5</v>
      </c>
      <c r="EF12" s="169">
        <v>5</v>
      </c>
      <c r="EG12" s="170">
        <v>10</v>
      </c>
      <c r="EH12" s="439">
        <v>0</v>
      </c>
      <c r="EI12" s="169">
        <v>6</v>
      </c>
      <c r="EJ12" s="169">
        <v>6</v>
      </c>
      <c r="EK12" s="169">
        <v>2</v>
      </c>
      <c r="EL12" s="169">
        <v>2</v>
      </c>
      <c r="EM12" s="169">
        <v>0</v>
      </c>
      <c r="EN12" s="170">
        <v>16</v>
      </c>
      <c r="EO12" s="171">
        <v>26</v>
      </c>
      <c r="EP12" s="168">
        <v>4</v>
      </c>
      <c r="EQ12" s="169">
        <v>8</v>
      </c>
      <c r="ER12" s="170">
        <v>12</v>
      </c>
      <c r="ES12" s="439">
        <v>0</v>
      </c>
      <c r="ET12" s="169">
        <v>10</v>
      </c>
      <c r="EU12" s="169">
        <v>6</v>
      </c>
      <c r="EV12" s="169">
        <v>4</v>
      </c>
      <c r="EW12" s="169">
        <v>2</v>
      </c>
      <c r="EX12" s="169">
        <v>3</v>
      </c>
      <c r="EY12" s="170">
        <v>25</v>
      </c>
      <c r="EZ12" s="171">
        <v>37</v>
      </c>
      <c r="FA12" s="168">
        <v>7</v>
      </c>
      <c r="FB12" s="169">
        <v>3</v>
      </c>
      <c r="FC12" s="170">
        <v>10</v>
      </c>
      <c r="FD12" s="439">
        <v>0</v>
      </c>
      <c r="FE12" s="169">
        <v>15</v>
      </c>
      <c r="FF12" s="169">
        <v>11</v>
      </c>
      <c r="FG12" s="169">
        <v>4</v>
      </c>
      <c r="FH12" s="169">
        <v>3</v>
      </c>
      <c r="FI12" s="169">
        <v>5</v>
      </c>
      <c r="FJ12" s="170">
        <v>38</v>
      </c>
      <c r="FK12" s="171">
        <v>48</v>
      </c>
      <c r="FL12" s="168">
        <v>5</v>
      </c>
      <c r="FM12" s="169">
        <v>10</v>
      </c>
      <c r="FN12" s="170">
        <v>15</v>
      </c>
      <c r="FO12" s="439">
        <v>0</v>
      </c>
      <c r="FP12" s="169">
        <v>19</v>
      </c>
      <c r="FQ12" s="169">
        <v>12</v>
      </c>
      <c r="FR12" s="169">
        <v>14</v>
      </c>
      <c r="FS12" s="169">
        <v>10</v>
      </c>
      <c r="FT12" s="169">
        <v>5</v>
      </c>
      <c r="FU12" s="170">
        <v>60</v>
      </c>
      <c r="FV12" s="171">
        <v>75</v>
      </c>
      <c r="FW12" s="168">
        <v>0</v>
      </c>
      <c r="FX12" s="169">
        <v>0</v>
      </c>
      <c r="FY12" s="170">
        <v>0</v>
      </c>
      <c r="FZ12" s="439">
        <v>0</v>
      </c>
      <c r="GA12" s="169">
        <v>0</v>
      </c>
      <c r="GB12" s="169">
        <v>0</v>
      </c>
      <c r="GC12" s="169">
        <v>0</v>
      </c>
      <c r="GD12" s="169">
        <v>0</v>
      </c>
      <c r="GE12" s="169">
        <v>0</v>
      </c>
      <c r="GF12" s="170">
        <v>0</v>
      </c>
      <c r="GG12" s="171">
        <v>0</v>
      </c>
      <c r="GH12" s="168">
        <v>25</v>
      </c>
      <c r="GI12" s="169">
        <v>28</v>
      </c>
      <c r="GJ12" s="170">
        <v>53</v>
      </c>
      <c r="GK12" s="439">
        <v>0</v>
      </c>
      <c r="GL12" s="169">
        <v>51</v>
      </c>
      <c r="GM12" s="169">
        <v>38</v>
      </c>
      <c r="GN12" s="169">
        <v>25</v>
      </c>
      <c r="GO12" s="169">
        <v>20</v>
      </c>
      <c r="GP12" s="169">
        <v>14</v>
      </c>
      <c r="GQ12" s="170">
        <v>148</v>
      </c>
      <c r="GR12" s="171">
        <v>201</v>
      </c>
      <c r="GS12" s="172">
        <v>88</v>
      </c>
      <c r="GT12" s="164">
        <v>65</v>
      </c>
      <c r="GU12" s="165">
        <v>153</v>
      </c>
      <c r="GV12" s="439">
        <v>0</v>
      </c>
      <c r="GW12" s="164">
        <v>162</v>
      </c>
      <c r="GX12" s="164">
        <v>125</v>
      </c>
      <c r="GY12" s="164">
        <v>77</v>
      </c>
      <c r="GZ12" s="164">
        <v>73</v>
      </c>
      <c r="HA12" s="164">
        <v>38</v>
      </c>
      <c r="HB12" s="166">
        <v>475</v>
      </c>
      <c r="HC12" s="167">
        <v>628</v>
      </c>
      <c r="HD12" s="168">
        <v>3</v>
      </c>
      <c r="HE12" s="169">
        <v>4</v>
      </c>
      <c r="HF12" s="170">
        <v>7</v>
      </c>
      <c r="HG12" s="439">
        <v>0</v>
      </c>
      <c r="HH12" s="169">
        <v>5</v>
      </c>
      <c r="HI12" s="169">
        <v>2</v>
      </c>
      <c r="HJ12" s="169">
        <v>2</v>
      </c>
      <c r="HK12" s="169">
        <v>2</v>
      </c>
      <c r="HL12" s="169">
        <v>2</v>
      </c>
      <c r="HM12" s="170">
        <v>13</v>
      </c>
      <c r="HN12" s="171">
        <v>20</v>
      </c>
      <c r="HO12" s="168">
        <v>5</v>
      </c>
      <c r="HP12" s="169">
        <v>7</v>
      </c>
      <c r="HQ12" s="170">
        <v>12</v>
      </c>
      <c r="HR12" s="439">
        <v>0</v>
      </c>
      <c r="HS12" s="169">
        <v>8</v>
      </c>
      <c r="HT12" s="169">
        <v>11</v>
      </c>
      <c r="HU12" s="169">
        <v>3</v>
      </c>
      <c r="HV12" s="169">
        <v>9</v>
      </c>
      <c r="HW12" s="169">
        <v>3</v>
      </c>
      <c r="HX12" s="170">
        <v>34</v>
      </c>
      <c r="HY12" s="171">
        <v>46</v>
      </c>
      <c r="HZ12" s="168">
        <v>16</v>
      </c>
      <c r="IA12" s="169">
        <v>10</v>
      </c>
      <c r="IB12" s="170">
        <v>26</v>
      </c>
      <c r="IC12" s="439">
        <v>0</v>
      </c>
      <c r="ID12" s="169">
        <v>21</v>
      </c>
      <c r="IE12" s="169">
        <v>18</v>
      </c>
      <c r="IF12" s="169">
        <v>8</v>
      </c>
      <c r="IG12" s="169">
        <v>7</v>
      </c>
      <c r="IH12" s="169">
        <v>3</v>
      </c>
      <c r="II12" s="170">
        <v>57</v>
      </c>
      <c r="IJ12" s="171">
        <v>83</v>
      </c>
      <c r="IK12" s="168">
        <v>19</v>
      </c>
      <c r="IL12" s="169">
        <v>14</v>
      </c>
      <c r="IM12" s="170">
        <v>33</v>
      </c>
      <c r="IN12" s="439">
        <v>0</v>
      </c>
      <c r="IO12" s="169">
        <v>34</v>
      </c>
      <c r="IP12" s="169">
        <v>21</v>
      </c>
      <c r="IQ12" s="169">
        <v>11</v>
      </c>
      <c r="IR12" s="169">
        <v>13</v>
      </c>
      <c r="IS12" s="169">
        <v>10</v>
      </c>
      <c r="IT12" s="170">
        <v>89</v>
      </c>
      <c r="IU12" s="171">
        <v>122</v>
      </c>
      <c r="IV12" s="168">
        <v>24</v>
      </c>
      <c r="IW12" s="169">
        <v>14</v>
      </c>
      <c r="IX12" s="170">
        <v>38</v>
      </c>
      <c r="IY12" s="439">
        <v>0</v>
      </c>
      <c r="IZ12" s="169">
        <v>46</v>
      </c>
      <c r="JA12" s="169">
        <v>40</v>
      </c>
      <c r="JB12" s="169">
        <v>23</v>
      </c>
      <c r="JC12" s="169">
        <v>12</v>
      </c>
      <c r="JD12" s="169">
        <v>10</v>
      </c>
      <c r="JE12" s="170">
        <v>131</v>
      </c>
      <c r="JF12" s="171">
        <v>169</v>
      </c>
      <c r="JG12" s="168">
        <v>21</v>
      </c>
      <c r="JH12" s="169">
        <v>16</v>
      </c>
      <c r="JI12" s="170">
        <v>37</v>
      </c>
      <c r="JJ12" s="439">
        <v>0</v>
      </c>
      <c r="JK12" s="169">
        <v>48</v>
      </c>
      <c r="JL12" s="169">
        <v>33</v>
      </c>
      <c r="JM12" s="169">
        <v>30</v>
      </c>
      <c r="JN12" s="169">
        <v>30</v>
      </c>
      <c r="JO12" s="169">
        <v>10</v>
      </c>
      <c r="JP12" s="170">
        <v>151</v>
      </c>
      <c r="JQ12" s="171">
        <v>188</v>
      </c>
      <c r="JR12" s="168">
        <v>0</v>
      </c>
      <c r="JS12" s="169">
        <v>0</v>
      </c>
      <c r="JT12" s="170">
        <v>0</v>
      </c>
      <c r="JU12" s="439">
        <v>0</v>
      </c>
      <c r="JV12" s="169">
        <v>0</v>
      </c>
      <c r="JW12" s="169">
        <v>0</v>
      </c>
      <c r="JX12" s="169">
        <v>0</v>
      </c>
      <c r="JY12" s="169">
        <v>0</v>
      </c>
      <c r="JZ12" s="169">
        <v>0</v>
      </c>
      <c r="KA12" s="170">
        <v>0</v>
      </c>
      <c r="KB12" s="171">
        <v>0</v>
      </c>
      <c r="KC12" s="168">
        <v>88</v>
      </c>
      <c r="KD12" s="169">
        <v>65</v>
      </c>
      <c r="KE12" s="170">
        <v>153</v>
      </c>
      <c r="KF12" s="439">
        <v>0</v>
      </c>
      <c r="KG12" s="169">
        <v>162</v>
      </c>
      <c r="KH12" s="169">
        <v>125</v>
      </c>
      <c r="KI12" s="169">
        <v>77</v>
      </c>
      <c r="KJ12" s="169">
        <v>73</v>
      </c>
      <c r="KK12" s="169">
        <v>38</v>
      </c>
      <c r="KL12" s="170">
        <v>475</v>
      </c>
      <c r="KM12" s="171">
        <v>628</v>
      </c>
    </row>
    <row r="13" spans="2:299" s="137" customFormat="1" ht="21" customHeight="1" x14ac:dyDescent="0.2">
      <c r="B13" s="173" t="s">
        <v>9</v>
      </c>
      <c r="C13" s="163">
        <v>201</v>
      </c>
      <c r="D13" s="164">
        <v>109</v>
      </c>
      <c r="E13" s="165">
        <v>310</v>
      </c>
      <c r="F13" s="439">
        <v>0</v>
      </c>
      <c r="G13" s="164">
        <v>228</v>
      </c>
      <c r="H13" s="164">
        <v>149</v>
      </c>
      <c r="I13" s="164">
        <v>107</v>
      </c>
      <c r="J13" s="164">
        <v>79</v>
      </c>
      <c r="K13" s="164">
        <v>57</v>
      </c>
      <c r="L13" s="166">
        <v>620</v>
      </c>
      <c r="M13" s="167">
        <v>930</v>
      </c>
      <c r="N13" s="168">
        <v>4</v>
      </c>
      <c r="O13" s="169">
        <v>4</v>
      </c>
      <c r="P13" s="170">
        <v>8</v>
      </c>
      <c r="Q13" s="439">
        <v>0</v>
      </c>
      <c r="R13" s="169">
        <v>3</v>
      </c>
      <c r="S13" s="169">
        <v>4</v>
      </c>
      <c r="T13" s="169">
        <v>3</v>
      </c>
      <c r="U13" s="169">
        <v>1</v>
      </c>
      <c r="V13" s="169">
        <v>6</v>
      </c>
      <c r="W13" s="170">
        <v>17</v>
      </c>
      <c r="X13" s="171">
        <v>25</v>
      </c>
      <c r="Y13" s="168">
        <v>5</v>
      </c>
      <c r="Z13" s="169">
        <v>6</v>
      </c>
      <c r="AA13" s="170">
        <v>11</v>
      </c>
      <c r="AB13" s="439">
        <v>0</v>
      </c>
      <c r="AC13" s="169">
        <v>8</v>
      </c>
      <c r="AD13" s="169">
        <v>5</v>
      </c>
      <c r="AE13" s="169">
        <v>2</v>
      </c>
      <c r="AF13" s="169">
        <v>3</v>
      </c>
      <c r="AG13" s="169">
        <v>2</v>
      </c>
      <c r="AH13" s="170">
        <v>20</v>
      </c>
      <c r="AI13" s="171">
        <v>31</v>
      </c>
      <c r="AJ13" s="168">
        <v>29</v>
      </c>
      <c r="AK13" s="169">
        <v>10</v>
      </c>
      <c r="AL13" s="170">
        <v>39</v>
      </c>
      <c r="AM13" s="439">
        <v>0</v>
      </c>
      <c r="AN13" s="169">
        <v>18</v>
      </c>
      <c r="AO13" s="169">
        <v>10</v>
      </c>
      <c r="AP13" s="169">
        <v>13</v>
      </c>
      <c r="AQ13" s="169">
        <v>5</v>
      </c>
      <c r="AR13" s="169">
        <v>7</v>
      </c>
      <c r="AS13" s="170">
        <v>53</v>
      </c>
      <c r="AT13" s="171">
        <v>92</v>
      </c>
      <c r="AU13" s="168">
        <v>39</v>
      </c>
      <c r="AV13" s="169">
        <v>21</v>
      </c>
      <c r="AW13" s="170">
        <v>60</v>
      </c>
      <c r="AX13" s="439">
        <v>0</v>
      </c>
      <c r="AY13" s="169">
        <v>53</v>
      </c>
      <c r="AZ13" s="169">
        <v>20</v>
      </c>
      <c r="BA13" s="169">
        <v>19</v>
      </c>
      <c r="BB13" s="169">
        <v>10</v>
      </c>
      <c r="BC13" s="169">
        <v>5</v>
      </c>
      <c r="BD13" s="170">
        <v>107</v>
      </c>
      <c r="BE13" s="171">
        <v>167</v>
      </c>
      <c r="BF13" s="168">
        <v>71</v>
      </c>
      <c r="BG13" s="169">
        <v>43</v>
      </c>
      <c r="BH13" s="170">
        <v>114</v>
      </c>
      <c r="BI13" s="439">
        <v>0</v>
      </c>
      <c r="BJ13" s="169">
        <v>73</v>
      </c>
      <c r="BK13" s="169">
        <v>40</v>
      </c>
      <c r="BL13" s="169">
        <v>29</v>
      </c>
      <c r="BM13" s="169">
        <v>22</v>
      </c>
      <c r="BN13" s="169">
        <v>22</v>
      </c>
      <c r="BO13" s="170">
        <v>186</v>
      </c>
      <c r="BP13" s="171">
        <v>300</v>
      </c>
      <c r="BQ13" s="168">
        <v>53</v>
      </c>
      <c r="BR13" s="169">
        <v>25</v>
      </c>
      <c r="BS13" s="170">
        <v>78</v>
      </c>
      <c r="BT13" s="439">
        <v>0</v>
      </c>
      <c r="BU13" s="169">
        <v>73</v>
      </c>
      <c r="BV13" s="169">
        <v>70</v>
      </c>
      <c r="BW13" s="169">
        <v>41</v>
      </c>
      <c r="BX13" s="169">
        <v>38</v>
      </c>
      <c r="BY13" s="169">
        <v>15</v>
      </c>
      <c r="BZ13" s="170">
        <v>237</v>
      </c>
      <c r="CA13" s="171">
        <v>315</v>
      </c>
      <c r="CB13" s="168">
        <v>0</v>
      </c>
      <c r="CC13" s="169">
        <v>0</v>
      </c>
      <c r="CD13" s="170">
        <v>0</v>
      </c>
      <c r="CE13" s="439">
        <v>0</v>
      </c>
      <c r="CF13" s="169">
        <v>0</v>
      </c>
      <c r="CG13" s="169">
        <v>0</v>
      </c>
      <c r="CH13" s="169">
        <v>0</v>
      </c>
      <c r="CI13" s="169">
        <v>0</v>
      </c>
      <c r="CJ13" s="169">
        <v>0</v>
      </c>
      <c r="CK13" s="170">
        <v>0</v>
      </c>
      <c r="CL13" s="171">
        <v>0</v>
      </c>
      <c r="CM13" s="168">
        <v>201</v>
      </c>
      <c r="CN13" s="169">
        <v>109</v>
      </c>
      <c r="CO13" s="170">
        <v>310</v>
      </c>
      <c r="CP13" s="439">
        <v>0</v>
      </c>
      <c r="CQ13" s="169">
        <v>228</v>
      </c>
      <c r="CR13" s="169">
        <v>149</v>
      </c>
      <c r="CS13" s="169">
        <v>107</v>
      </c>
      <c r="CT13" s="169">
        <v>79</v>
      </c>
      <c r="CU13" s="169">
        <v>57</v>
      </c>
      <c r="CV13" s="170">
        <v>620</v>
      </c>
      <c r="CW13" s="171">
        <v>930</v>
      </c>
      <c r="CX13" s="172">
        <v>85</v>
      </c>
      <c r="CY13" s="164">
        <v>53</v>
      </c>
      <c r="CZ13" s="165">
        <v>138</v>
      </c>
      <c r="DA13" s="439">
        <v>0</v>
      </c>
      <c r="DB13" s="164">
        <v>71</v>
      </c>
      <c r="DC13" s="164">
        <v>59</v>
      </c>
      <c r="DD13" s="164">
        <v>41</v>
      </c>
      <c r="DE13" s="164">
        <v>45</v>
      </c>
      <c r="DF13" s="164">
        <v>24</v>
      </c>
      <c r="DG13" s="166">
        <v>240</v>
      </c>
      <c r="DH13" s="167">
        <v>378</v>
      </c>
      <c r="DI13" s="168">
        <v>1</v>
      </c>
      <c r="DJ13" s="169">
        <v>2</v>
      </c>
      <c r="DK13" s="170">
        <v>3</v>
      </c>
      <c r="DL13" s="439">
        <v>0</v>
      </c>
      <c r="DM13" s="169">
        <v>0</v>
      </c>
      <c r="DN13" s="169">
        <v>0</v>
      </c>
      <c r="DO13" s="169">
        <v>0</v>
      </c>
      <c r="DP13" s="169">
        <v>2</v>
      </c>
      <c r="DQ13" s="169">
        <v>0</v>
      </c>
      <c r="DR13" s="170">
        <v>2</v>
      </c>
      <c r="DS13" s="171">
        <v>5</v>
      </c>
      <c r="DT13" s="168">
        <v>5</v>
      </c>
      <c r="DU13" s="169">
        <v>9</v>
      </c>
      <c r="DV13" s="170">
        <v>14</v>
      </c>
      <c r="DW13" s="439">
        <v>0</v>
      </c>
      <c r="DX13" s="169">
        <v>4</v>
      </c>
      <c r="DY13" s="169">
        <v>0</v>
      </c>
      <c r="DZ13" s="169">
        <v>0</v>
      </c>
      <c r="EA13" s="169">
        <v>2</v>
      </c>
      <c r="EB13" s="169">
        <v>1</v>
      </c>
      <c r="EC13" s="170">
        <v>7</v>
      </c>
      <c r="ED13" s="171">
        <v>21</v>
      </c>
      <c r="EE13" s="168">
        <v>7</v>
      </c>
      <c r="EF13" s="169">
        <v>7</v>
      </c>
      <c r="EG13" s="170">
        <v>14</v>
      </c>
      <c r="EH13" s="439">
        <v>0</v>
      </c>
      <c r="EI13" s="169">
        <v>7</v>
      </c>
      <c r="EJ13" s="169">
        <v>6</v>
      </c>
      <c r="EK13" s="169">
        <v>3</v>
      </c>
      <c r="EL13" s="169">
        <v>3</v>
      </c>
      <c r="EM13" s="169">
        <v>1</v>
      </c>
      <c r="EN13" s="170">
        <v>20</v>
      </c>
      <c r="EO13" s="171">
        <v>34</v>
      </c>
      <c r="EP13" s="168">
        <v>26</v>
      </c>
      <c r="EQ13" s="169">
        <v>12</v>
      </c>
      <c r="ER13" s="170">
        <v>38</v>
      </c>
      <c r="ES13" s="439">
        <v>0</v>
      </c>
      <c r="ET13" s="169">
        <v>16</v>
      </c>
      <c r="EU13" s="169">
        <v>9</v>
      </c>
      <c r="EV13" s="169">
        <v>7</v>
      </c>
      <c r="EW13" s="169">
        <v>5</v>
      </c>
      <c r="EX13" s="169">
        <v>2</v>
      </c>
      <c r="EY13" s="170">
        <v>39</v>
      </c>
      <c r="EZ13" s="171">
        <v>77</v>
      </c>
      <c r="FA13" s="168">
        <v>31</v>
      </c>
      <c r="FB13" s="169">
        <v>12</v>
      </c>
      <c r="FC13" s="170">
        <v>43</v>
      </c>
      <c r="FD13" s="439">
        <v>0</v>
      </c>
      <c r="FE13" s="169">
        <v>19</v>
      </c>
      <c r="FF13" s="169">
        <v>18</v>
      </c>
      <c r="FG13" s="169">
        <v>11</v>
      </c>
      <c r="FH13" s="169">
        <v>7</v>
      </c>
      <c r="FI13" s="169">
        <v>5</v>
      </c>
      <c r="FJ13" s="170">
        <v>60</v>
      </c>
      <c r="FK13" s="171">
        <v>103</v>
      </c>
      <c r="FL13" s="168">
        <v>15</v>
      </c>
      <c r="FM13" s="169">
        <v>11</v>
      </c>
      <c r="FN13" s="170">
        <v>26</v>
      </c>
      <c r="FO13" s="439">
        <v>0</v>
      </c>
      <c r="FP13" s="169">
        <v>25</v>
      </c>
      <c r="FQ13" s="169">
        <v>26</v>
      </c>
      <c r="FR13" s="169">
        <v>20</v>
      </c>
      <c r="FS13" s="169">
        <v>26</v>
      </c>
      <c r="FT13" s="169">
        <v>15</v>
      </c>
      <c r="FU13" s="170">
        <v>112</v>
      </c>
      <c r="FV13" s="171">
        <v>138</v>
      </c>
      <c r="FW13" s="168">
        <v>0</v>
      </c>
      <c r="FX13" s="169">
        <v>0</v>
      </c>
      <c r="FY13" s="170">
        <v>0</v>
      </c>
      <c r="FZ13" s="439">
        <v>0</v>
      </c>
      <c r="GA13" s="169">
        <v>0</v>
      </c>
      <c r="GB13" s="169">
        <v>0</v>
      </c>
      <c r="GC13" s="169">
        <v>0</v>
      </c>
      <c r="GD13" s="169">
        <v>0</v>
      </c>
      <c r="GE13" s="169">
        <v>0</v>
      </c>
      <c r="GF13" s="170">
        <v>0</v>
      </c>
      <c r="GG13" s="171">
        <v>0</v>
      </c>
      <c r="GH13" s="168">
        <v>85</v>
      </c>
      <c r="GI13" s="169">
        <v>53</v>
      </c>
      <c r="GJ13" s="170">
        <v>138</v>
      </c>
      <c r="GK13" s="439">
        <v>0</v>
      </c>
      <c r="GL13" s="169">
        <v>71</v>
      </c>
      <c r="GM13" s="169">
        <v>59</v>
      </c>
      <c r="GN13" s="169">
        <v>41</v>
      </c>
      <c r="GO13" s="169">
        <v>45</v>
      </c>
      <c r="GP13" s="169">
        <v>24</v>
      </c>
      <c r="GQ13" s="170">
        <v>240</v>
      </c>
      <c r="GR13" s="171">
        <v>378</v>
      </c>
      <c r="GS13" s="172">
        <v>286</v>
      </c>
      <c r="GT13" s="164">
        <v>162</v>
      </c>
      <c r="GU13" s="165">
        <v>448</v>
      </c>
      <c r="GV13" s="439">
        <v>0</v>
      </c>
      <c r="GW13" s="164">
        <v>299</v>
      </c>
      <c r="GX13" s="164">
        <v>208</v>
      </c>
      <c r="GY13" s="164">
        <v>148</v>
      </c>
      <c r="GZ13" s="164">
        <v>124</v>
      </c>
      <c r="HA13" s="164">
        <v>81</v>
      </c>
      <c r="HB13" s="166">
        <v>860</v>
      </c>
      <c r="HC13" s="167">
        <v>1308</v>
      </c>
      <c r="HD13" s="168">
        <v>5</v>
      </c>
      <c r="HE13" s="169">
        <v>6</v>
      </c>
      <c r="HF13" s="170">
        <v>11</v>
      </c>
      <c r="HG13" s="439">
        <v>0</v>
      </c>
      <c r="HH13" s="169">
        <v>3</v>
      </c>
      <c r="HI13" s="169">
        <v>4</v>
      </c>
      <c r="HJ13" s="169">
        <v>3</v>
      </c>
      <c r="HK13" s="169">
        <v>3</v>
      </c>
      <c r="HL13" s="169">
        <v>6</v>
      </c>
      <c r="HM13" s="170">
        <v>19</v>
      </c>
      <c r="HN13" s="171">
        <v>30</v>
      </c>
      <c r="HO13" s="168">
        <v>10</v>
      </c>
      <c r="HP13" s="169">
        <v>15</v>
      </c>
      <c r="HQ13" s="170">
        <v>25</v>
      </c>
      <c r="HR13" s="439">
        <v>0</v>
      </c>
      <c r="HS13" s="169">
        <v>12</v>
      </c>
      <c r="HT13" s="169">
        <v>5</v>
      </c>
      <c r="HU13" s="169">
        <v>2</v>
      </c>
      <c r="HV13" s="169">
        <v>5</v>
      </c>
      <c r="HW13" s="169">
        <v>3</v>
      </c>
      <c r="HX13" s="170">
        <v>27</v>
      </c>
      <c r="HY13" s="171">
        <v>52</v>
      </c>
      <c r="HZ13" s="168">
        <v>36</v>
      </c>
      <c r="IA13" s="169">
        <v>17</v>
      </c>
      <c r="IB13" s="170">
        <v>53</v>
      </c>
      <c r="IC13" s="439">
        <v>0</v>
      </c>
      <c r="ID13" s="169">
        <v>25</v>
      </c>
      <c r="IE13" s="169">
        <v>16</v>
      </c>
      <c r="IF13" s="169">
        <v>16</v>
      </c>
      <c r="IG13" s="169">
        <v>8</v>
      </c>
      <c r="IH13" s="169">
        <v>8</v>
      </c>
      <c r="II13" s="170">
        <v>73</v>
      </c>
      <c r="IJ13" s="171">
        <v>126</v>
      </c>
      <c r="IK13" s="168">
        <v>65</v>
      </c>
      <c r="IL13" s="169">
        <v>33</v>
      </c>
      <c r="IM13" s="170">
        <v>98</v>
      </c>
      <c r="IN13" s="439">
        <v>0</v>
      </c>
      <c r="IO13" s="169">
        <v>69</v>
      </c>
      <c r="IP13" s="169">
        <v>29</v>
      </c>
      <c r="IQ13" s="169">
        <v>26</v>
      </c>
      <c r="IR13" s="169">
        <v>15</v>
      </c>
      <c r="IS13" s="169">
        <v>7</v>
      </c>
      <c r="IT13" s="170">
        <v>146</v>
      </c>
      <c r="IU13" s="171">
        <v>244</v>
      </c>
      <c r="IV13" s="168">
        <v>102</v>
      </c>
      <c r="IW13" s="169">
        <v>55</v>
      </c>
      <c r="IX13" s="170">
        <v>157</v>
      </c>
      <c r="IY13" s="439">
        <v>0</v>
      </c>
      <c r="IZ13" s="169">
        <v>92</v>
      </c>
      <c r="JA13" s="169">
        <v>58</v>
      </c>
      <c r="JB13" s="169">
        <v>40</v>
      </c>
      <c r="JC13" s="169">
        <v>29</v>
      </c>
      <c r="JD13" s="169">
        <v>27</v>
      </c>
      <c r="JE13" s="170">
        <v>246</v>
      </c>
      <c r="JF13" s="171">
        <v>403</v>
      </c>
      <c r="JG13" s="168">
        <v>68</v>
      </c>
      <c r="JH13" s="169">
        <v>36</v>
      </c>
      <c r="JI13" s="170">
        <v>104</v>
      </c>
      <c r="JJ13" s="439">
        <v>0</v>
      </c>
      <c r="JK13" s="169">
        <v>98</v>
      </c>
      <c r="JL13" s="169">
        <v>96</v>
      </c>
      <c r="JM13" s="169">
        <v>61</v>
      </c>
      <c r="JN13" s="169">
        <v>64</v>
      </c>
      <c r="JO13" s="169">
        <v>30</v>
      </c>
      <c r="JP13" s="170">
        <v>349</v>
      </c>
      <c r="JQ13" s="171">
        <v>453</v>
      </c>
      <c r="JR13" s="168">
        <v>0</v>
      </c>
      <c r="JS13" s="169">
        <v>0</v>
      </c>
      <c r="JT13" s="170">
        <v>0</v>
      </c>
      <c r="JU13" s="439">
        <v>0</v>
      </c>
      <c r="JV13" s="169">
        <v>0</v>
      </c>
      <c r="JW13" s="169">
        <v>0</v>
      </c>
      <c r="JX13" s="169">
        <v>0</v>
      </c>
      <c r="JY13" s="169">
        <v>0</v>
      </c>
      <c r="JZ13" s="169">
        <v>0</v>
      </c>
      <c r="KA13" s="170">
        <v>0</v>
      </c>
      <c r="KB13" s="171">
        <v>0</v>
      </c>
      <c r="KC13" s="168">
        <v>286</v>
      </c>
      <c r="KD13" s="169">
        <v>162</v>
      </c>
      <c r="KE13" s="170">
        <v>448</v>
      </c>
      <c r="KF13" s="439">
        <v>0</v>
      </c>
      <c r="KG13" s="169">
        <v>299</v>
      </c>
      <c r="KH13" s="169">
        <v>208</v>
      </c>
      <c r="KI13" s="169">
        <v>148</v>
      </c>
      <c r="KJ13" s="169">
        <v>124</v>
      </c>
      <c r="KK13" s="169">
        <v>81</v>
      </c>
      <c r="KL13" s="170">
        <v>860</v>
      </c>
      <c r="KM13" s="171">
        <v>1308</v>
      </c>
    </row>
    <row r="14" spans="2:299" s="137" customFormat="1" ht="21" customHeight="1" x14ac:dyDescent="0.2">
      <c r="B14" s="173" t="s">
        <v>10</v>
      </c>
      <c r="C14" s="163">
        <v>271</v>
      </c>
      <c r="D14" s="164">
        <v>197</v>
      </c>
      <c r="E14" s="165">
        <v>468</v>
      </c>
      <c r="F14" s="439">
        <v>0</v>
      </c>
      <c r="G14" s="164">
        <v>284</v>
      </c>
      <c r="H14" s="164">
        <v>169</v>
      </c>
      <c r="I14" s="164">
        <v>115</v>
      </c>
      <c r="J14" s="164">
        <v>88</v>
      </c>
      <c r="K14" s="164">
        <v>76</v>
      </c>
      <c r="L14" s="166">
        <v>732</v>
      </c>
      <c r="M14" s="167">
        <v>1200</v>
      </c>
      <c r="N14" s="168">
        <v>8</v>
      </c>
      <c r="O14" s="169">
        <v>8</v>
      </c>
      <c r="P14" s="170">
        <v>16</v>
      </c>
      <c r="Q14" s="439">
        <v>0</v>
      </c>
      <c r="R14" s="169">
        <v>7</v>
      </c>
      <c r="S14" s="169">
        <v>9</v>
      </c>
      <c r="T14" s="169">
        <v>4</v>
      </c>
      <c r="U14" s="169">
        <v>3</v>
      </c>
      <c r="V14" s="169">
        <v>3</v>
      </c>
      <c r="W14" s="170">
        <v>26</v>
      </c>
      <c r="X14" s="171">
        <v>42</v>
      </c>
      <c r="Y14" s="168">
        <v>19</v>
      </c>
      <c r="Z14" s="169">
        <v>10</v>
      </c>
      <c r="AA14" s="170">
        <v>29</v>
      </c>
      <c r="AB14" s="439">
        <v>0</v>
      </c>
      <c r="AC14" s="169">
        <v>24</v>
      </c>
      <c r="AD14" s="169">
        <v>16</v>
      </c>
      <c r="AE14" s="169">
        <v>12</v>
      </c>
      <c r="AF14" s="169">
        <v>10</v>
      </c>
      <c r="AG14" s="169">
        <v>11</v>
      </c>
      <c r="AH14" s="170">
        <v>73</v>
      </c>
      <c r="AI14" s="171">
        <v>102</v>
      </c>
      <c r="AJ14" s="168">
        <v>23</v>
      </c>
      <c r="AK14" s="169">
        <v>38</v>
      </c>
      <c r="AL14" s="170">
        <v>61</v>
      </c>
      <c r="AM14" s="439">
        <v>0</v>
      </c>
      <c r="AN14" s="169">
        <v>41</v>
      </c>
      <c r="AO14" s="169">
        <v>19</v>
      </c>
      <c r="AP14" s="169">
        <v>10</v>
      </c>
      <c r="AQ14" s="169">
        <v>10</v>
      </c>
      <c r="AR14" s="169">
        <v>12</v>
      </c>
      <c r="AS14" s="170">
        <v>92</v>
      </c>
      <c r="AT14" s="171">
        <v>153</v>
      </c>
      <c r="AU14" s="168">
        <v>66</v>
      </c>
      <c r="AV14" s="169">
        <v>43</v>
      </c>
      <c r="AW14" s="170">
        <v>109</v>
      </c>
      <c r="AX14" s="439">
        <v>0</v>
      </c>
      <c r="AY14" s="169">
        <v>65</v>
      </c>
      <c r="AZ14" s="169">
        <v>27</v>
      </c>
      <c r="BA14" s="169">
        <v>17</v>
      </c>
      <c r="BB14" s="169">
        <v>17</v>
      </c>
      <c r="BC14" s="169">
        <v>16</v>
      </c>
      <c r="BD14" s="170">
        <v>142</v>
      </c>
      <c r="BE14" s="171">
        <v>251</v>
      </c>
      <c r="BF14" s="168">
        <v>77</v>
      </c>
      <c r="BG14" s="169">
        <v>43</v>
      </c>
      <c r="BH14" s="170">
        <v>120</v>
      </c>
      <c r="BI14" s="439">
        <v>0</v>
      </c>
      <c r="BJ14" s="169">
        <v>74</v>
      </c>
      <c r="BK14" s="169">
        <v>48</v>
      </c>
      <c r="BL14" s="169">
        <v>33</v>
      </c>
      <c r="BM14" s="169">
        <v>20</v>
      </c>
      <c r="BN14" s="169">
        <v>17</v>
      </c>
      <c r="BO14" s="170">
        <v>192</v>
      </c>
      <c r="BP14" s="171">
        <v>312</v>
      </c>
      <c r="BQ14" s="168">
        <v>78</v>
      </c>
      <c r="BR14" s="169">
        <v>55</v>
      </c>
      <c r="BS14" s="170">
        <v>133</v>
      </c>
      <c r="BT14" s="439">
        <v>0</v>
      </c>
      <c r="BU14" s="169">
        <v>73</v>
      </c>
      <c r="BV14" s="169">
        <v>50</v>
      </c>
      <c r="BW14" s="169">
        <v>39</v>
      </c>
      <c r="BX14" s="169">
        <v>28</v>
      </c>
      <c r="BY14" s="169">
        <v>17</v>
      </c>
      <c r="BZ14" s="170">
        <v>207</v>
      </c>
      <c r="CA14" s="171">
        <v>340</v>
      </c>
      <c r="CB14" s="168">
        <v>0</v>
      </c>
      <c r="CC14" s="169">
        <v>0</v>
      </c>
      <c r="CD14" s="170">
        <v>0</v>
      </c>
      <c r="CE14" s="439">
        <v>0</v>
      </c>
      <c r="CF14" s="169">
        <v>0</v>
      </c>
      <c r="CG14" s="169">
        <v>0</v>
      </c>
      <c r="CH14" s="169">
        <v>0</v>
      </c>
      <c r="CI14" s="169">
        <v>0</v>
      </c>
      <c r="CJ14" s="169">
        <v>0</v>
      </c>
      <c r="CK14" s="170">
        <v>0</v>
      </c>
      <c r="CL14" s="171">
        <v>0</v>
      </c>
      <c r="CM14" s="168">
        <v>271</v>
      </c>
      <c r="CN14" s="169">
        <v>197</v>
      </c>
      <c r="CO14" s="170">
        <v>468</v>
      </c>
      <c r="CP14" s="439">
        <v>0</v>
      </c>
      <c r="CQ14" s="169">
        <v>284</v>
      </c>
      <c r="CR14" s="169">
        <v>169</v>
      </c>
      <c r="CS14" s="169">
        <v>115</v>
      </c>
      <c r="CT14" s="169">
        <v>88</v>
      </c>
      <c r="CU14" s="169">
        <v>76</v>
      </c>
      <c r="CV14" s="170">
        <v>732</v>
      </c>
      <c r="CW14" s="171">
        <v>1200</v>
      </c>
      <c r="CX14" s="172">
        <v>110</v>
      </c>
      <c r="CY14" s="164">
        <v>77</v>
      </c>
      <c r="CZ14" s="165">
        <v>187</v>
      </c>
      <c r="DA14" s="439">
        <v>0</v>
      </c>
      <c r="DB14" s="164">
        <v>115</v>
      </c>
      <c r="DC14" s="164">
        <v>63</v>
      </c>
      <c r="DD14" s="164">
        <v>49</v>
      </c>
      <c r="DE14" s="164">
        <v>48</v>
      </c>
      <c r="DF14" s="164">
        <v>37</v>
      </c>
      <c r="DG14" s="166">
        <v>312</v>
      </c>
      <c r="DH14" s="167">
        <v>499</v>
      </c>
      <c r="DI14" s="168">
        <v>4</v>
      </c>
      <c r="DJ14" s="169">
        <v>4</v>
      </c>
      <c r="DK14" s="170">
        <v>8</v>
      </c>
      <c r="DL14" s="439">
        <v>0</v>
      </c>
      <c r="DM14" s="169">
        <v>1</v>
      </c>
      <c r="DN14" s="169">
        <v>1</v>
      </c>
      <c r="DO14" s="169">
        <v>1</v>
      </c>
      <c r="DP14" s="169">
        <v>0</v>
      </c>
      <c r="DQ14" s="169">
        <v>0</v>
      </c>
      <c r="DR14" s="170">
        <v>3</v>
      </c>
      <c r="DS14" s="171">
        <v>11</v>
      </c>
      <c r="DT14" s="168">
        <v>7</v>
      </c>
      <c r="DU14" s="169">
        <v>5</v>
      </c>
      <c r="DV14" s="170">
        <v>12</v>
      </c>
      <c r="DW14" s="439">
        <v>0</v>
      </c>
      <c r="DX14" s="169">
        <v>8</v>
      </c>
      <c r="DY14" s="169">
        <v>1</v>
      </c>
      <c r="DZ14" s="169">
        <v>1</v>
      </c>
      <c r="EA14" s="169">
        <v>2</v>
      </c>
      <c r="EB14" s="169">
        <v>2</v>
      </c>
      <c r="EC14" s="170">
        <v>14</v>
      </c>
      <c r="ED14" s="171">
        <v>26</v>
      </c>
      <c r="EE14" s="168">
        <v>20</v>
      </c>
      <c r="EF14" s="169">
        <v>11</v>
      </c>
      <c r="EG14" s="170">
        <v>31</v>
      </c>
      <c r="EH14" s="439">
        <v>0</v>
      </c>
      <c r="EI14" s="169">
        <v>9</v>
      </c>
      <c r="EJ14" s="169">
        <v>6</v>
      </c>
      <c r="EK14" s="169">
        <v>4</v>
      </c>
      <c r="EL14" s="169">
        <v>2</v>
      </c>
      <c r="EM14" s="169">
        <v>0</v>
      </c>
      <c r="EN14" s="170">
        <v>21</v>
      </c>
      <c r="EO14" s="171">
        <v>52</v>
      </c>
      <c r="EP14" s="168">
        <v>24</v>
      </c>
      <c r="EQ14" s="169">
        <v>17</v>
      </c>
      <c r="ER14" s="170">
        <v>41</v>
      </c>
      <c r="ES14" s="439">
        <v>0</v>
      </c>
      <c r="ET14" s="169">
        <v>25</v>
      </c>
      <c r="EU14" s="169">
        <v>13</v>
      </c>
      <c r="EV14" s="169">
        <v>5</v>
      </c>
      <c r="EW14" s="169">
        <v>4</v>
      </c>
      <c r="EX14" s="169">
        <v>5</v>
      </c>
      <c r="EY14" s="170">
        <v>52</v>
      </c>
      <c r="EZ14" s="171">
        <v>93</v>
      </c>
      <c r="FA14" s="168">
        <v>30</v>
      </c>
      <c r="FB14" s="169">
        <v>24</v>
      </c>
      <c r="FC14" s="170">
        <v>54</v>
      </c>
      <c r="FD14" s="439">
        <v>0</v>
      </c>
      <c r="FE14" s="169">
        <v>30</v>
      </c>
      <c r="FF14" s="169">
        <v>19</v>
      </c>
      <c r="FG14" s="169">
        <v>13</v>
      </c>
      <c r="FH14" s="169">
        <v>9</v>
      </c>
      <c r="FI14" s="169">
        <v>10</v>
      </c>
      <c r="FJ14" s="170">
        <v>81</v>
      </c>
      <c r="FK14" s="171">
        <v>135</v>
      </c>
      <c r="FL14" s="168">
        <v>25</v>
      </c>
      <c r="FM14" s="169">
        <v>16</v>
      </c>
      <c r="FN14" s="170">
        <v>41</v>
      </c>
      <c r="FO14" s="439">
        <v>0</v>
      </c>
      <c r="FP14" s="169">
        <v>42</v>
      </c>
      <c r="FQ14" s="169">
        <v>23</v>
      </c>
      <c r="FR14" s="169">
        <v>25</v>
      </c>
      <c r="FS14" s="169">
        <v>31</v>
      </c>
      <c r="FT14" s="169">
        <v>20</v>
      </c>
      <c r="FU14" s="170">
        <v>141</v>
      </c>
      <c r="FV14" s="171">
        <v>182</v>
      </c>
      <c r="FW14" s="168">
        <v>0</v>
      </c>
      <c r="FX14" s="169">
        <v>0</v>
      </c>
      <c r="FY14" s="170">
        <v>0</v>
      </c>
      <c r="FZ14" s="439">
        <v>0</v>
      </c>
      <c r="GA14" s="169">
        <v>0</v>
      </c>
      <c r="GB14" s="169">
        <v>0</v>
      </c>
      <c r="GC14" s="169">
        <v>0</v>
      </c>
      <c r="GD14" s="169">
        <v>0</v>
      </c>
      <c r="GE14" s="169">
        <v>0</v>
      </c>
      <c r="GF14" s="170">
        <v>0</v>
      </c>
      <c r="GG14" s="171">
        <v>0</v>
      </c>
      <c r="GH14" s="168">
        <v>110</v>
      </c>
      <c r="GI14" s="169">
        <v>77</v>
      </c>
      <c r="GJ14" s="170">
        <v>187</v>
      </c>
      <c r="GK14" s="439">
        <v>0</v>
      </c>
      <c r="GL14" s="169">
        <v>115</v>
      </c>
      <c r="GM14" s="169">
        <v>63</v>
      </c>
      <c r="GN14" s="169">
        <v>49</v>
      </c>
      <c r="GO14" s="169">
        <v>48</v>
      </c>
      <c r="GP14" s="169">
        <v>37</v>
      </c>
      <c r="GQ14" s="170">
        <v>312</v>
      </c>
      <c r="GR14" s="171">
        <v>499</v>
      </c>
      <c r="GS14" s="172">
        <v>381</v>
      </c>
      <c r="GT14" s="164">
        <v>274</v>
      </c>
      <c r="GU14" s="165">
        <v>655</v>
      </c>
      <c r="GV14" s="439">
        <v>0</v>
      </c>
      <c r="GW14" s="164">
        <v>399</v>
      </c>
      <c r="GX14" s="164">
        <v>232</v>
      </c>
      <c r="GY14" s="164">
        <v>164</v>
      </c>
      <c r="GZ14" s="164">
        <v>136</v>
      </c>
      <c r="HA14" s="164">
        <v>113</v>
      </c>
      <c r="HB14" s="166">
        <v>1044</v>
      </c>
      <c r="HC14" s="167">
        <v>1699</v>
      </c>
      <c r="HD14" s="168">
        <v>12</v>
      </c>
      <c r="HE14" s="169">
        <v>12</v>
      </c>
      <c r="HF14" s="170">
        <v>24</v>
      </c>
      <c r="HG14" s="439">
        <v>0</v>
      </c>
      <c r="HH14" s="169">
        <v>8</v>
      </c>
      <c r="HI14" s="169">
        <v>10</v>
      </c>
      <c r="HJ14" s="169">
        <v>5</v>
      </c>
      <c r="HK14" s="169">
        <v>3</v>
      </c>
      <c r="HL14" s="169">
        <v>3</v>
      </c>
      <c r="HM14" s="170">
        <v>29</v>
      </c>
      <c r="HN14" s="171">
        <v>53</v>
      </c>
      <c r="HO14" s="168">
        <v>26</v>
      </c>
      <c r="HP14" s="169">
        <v>15</v>
      </c>
      <c r="HQ14" s="170">
        <v>41</v>
      </c>
      <c r="HR14" s="439">
        <v>0</v>
      </c>
      <c r="HS14" s="169">
        <v>32</v>
      </c>
      <c r="HT14" s="169">
        <v>17</v>
      </c>
      <c r="HU14" s="169">
        <v>13</v>
      </c>
      <c r="HV14" s="169">
        <v>12</v>
      </c>
      <c r="HW14" s="169">
        <v>13</v>
      </c>
      <c r="HX14" s="170">
        <v>87</v>
      </c>
      <c r="HY14" s="171">
        <v>128</v>
      </c>
      <c r="HZ14" s="168">
        <v>43</v>
      </c>
      <c r="IA14" s="169">
        <v>49</v>
      </c>
      <c r="IB14" s="170">
        <v>92</v>
      </c>
      <c r="IC14" s="439">
        <v>0</v>
      </c>
      <c r="ID14" s="169">
        <v>50</v>
      </c>
      <c r="IE14" s="169">
        <v>25</v>
      </c>
      <c r="IF14" s="169">
        <v>14</v>
      </c>
      <c r="IG14" s="169">
        <v>12</v>
      </c>
      <c r="IH14" s="169">
        <v>12</v>
      </c>
      <c r="II14" s="170">
        <v>113</v>
      </c>
      <c r="IJ14" s="171">
        <v>205</v>
      </c>
      <c r="IK14" s="168">
        <v>90</v>
      </c>
      <c r="IL14" s="169">
        <v>60</v>
      </c>
      <c r="IM14" s="170">
        <v>150</v>
      </c>
      <c r="IN14" s="439">
        <v>0</v>
      </c>
      <c r="IO14" s="169">
        <v>90</v>
      </c>
      <c r="IP14" s="169">
        <v>40</v>
      </c>
      <c r="IQ14" s="169">
        <v>22</v>
      </c>
      <c r="IR14" s="169">
        <v>21</v>
      </c>
      <c r="IS14" s="169">
        <v>21</v>
      </c>
      <c r="IT14" s="170">
        <v>194</v>
      </c>
      <c r="IU14" s="171">
        <v>344</v>
      </c>
      <c r="IV14" s="168">
        <v>107</v>
      </c>
      <c r="IW14" s="169">
        <v>67</v>
      </c>
      <c r="IX14" s="170">
        <v>174</v>
      </c>
      <c r="IY14" s="439">
        <v>0</v>
      </c>
      <c r="IZ14" s="169">
        <v>104</v>
      </c>
      <c r="JA14" s="169">
        <v>67</v>
      </c>
      <c r="JB14" s="169">
        <v>46</v>
      </c>
      <c r="JC14" s="169">
        <v>29</v>
      </c>
      <c r="JD14" s="169">
        <v>27</v>
      </c>
      <c r="JE14" s="170">
        <v>273</v>
      </c>
      <c r="JF14" s="171">
        <v>447</v>
      </c>
      <c r="JG14" s="168">
        <v>103</v>
      </c>
      <c r="JH14" s="169">
        <v>71</v>
      </c>
      <c r="JI14" s="170">
        <v>174</v>
      </c>
      <c r="JJ14" s="439">
        <v>0</v>
      </c>
      <c r="JK14" s="169">
        <v>115</v>
      </c>
      <c r="JL14" s="169">
        <v>73</v>
      </c>
      <c r="JM14" s="169">
        <v>64</v>
      </c>
      <c r="JN14" s="169">
        <v>59</v>
      </c>
      <c r="JO14" s="169">
        <v>37</v>
      </c>
      <c r="JP14" s="170">
        <v>348</v>
      </c>
      <c r="JQ14" s="171">
        <v>522</v>
      </c>
      <c r="JR14" s="168">
        <v>0</v>
      </c>
      <c r="JS14" s="169">
        <v>0</v>
      </c>
      <c r="JT14" s="170">
        <v>0</v>
      </c>
      <c r="JU14" s="439">
        <v>0</v>
      </c>
      <c r="JV14" s="169">
        <v>0</v>
      </c>
      <c r="JW14" s="169">
        <v>0</v>
      </c>
      <c r="JX14" s="169">
        <v>0</v>
      </c>
      <c r="JY14" s="169">
        <v>0</v>
      </c>
      <c r="JZ14" s="169">
        <v>0</v>
      </c>
      <c r="KA14" s="170">
        <v>0</v>
      </c>
      <c r="KB14" s="171">
        <v>0</v>
      </c>
      <c r="KC14" s="168">
        <v>381</v>
      </c>
      <c r="KD14" s="169">
        <v>274</v>
      </c>
      <c r="KE14" s="170">
        <v>655</v>
      </c>
      <c r="KF14" s="439">
        <v>0</v>
      </c>
      <c r="KG14" s="169">
        <v>399</v>
      </c>
      <c r="KH14" s="169">
        <v>232</v>
      </c>
      <c r="KI14" s="169">
        <v>164</v>
      </c>
      <c r="KJ14" s="169">
        <v>136</v>
      </c>
      <c r="KK14" s="169">
        <v>113</v>
      </c>
      <c r="KL14" s="170">
        <v>1044</v>
      </c>
      <c r="KM14" s="171">
        <v>1699</v>
      </c>
    </row>
    <row r="15" spans="2:299" s="137" customFormat="1" ht="21" customHeight="1" x14ac:dyDescent="0.2">
      <c r="B15" s="173" t="s">
        <v>11</v>
      </c>
      <c r="C15" s="163">
        <v>53</v>
      </c>
      <c r="D15" s="164">
        <v>39</v>
      </c>
      <c r="E15" s="165">
        <v>92</v>
      </c>
      <c r="F15" s="439">
        <v>0</v>
      </c>
      <c r="G15" s="164">
        <v>100</v>
      </c>
      <c r="H15" s="164">
        <v>55</v>
      </c>
      <c r="I15" s="164">
        <v>42</v>
      </c>
      <c r="J15" s="164">
        <v>27</v>
      </c>
      <c r="K15" s="164">
        <v>18</v>
      </c>
      <c r="L15" s="166">
        <v>242</v>
      </c>
      <c r="M15" s="167">
        <v>334</v>
      </c>
      <c r="N15" s="168">
        <v>1</v>
      </c>
      <c r="O15" s="169">
        <v>1</v>
      </c>
      <c r="P15" s="170">
        <v>2</v>
      </c>
      <c r="Q15" s="439">
        <v>0</v>
      </c>
      <c r="R15" s="169">
        <v>4</v>
      </c>
      <c r="S15" s="169">
        <v>1</v>
      </c>
      <c r="T15" s="169">
        <v>0</v>
      </c>
      <c r="U15" s="169">
        <v>2</v>
      </c>
      <c r="V15" s="169">
        <v>1</v>
      </c>
      <c r="W15" s="170">
        <v>8</v>
      </c>
      <c r="X15" s="171">
        <v>10</v>
      </c>
      <c r="Y15" s="168">
        <v>5</v>
      </c>
      <c r="Z15" s="169">
        <v>1</v>
      </c>
      <c r="AA15" s="170">
        <v>6</v>
      </c>
      <c r="AB15" s="439">
        <v>0</v>
      </c>
      <c r="AC15" s="169">
        <v>8</v>
      </c>
      <c r="AD15" s="169">
        <v>1</v>
      </c>
      <c r="AE15" s="169">
        <v>5</v>
      </c>
      <c r="AF15" s="169">
        <v>1</v>
      </c>
      <c r="AG15" s="169">
        <v>1</v>
      </c>
      <c r="AH15" s="170">
        <v>16</v>
      </c>
      <c r="AI15" s="171">
        <v>22</v>
      </c>
      <c r="AJ15" s="168">
        <v>6</v>
      </c>
      <c r="AK15" s="169">
        <v>8</v>
      </c>
      <c r="AL15" s="170">
        <v>14</v>
      </c>
      <c r="AM15" s="439">
        <v>0</v>
      </c>
      <c r="AN15" s="169">
        <v>18</v>
      </c>
      <c r="AO15" s="169">
        <v>7</v>
      </c>
      <c r="AP15" s="169">
        <v>6</v>
      </c>
      <c r="AQ15" s="169">
        <v>3</v>
      </c>
      <c r="AR15" s="169">
        <v>1</v>
      </c>
      <c r="AS15" s="170">
        <v>35</v>
      </c>
      <c r="AT15" s="171">
        <v>49</v>
      </c>
      <c r="AU15" s="168">
        <v>13</v>
      </c>
      <c r="AV15" s="169">
        <v>8</v>
      </c>
      <c r="AW15" s="170">
        <v>21</v>
      </c>
      <c r="AX15" s="439">
        <v>0</v>
      </c>
      <c r="AY15" s="169">
        <v>22</v>
      </c>
      <c r="AZ15" s="169">
        <v>11</v>
      </c>
      <c r="BA15" s="169">
        <v>9</v>
      </c>
      <c r="BB15" s="169">
        <v>11</v>
      </c>
      <c r="BC15" s="169">
        <v>5</v>
      </c>
      <c r="BD15" s="170">
        <v>58</v>
      </c>
      <c r="BE15" s="171">
        <v>79</v>
      </c>
      <c r="BF15" s="168">
        <v>17</v>
      </c>
      <c r="BG15" s="169">
        <v>13</v>
      </c>
      <c r="BH15" s="170">
        <v>30</v>
      </c>
      <c r="BI15" s="439">
        <v>0</v>
      </c>
      <c r="BJ15" s="169">
        <v>27</v>
      </c>
      <c r="BK15" s="169">
        <v>21</v>
      </c>
      <c r="BL15" s="169">
        <v>9</v>
      </c>
      <c r="BM15" s="169">
        <v>6</v>
      </c>
      <c r="BN15" s="169">
        <v>4</v>
      </c>
      <c r="BO15" s="170">
        <v>67</v>
      </c>
      <c r="BP15" s="171">
        <v>97</v>
      </c>
      <c r="BQ15" s="168">
        <v>11</v>
      </c>
      <c r="BR15" s="169">
        <v>8</v>
      </c>
      <c r="BS15" s="170">
        <v>19</v>
      </c>
      <c r="BT15" s="439">
        <v>0</v>
      </c>
      <c r="BU15" s="169">
        <v>21</v>
      </c>
      <c r="BV15" s="169">
        <v>14</v>
      </c>
      <c r="BW15" s="169">
        <v>13</v>
      </c>
      <c r="BX15" s="169">
        <v>4</v>
      </c>
      <c r="BY15" s="169">
        <v>6</v>
      </c>
      <c r="BZ15" s="170">
        <v>58</v>
      </c>
      <c r="CA15" s="171">
        <v>77</v>
      </c>
      <c r="CB15" s="168">
        <v>0</v>
      </c>
      <c r="CC15" s="169">
        <v>0</v>
      </c>
      <c r="CD15" s="170">
        <v>0</v>
      </c>
      <c r="CE15" s="439">
        <v>0</v>
      </c>
      <c r="CF15" s="169">
        <v>0</v>
      </c>
      <c r="CG15" s="169">
        <v>0</v>
      </c>
      <c r="CH15" s="169">
        <v>0</v>
      </c>
      <c r="CI15" s="169">
        <v>0</v>
      </c>
      <c r="CJ15" s="169">
        <v>0</v>
      </c>
      <c r="CK15" s="170">
        <v>0</v>
      </c>
      <c r="CL15" s="171">
        <v>0</v>
      </c>
      <c r="CM15" s="168">
        <v>53</v>
      </c>
      <c r="CN15" s="169">
        <v>39</v>
      </c>
      <c r="CO15" s="170">
        <v>92</v>
      </c>
      <c r="CP15" s="439">
        <v>0</v>
      </c>
      <c r="CQ15" s="169">
        <v>100</v>
      </c>
      <c r="CR15" s="169">
        <v>55</v>
      </c>
      <c r="CS15" s="169">
        <v>42</v>
      </c>
      <c r="CT15" s="169">
        <v>27</v>
      </c>
      <c r="CU15" s="169">
        <v>18</v>
      </c>
      <c r="CV15" s="170">
        <v>242</v>
      </c>
      <c r="CW15" s="171">
        <v>334</v>
      </c>
      <c r="CX15" s="172">
        <v>23</v>
      </c>
      <c r="CY15" s="164">
        <v>19</v>
      </c>
      <c r="CZ15" s="165">
        <v>42</v>
      </c>
      <c r="DA15" s="439">
        <v>0</v>
      </c>
      <c r="DB15" s="164">
        <v>46</v>
      </c>
      <c r="DC15" s="164">
        <v>23</v>
      </c>
      <c r="DD15" s="164">
        <v>20</v>
      </c>
      <c r="DE15" s="164">
        <v>34</v>
      </c>
      <c r="DF15" s="164">
        <v>11</v>
      </c>
      <c r="DG15" s="166">
        <v>134</v>
      </c>
      <c r="DH15" s="167">
        <v>176</v>
      </c>
      <c r="DI15" s="168">
        <v>0</v>
      </c>
      <c r="DJ15" s="169">
        <v>1</v>
      </c>
      <c r="DK15" s="170">
        <v>1</v>
      </c>
      <c r="DL15" s="439">
        <v>0</v>
      </c>
      <c r="DM15" s="169">
        <v>2</v>
      </c>
      <c r="DN15" s="169">
        <v>1</v>
      </c>
      <c r="DO15" s="169">
        <v>0</v>
      </c>
      <c r="DP15" s="169">
        <v>0</v>
      </c>
      <c r="DQ15" s="169">
        <v>0</v>
      </c>
      <c r="DR15" s="170">
        <v>3</v>
      </c>
      <c r="DS15" s="171">
        <v>4</v>
      </c>
      <c r="DT15" s="168">
        <v>1</v>
      </c>
      <c r="DU15" s="169">
        <v>1</v>
      </c>
      <c r="DV15" s="170">
        <v>2</v>
      </c>
      <c r="DW15" s="439">
        <v>0</v>
      </c>
      <c r="DX15" s="169">
        <v>3</v>
      </c>
      <c r="DY15" s="169">
        <v>2</v>
      </c>
      <c r="DZ15" s="169">
        <v>0</v>
      </c>
      <c r="EA15" s="169">
        <v>2</v>
      </c>
      <c r="EB15" s="169">
        <v>2</v>
      </c>
      <c r="EC15" s="170">
        <v>9</v>
      </c>
      <c r="ED15" s="171">
        <v>11</v>
      </c>
      <c r="EE15" s="168">
        <v>2</v>
      </c>
      <c r="EF15" s="169">
        <v>5</v>
      </c>
      <c r="EG15" s="170">
        <v>7</v>
      </c>
      <c r="EH15" s="439">
        <v>0</v>
      </c>
      <c r="EI15" s="169">
        <v>4</v>
      </c>
      <c r="EJ15" s="169">
        <v>1</v>
      </c>
      <c r="EK15" s="169">
        <v>1</v>
      </c>
      <c r="EL15" s="169">
        <v>2</v>
      </c>
      <c r="EM15" s="169">
        <v>1</v>
      </c>
      <c r="EN15" s="170">
        <v>9</v>
      </c>
      <c r="EO15" s="171">
        <v>16</v>
      </c>
      <c r="EP15" s="168">
        <v>5</v>
      </c>
      <c r="EQ15" s="169">
        <v>3</v>
      </c>
      <c r="ER15" s="170">
        <v>8</v>
      </c>
      <c r="ES15" s="439">
        <v>0</v>
      </c>
      <c r="ET15" s="169">
        <v>8</v>
      </c>
      <c r="EU15" s="169">
        <v>4</v>
      </c>
      <c r="EV15" s="169">
        <v>3</v>
      </c>
      <c r="EW15" s="169">
        <v>2</v>
      </c>
      <c r="EX15" s="169">
        <v>1</v>
      </c>
      <c r="EY15" s="170">
        <v>18</v>
      </c>
      <c r="EZ15" s="171">
        <v>26</v>
      </c>
      <c r="FA15" s="168">
        <v>13</v>
      </c>
      <c r="FB15" s="169">
        <v>4</v>
      </c>
      <c r="FC15" s="170">
        <v>17</v>
      </c>
      <c r="FD15" s="439">
        <v>0</v>
      </c>
      <c r="FE15" s="169">
        <v>13</v>
      </c>
      <c r="FF15" s="169">
        <v>8</v>
      </c>
      <c r="FG15" s="169">
        <v>5</v>
      </c>
      <c r="FH15" s="169">
        <v>8</v>
      </c>
      <c r="FI15" s="169">
        <v>2</v>
      </c>
      <c r="FJ15" s="170">
        <v>36</v>
      </c>
      <c r="FK15" s="171">
        <v>53</v>
      </c>
      <c r="FL15" s="168">
        <v>2</v>
      </c>
      <c r="FM15" s="169">
        <v>5</v>
      </c>
      <c r="FN15" s="170">
        <v>7</v>
      </c>
      <c r="FO15" s="439">
        <v>0</v>
      </c>
      <c r="FP15" s="169">
        <v>16</v>
      </c>
      <c r="FQ15" s="169">
        <v>7</v>
      </c>
      <c r="FR15" s="169">
        <v>11</v>
      </c>
      <c r="FS15" s="169">
        <v>20</v>
      </c>
      <c r="FT15" s="169">
        <v>5</v>
      </c>
      <c r="FU15" s="170">
        <v>59</v>
      </c>
      <c r="FV15" s="171">
        <v>66</v>
      </c>
      <c r="FW15" s="168">
        <v>0</v>
      </c>
      <c r="FX15" s="169">
        <v>0</v>
      </c>
      <c r="FY15" s="170">
        <v>0</v>
      </c>
      <c r="FZ15" s="439">
        <v>0</v>
      </c>
      <c r="GA15" s="169">
        <v>0</v>
      </c>
      <c r="GB15" s="169">
        <v>0</v>
      </c>
      <c r="GC15" s="169">
        <v>0</v>
      </c>
      <c r="GD15" s="169">
        <v>0</v>
      </c>
      <c r="GE15" s="169">
        <v>0</v>
      </c>
      <c r="GF15" s="170">
        <v>0</v>
      </c>
      <c r="GG15" s="171">
        <v>0</v>
      </c>
      <c r="GH15" s="168">
        <v>23</v>
      </c>
      <c r="GI15" s="169">
        <v>19</v>
      </c>
      <c r="GJ15" s="170">
        <v>42</v>
      </c>
      <c r="GK15" s="439">
        <v>0</v>
      </c>
      <c r="GL15" s="169">
        <v>46</v>
      </c>
      <c r="GM15" s="169">
        <v>23</v>
      </c>
      <c r="GN15" s="169">
        <v>20</v>
      </c>
      <c r="GO15" s="169">
        <v>34</v>
      </c>
      <c r="GP15" s="169">
        <v>11</v>
      </c>
      <c r="GQ15" s="170">
        <v>134</v>
      </c>
      <c r="GR15" s="171">
        <v>176</v>
      </c>
      <c r="GS15" s="172">
        <v>76</v>
      </c>
      <c r="GT15" s="164">
        <v>58</v>
      </c>
      <c r="GU15" s="165">
        <v>134</v>
      </c>
      <c r="GV15" s="439">
        <v>0</v>
      </c>
      <c r="GW15" s="164">
        <v>146</v>
      </c>
      <c r="GX15" s="164">
        <v>78</v>
      </c>
      <c r="GY15" s="164">
        <v>62</v>
      </c>
      <c r="GZ15" s="164">
        <v>61</v>
      </c>
      <c r="HA15" s="164">
        <v>29</v>
      </c>
      <c r="HB15" s="166">
        <v>376</v>
      </c>
      <c r="HC15" s="167">
        <v>510</v>
      </c>
      <c r="HD15" s="168">
        <v>1</v>
      </c>
      <c r="HE15" s="169">
        <v>2</v>
      </c>
      <c r="HF15" s="170">
        <v>3</v>
      </c>
      <c r="HG15" s="439">
        <v>0</v>
      </c>
      <c r="HH15" s="169">
        <v>6</v>
      </c>
      <c r="HI15" s="169">
        <v>2</v>
      </c>
      <c r="HJ15" s="169">
        <v>0</v>
      </c>
      <c r="HK15" s="169">
        <v>2</v>
      </c>
      <c r="HL15" s="169">
        <v>1</v>
      </c>
      <c r="HM15" s="170">
        <v>11</v>
      </c>
      <c r="HN15" s="171">
        <v>14</v>
      </c>
      <c r="HO15" s="168">
        <v>6</v>
      </c>
      <c r="HP15" s="169">
        <v>2</v>
      </c>
      <c r="HQ15" s="170">
        <v>8</v>
      </c>
      <c r="HR15" s="439">
        <v>0</v>
      </c>
      <c r="HS15" s="169">
        <v>11</v>
      </c>
      <c r="HT15" s="169">
        <v>3</v>
      </c>
      <c r="HU15" s="169">
        <v>5</v>
      </c>
      <c r="HV15" s="169">
        <v>3</v>
      </c>
      <c r="HW15" s="169">
        <v>3</v>
      </c>
      <c r="HX15" s="170">
        <v>25</v>
      </c>
      <c r="HY15" s="171">
        <v>33</v>
      </c>
      <c r="HZ15" s="168">
        <v>8</v>
      </c>
      <c r="IA15" s="169">
        <v>13</v>
      </c>
      <c r="IB15" s="170">
        <v>21</v>
      </c>
      <c r="IC15" s="439">
        <v>0</v>
      </c>
      <c r="ID15" s="169">
        <v>22</v>
      </c>
      <c r="IE15" s="169">
        <v>8</v>
      </c>
      <c r="IF15" s="169">
        <v>7</v>
      </c>
      <c r="IG15" s="169">
        <v>5</v>
      </c>
      <c r="IH15" s="169">
        <v>2</v>
      </c>
      <c r="II15" s="170">
        <v>44</v>
      </c>
      <c r="IJ15" s="171">
        <v>65</v>
      </c>
      <c r="IK15" s="168">
        <v>18</v>
      </c>
      <c r="IL15" s="169">
        <v>11</v>
      </c>
      <c r="IM15" s="170">
        <v>29</v>
      </c>
      <c r="IN15" s="439">
        <v>0</v>
      </c>
      <c r="IO15" s="169">
        <v>30</v>
      </c>
      <c r="IP15" s="169">
        <v>15</v>
      </c>
      <c r="IQ15" s="169">
        <v>12</v>
      </c>
      <c r="IR15" s="169">
        <v>13</v>
      </c>
      <c r="IS15" s="169">
        <v>6</v>
      </c>
      <c r="IT15" s="170">
        <v>76</v>
      </c>
      <c r="IU15" s="171">
        <v>105</v>
      </c>
      <c r="IV15" s="168">
        <v>30</v>
      </c>
      <c r="IW15" s="169">
        <v>17</v>
      </c>
      <c r="IX15" s="170">
        <v>47</v>
      </c>
      <c r="IY15" s="439">
        <v>0</v>
      </c>
      <c r="IZ15" s="169">
        <v>40</v>
      </c>
      <c r="JA15" s="169">
        <v>29</v>
      </c>
      <c r="JB15" s="169">
        <v>14</v>
      </c>
      <c r="JC15" s="169">
        <v>14</v>
      </c>
      <c r="JD15" s="169">
        <v>6</v>
      </c>
      <c r="JE15" s="170">
        <v>103</v>
      </c>
      <c r="JF15" s="171">
        <v>150</v>
      </c>
      <c r="JG15" s="168">
        <v>13</v>
      </c>
      <c r="JH15" s="169">
        <v>13</v>
      </c>
      <c r="JI15" s="170">
        <v>26</v>
      </c>
      <c r="JJ15" s="439">
        <v>0</v>
      </c>
      <c r="JK15" s="169">
        <v>37</v>
      </c>
      <c r="JL15" s="169">
        <v>21</v>
      </c>
      <c r="JM15" s="169">
        <v>24</v>
      </c>
      <c r="JN15" s="169">
        <v>24</v>
      </c>
      <c r="JO15" s="169">
        <v>11</v>
      </c>
      <c r="JP15" s="170">
        <v>117</v>
      </c>
      <c r="JQ15" s="171">
        <v>143</v>
      </c>
      <c r="JR15" s="168">
        <v>0</v>
      </c>
      <c r="JS15" s="169">
        <v>0</v>
      </c>
      <c r="JT15" s="170">
        <v>0</v>
      </c>
      <c r="JU15" s="439">
        <v>0</v>
      </c>
      <c r="JV15" s="169">
        <v>0</v>
      </c>
      <c r="JW15" s="169">
        <v>0</v>
      </c>
      <c r="JX15" s="169">
        <v>0</v>
      </c>
      <c r="JY15" s="169">
        <v>0</v>
      </c>
      <c r="JZ15" s="169">
        <v>0</v>
      </c>
      <c r="KA15" s="170">
        <v>0</v>
      </c>
      <c r="KB15" s="171">
        <v>0</v>
      </c>
      <c r="KC15" s="168">
        <v>76</v>
      </c>
      <c r="KD15" s="169">
        <v>58</v>
      </c>
      <c r="KE15" s="170">
        <v>134</v>
      </c>
      <c r="KF15" s="439">
        <v>0</v>
      </c>
      <c r="KG15" s="169">
        <v>146</v>
      </c>
      <c r="KH15" s="169">
        <v>78</v>
      </c>
      <c r="KI15" s="169">
        <v>62</v>
      </c>
      <c r="KJ15" s="169">
        <v>61</v>
      </c>
      <c r="KK15" s="169">
        <v>29</v>
      </c>
      <c r="KL15" s="170">
        <v>376</v>
      </c>
      <c r="KM15" s="171">
        <v>510</v>
      </c>
    </row>
    <row r="16" spans="2:299" s="137" customFormat="1" ht="21" customHeight="1" x14ac:dyDescent="0.2">
      <c r="B16" s="173" t="s">
        <v>12</v>
      </c>
      <c r="C16" s="163">
        <v>128</v>
      </c>
      <c r="D16" s="164">
        <v>119</v>
      </c>
      <c r="E16" s="165">
        <v>247</v>
      </c>
      <c r="F16" s="439">
        <v>0</v>
      </c>
      <c r="G16" s="164">
        <v>113</v>
      </c>
      <c r="H16" s="164">
        <v>95</v>
      </c>
      <c r="I16" s="164">
        <v>56</v>
      </c>
      <c r="J16" s="164">
        <v>58</v>
      </c>
      <c r="K16" s="164">
        <v>34</v>
      </c>
      <c r="L16" s="166">
        <v>356</v>
      </c>
      <c r="M16" s="167">
        <v>603</v>
      </c>
      <c r="N16" s="174">
        <v>6</v>
      </c>
      <c r="O16" s="169">
        <v>5</v>
      </c>
      <c r="P16" s="170">
        <v>11</v>
      </c>
      <c r="Q16" s="439">
        <v>0</v>
      </c>
      <c r="R16" s="169">
        <v>1</v>
      </c>
      <c r="S16" s="169">
        <v>1</v>
      </c>
      <c r="T16" s="169">
        <v>3</v>
      </c>
      <c r="U16" s="169">
        <v>1</v>
      </c>
      <c r="V16" s="169">
        <v>2</v>
      </c>
      <c r="W16" s="170">
        <v>8</v>
      </c>
      <c r="X16" s="171">
        <v>19</v>
      </c>
      <c r="Y16" s="168">
        <v>11</v>
      </c>
      <c r="Z16" s="169">
        <v>11</v>
      </c>
      <c r="AA16" s="170">
        <v>22</v>
      </c>
      <c r="AB16" s="439">
        <v>0</v>
      </c>
      <c r="AC16" s="169">
        <v>7</v>
      </c>
      <c r="AD16" s="169">
        <v>7</v>
      </c>
      <c r="AE16" s="169">
        <v>4</v>
      </c>
      <c r="AF16" s="169">
        <v>1</v>
      </c>
      <c r="AG16" s="169">
        <v>2</v>
      </c>
      <c r="AH16" s="170">
        <v>21</v>
      </c>
      <c r="AI16" s="171">
        <v>43</v>
      </c>
      <c r="AJ16" s="174">
        <v>13</v>
      </c>
      <c r="AK16" s="169">
        <v>12</v>
      </c>
      <c r="AL16" s="170">
        <v>25</v>
      </c>
      <c r="AM16" s="439">
        <v>0</v>
      </c>
      <c r="AN16" s="169">
        <v>11</v>
      </c>
      <c r="AO16" s="169">
        <v>12</v>
      </c>
      <c r="AP16" s="169">
        <v>4</v>
      </c>
      <c r="AQ16" s="169">
        <v>8</v>
      </c>
      <c r="AR16" s="169">
        <v>2</v>
      </c>
      <c r="AS16" s="170">
        <v>37</v>
      </c>
      <c r="AT16" s="171">
        <v>62</v>
      </c>
      <c r="AU16" s="168">
        <v>23</v>
      </c>
      <c r="AV16" s="169">
        <v>32</v>
      </c>
      <c r="AW16" s="170">
        <v>55</v>
      </c>
      <c r="AX16" s="439">
        <v>0</v>
      </c>
      <c r="AY16" s="169">
        <v>20</v>
      </c>
      <c r="AZ16" s="169">
        <v>19</v>
      </c>
      <c r="BA16" s="169">
        <v>14</v>
      </c>
      <c r="BB16" s="169">
        <v>10</v>
      </c>
      <c r="BC16" s="169">
        <v>13</v>
      </c>
      <c r="BD16" s="170">
        <v>76</v>
      </c>
      <c r="BE16" s="171">
        <v>131</v>
      </c>
      <c r="BF16" s="174">
        <v>45</v>
      </c>
      <c r="BG16" s="169">
        <v>26</v>
      </c>
      <c r="BH16" s="170">
        <v>71</v>
      </c>
      <c r="BI16" s="439">
        <v>0</v>
      </c>
      <c r="BJ16" s="169">
        <v>38</v>
      </c>
      <c r="BK16" s="169">
        <v>27</v>
      </c>
      <c r="BL16" s="169">
        <v>18</v>
      </c>
      <c r="BM16" s="169">
        <v>20</v>
      </c>
      <c r="BN16" s="169">
        <v>7</v>
      </c>
      <c r="BO16" s="170">
        <v>110</v>
      </c>
      <c r="BP16" s="171">
        <v>181</v>
      </c>
      <c r="BQ16" s="168">
        <v>30</v>
      </c>
      <c r="BR16" s="169">
        <v>33</v>
      </c>
      <c r="BS16" s="170">
        <v>63</v>
      </c>
      <c r="BT16" s="439">
        <v>0</v>
      </c>
      <c r="BU16" s="169">
        <v>36</v>
      </c>
      <c r="BV16" s="169">
        <v>29</v>
      </c>
      <c r="BW16" s="169">
        <v>13</v>
      </c>
      <c r="BX16" s="169">
        <v>18</v>
      </c>
      <c r="BY16" s="169">
        <v>8</v>
      </c>
      <c r="BZ16" s="170">
        <v>104</v>
      </c>
      <c r="CA16" s="171">
        <v>167</v>
      </c>
      <c r="CB16" s="168">
        <v>0</v>
      </c>
      <c r="CC16" s="169">
        <v>0</v>
      </c>
      <c r="CD16" s="170">
        <v>0</v>
      </c>
      <c r="CE16" s="439">
        <v>0</v>
      </c>
      <c r="CF16" s="169">
        <v>0</v>
      </c>
      <c r="CG16" s="169">
        <v>0</v>
      </c>
      <c r="CH16" s="169">
        <v>0</v>
      </c>
      <c r="CI16" s="169">
        <v>0</v>
      </c>
      <c r="CJ16" s="169">
        <v>0</v>
      </c>
      <c r="CK16" s="170">
        <v>0</v>
      </c>
      <c r="CL16" s="171">
        <v>0</v>
      </c>
      <c r="CM16" s="168">
        <v>128</v>
      </c>
      <c r="CN16" s="169">
        <v>119</v>
      </c>
      <c r="CO16" s="170">
        <v>247</v>
      </c>
      <c r="CP16" s="439">
        <v>0</v>
      </c>
      <c r="CQ16" s="169">
        <v>113</v>
      </c>
      <c r="CR16" s="169">
        <v>95</v>
      </c>
      <c r="CS16" s="169">
        <v>56</v>
      </c>
      <c r="CT16" s="169">
        <v>58</v>
      </c>
      <c r="CU16" s="169">
        <v>34</v>
      </c>
      <c r="CV16" s="170">
        <v>356</v>
      </c>
      <c r="CW16" s="171">
        <v>603</v>
      </c>
      <c r="CX16" s="172">
        <v>33</v>
      </c>
      <c r="CY16" s="164">
        <v>45</v>
      </c>
      <c r="CZ16" s="165">
        <v>78</v>
      </c>
      <c r="DA16" s="439">
        <v>0</v>
      </c>
      <c r="DB16" s="164">
        <v>39</v>
      </c>
      <c r="DC16" s="164">
        <v>34</v>
      </c>
      <c r="DD16" s="164">
        <v>17</v>
      </c>
      <c r="DE16" s="164">
        <v>33</v>
      </c>
      <c r="DF16" s="164">
        <v>15</v>
      </c>
      <c r="DG16" s="166">
        <v>138</v>
      </c>
      <c r="DH16" s="167">
        <v>216</v>
      </c>
      <c r="DI16" s="174">
        <v>0</v>
      </c>
      <c r="DJ16" s="169">
        <v>0</v>
      </c>
      <c r="DK16" s="170">
        <v>0</v>
      </c>
      <c r="DL16" s="439">
        <v>0</v>
      </c>
      <c r="DM16" s="169">
        <v>0</v>
      </c>
      <c r="DN16" s="169">
        <v>0</v>
      </c>
      <c r="DO16" s="169">
        <v>2</v>
      </c>
      <c r="DP16" s="169">
        <v>0</v>
      </c>
      <c r="DQ16" s="169">
        <v>0</v>
      </c>
      <c r="DR16" s="170">
        <v>2</v>
      </c>
      <c r="DS16" s="171">
        <v>2</v>
      </c>
      <c r="DT16" s="168">
        <v>3</v>
      </c>
      <c r="DU16" s="169">
        <v>3</v>
      </c>
      <c r="DV16" s="170">
        <v>6</v>
      </c>
      <c r="DW16" s="439">
        <v>0</v>
      </c>
      <c r="DX16" s="169">
        <v>1</v>
      </c>
      <c r="DY16" s="169">
        <v>0</v>
      </c>
      <c r="DZ16" s="169">
        <v>0</v>
      </c>
      <c r="EA16" s="169">
        <v>2</v>
      </c>
      <c r="EB16" s="169">
        <v>0</v>
      </c>
      <c r="EC16" s="170">
        <v>3</v>
      </c>
      <c r="ED16" s="171">
        <v>9</v>
      </c>
      <c r="EE16" s="174">
        <v>8</v>
      </c>
      <c r="EF16" s="169">
        <v>3</v>
      </c>
      <c r="EG16" s="170">
        <v>11</v>
      </c>
      <c r="EH16" s="439">
        <v>0</v>
      </c>
      <c r="EI16" s="169">
        <v>3</v>
      </c>
      <c r="EJ16" s="169">
        <v>3</v>
      </c>
      <c r="EK16" s="169">
        <v>0</v>
      </c>
      <c r="EL16" s="169">
        <v>0</v>
      </c>
      <c r="EM16" s="169">
        <v>3</v>
      </c>
      <c r="EN16" s="170">
        <v>9</v>
      </c>
      <c r="EO16" s="171">
        <v>20</v>
      </c>
      <c r="EP16" s="168">
        <v>9</v>
      </c>
      <c r="EQ16" s="169">
        <v>11</v>
      </c>
      <c r="ER16" s="170">
        <v>20</v>
      </c>
      <c r="ES16" s="439">
        <v>0</v>
      </c>
      <c r="ET16" s="169">
        <v>6</v>
      </c>
      <c r="EU16" s="169">
        <v>8</v>
      </c>
      <c r="EV16" s="169">
        <v>3</v>
      </c>
      <c r="EW16" s="169">
        <v>6</v>
      </c>
      <c r="EX16" s="169">
        <v>4</v>
      </c>
      <c r="EY16" s="170">
        <v>27</v>
      </c>
      <c r="EZ16" s="171">
        <v>47</v>
      </c>
      <c r="FA16" s="174">
        <v>7</v>
      </c>
      <c r="FB16" s="169">
        <v>15</v>
      </c>
      <c r="FC16" s="170">
        <v>22</v>
      </c>
      <c r="FD16" s="439">
        <v>0</v>
      </c>
      <c r="FE16" s="169">
        <v>13</v>
      </c>
      <c r="FF16" s="169">
        <v>14</v>
      </c>
      <c r="FG16" s="169">
        <v>5</v>
      </c>
      <c r="FH16" s="169">
        <v>6</v>
      </c>
      <c r="FI16" s="169">
        <v>4</v>
      </c>
      <c r="FJ16" s="170">
        <v>42</v>
      </c>
      <c r="FK16" s="171">
        <v>64</v>
      </c>
      <c r="FL16" s="168">
        <v>6</v>
      </c>
      <c r="FM16" s="169">
        <v>13</v>
      </c>
      <c r="FN16" s="170">
        <v>19</v>
      </c>
      <c r="FO16" s="439">
        <v>0</v>
      </c>
      <c r="FP16" s="169">
        <v>16</v>
      </c>
      <c r="FQ16" s="169">
        <v>9</v>
      </c>
      <c r="FR16" s="169">
        <v>7</v>
      </c>
      <c r="FS16" s="169">
        <v>19</v>
      </c>
      <c r="FT16" s="169">
        <v>4</v>
      </c>
      <c r="FU16" s="170">
        <v>55</v>
      </c>
      <c r="FV16" s="171">
        <v>74</v>
      </c>
      <c r="FW16" s="168">
        <v>0</v>
      </c>
      <c r="FX16" s="169">
        <v>0</v>
      </c>
      <c r="FY16" s="170">
        <v>0</v>
      </c>
      <c r="FZ16" s="439">
        <v>0</v>
      </c>
      <c r="GA16" s="169">
        <v>0</v>
      </c>
      <c r="GB16" s="169">
        <v>0</v>
      </c>
      <c r="GC16" s="169">
        <v>0</v>
      </c>
      <c r="GD16" s="169">
        <v>0</v>
      </c>
      <c r="GE16" s="169">
        <v>0</v>
      </c>
      <c r="GF16" s="170">
        <v>0</v>
      </c>
      <c r="GG16" s="171">
        <v>0</v>
      </c>
      <c r="GH16" s="168">
        <v>33</v>
      </c>
      <c r="GI16" s="169">
        <v>45</v>
      </c>
      <c r="GJ16" s="170">
        <v>78</v>
      </c>
      <c r="GK16" s="439">
        <v>0</v>
      </c>
      <c r="GL16" s="169">
        <v>39</v>
      </c>
      <c r="GM16" s="169">
        <v>34</v>
      </c>
      <c r="GN16" s="169">
        <v>17</v>
      </c>
      <c r="GO16" s="169">
        <v>33</v>
      </c>
      <c r="GP16" s="169">
        <v>15</v>
      </c>
      <c r="GQ16" s="170">
        <v>138</v>
      </c>
      <c r="GR16" s="171">
        <v>216</v>
      </c>
      <c r="GS16" s="172">
        <v>161</v>
      </c>
      <c r="GT16" s="164">
        <v>164</v>
      </c>
      <c r="GU16" s="165">
        <v>325</v>
      </c>
      <c r="GV16" s="439">
        <v>0</v>
      </c>
      <c r="GW16" s="164">
        <v>152</v>
      </c>
      <c r="GX16" s="164">
        <v>129</v>
      </c>
      <c r="GY16" s="164">
        <v>73</v>
      </c>
      <c r="GZ16" s="164">
        <v>91</v>
      </c>
      <c r="HA16" s="164">
        <v>49</v>
      </c>
      <c r="HB16" s="166">
        <v>494</v>
      </c>
      <c r="HC16" s="167">
        <v>819</v>
      </c>
      <c r="HD16" s="174">
        <v>6</v>
      </c>
      <c r="HE16" s="169">
        <v>5</v>
      </c>
      <c r="HF16" s="170">
        <v>11</v>
      </c>
      <c r="HG16" s="439">
        <v>0</v>
      </c>
      <c r="HH16" s="169">
        <v>1</v>
      </c>
      <c r="HI16" s="169">
        <v>1</v>
      </c>
      <c r="HJ16" s="169">
        <v>5</v>
      </c>
      <c r="HK16" s="169">
        <v>1</v>
      </c>
      <c r="HL16" s="169">
        <v>2</v>
      </c>
      <c r="HM16" s="170">
        <v>10</v>
      </c>
      <c r="HN16" s="171">
        <v>21</v>
      </c>
      <c r="HO16" s="168">
        <v>14</v>
      </c>
      <c r="HP16" s="169">
        <v>14</v>
      </c>
      <c r="HQ16" s="170">
        <v>28</v>
      </c>
      <c r="HR16" s="439">
        <v>0</v>
      </c>
      <c r="HS16" s="169">
        <v>8</v>
      </c>
      <c r="HT16" s="169">
        <v>7</v>
      </c>
      <c r="HU16" s="169">
        <v>4</v>
      </c>
      <c r="HV16" s="169">
        <v>3</v>
      </c>
      <c r="HW16" s="169">
        <v>2</v>
      </c>
      <c r="HX16" s="170">
        <v>24</v>
      </c>
      <c r="HY16" s="171">
        <v>52</v>
      </c>
      <c r="HZ16" s="174">
        <v>21</v>
      </c>
      <c r="IA16" s="169">
        <v>15</v>
      </c>
      <c r="IB16" s="170">
        <v>36</v>
      </c>
      <c r="IC16" s="439">
        <v>0</v>
      </c>
      <c r="ID16" s="169">
        <v>14</v>
      </c>
      <c r="IE16" s="169">
        <v>15</v>
      </c>
      <c r="IF16" s="169">
        <v>4</v>
      </c>
      <c r="IG16" s="169">
        <v>8</v>
      </c>
      <c r="IH16" s="169">
        <v>5</v>
      </c>
      <c r="II16" s="170">
        <v>46</v>
      </c>
      <c r="IJ16" s="171">
        <v>82</v>
      </c>
      <c r="IK16" s="168">
        <v>32</v>
      </c>
      <c r="IL16" s="169">
        <v>43</v>
      </c>
      <c r="IM16" s="170">
        <v>75</v>
      </c>
      <c r="IN16" s="439">
        <v>0</v>
      </c>
      <c r="IO16" s="169">
        <v>26</v>
      </c>
      <c r="IP16" s="169">
        <v>27</v>
      </c>
      <c r="IQ16" s="169">
        <v>17</v>
      </c>
      <c r="IR16" s="169">
        <v>16</v>
      </c>
      <c r="IS16" s="169">
        <v>17</v>
      </c>
      <c r="IT16" s="170">
        <v>103</v>
      </c>
      <c r="IU16" s="171">
        <v>178</v>
      </c>
      <c r="IV16" s="174">
        <v>52</v>
      </c>
      <c r="IW16" s="169">
        <v>41</v>
      </c>
      <c r="IX16" s="170">
        <v>93</v>
      </c>
      <c r="IY16" s="439">
        <v>0</v>
      </c>
      <c r="IZ16" s="169">
        <v>51</v>
      </c>
      <c r="JA16" s="169">
        <v>41</v>
      </c>
      <c r="JB16" s="169">
        <v>23</v>
      </c>
      <c r="JC16" s="169">
        <v>26</v>
      </c>
      <c r="JD16" s="169">
        <v>11</v>
      </c>
      <c r="JE16" s="170">
        <v>152</v>
      </c>
      <c r="JF16" s="171">
        <v>245</v>
      </c>
      <c r="JG16" s="168">
        <v>36</v>
      </c>
      <c r="JH16" s="169">
        <v>46</v>
      </c>
      <c r="JI16" s="170">
        <v>82</v>
      </c>
      <c r="JJ16" s="439">
        <v>0</v>
      </c>
      <c r="JK16" s="169">
        <v>52</v>
      </c>
      <c r="JL16" s="169">
        <v>38</v>
      </c>
      <c r="JM16" s="169">
        <v>20</v>
      </c>
      <c r="JN16" s="169">
        <v>37</v>
      </c>
      <c r="JO16" s="169">
        <v>12</v>
      </c>
      <c r="JP16" s="170">
        <v>159</v>
      </c>
      <c r="JQ16" s="171">
        <v>241</v>
      </c>
      <c r="JR16" s="168">
        <v>0</v>
      </c>
      <c r="JS16" s="169">
        <v>0</v>
      </c>
      <c r="JT16" s="170">
        <v>0</v>
      </c>
      <c r="JU16" s="439">
        <v>0</v>
      </c>
      <c r="JV16" s="169">
        <v>0</v>
      </c>
      <c r="JW16" s="169">
        <v>0</v>
      </c>
      <c r="JX16" s="169">
        <v>0</v>
      </c>
      <c r="JY16" s="169">
        <v>0</v>
      </c>
      <c r="JZ16" s="169">
        <v>0</v>
      </c>
      <c r="KA16" s="170">
        <v>0</v>
      </c>
      <c r="KB16" s="171">
        <v>0</v>
      </c>
      <c r="KC16" s="168">
        <v>161</v>
      </c>
      <c r="KD16" s="169">
        <v>164</v>
      </c>
      <c r="KE16" s="170">
        <v>325</v>
      </c>
      <c r="KF16" s="439">
        <v>0</v>
      </c>
      <c r="KG16" s="169">
        <v>152</v>
      </c>
      <c r="KH16" s="169">
        <v>129</v>
      </c>
      <c r="KI16" s="169">
        <v>73</v>
      </c>
      <c r="KJ16" s="169">
        <v>91</v>
      </c>
      <c r="KK16" s="169">
        <v>49</v>
      </c>
      <c r="KL16" s="170">
        <v>494</v>
      </c>
      <c r="KM16" s="171">
        <v>819</v>
      </c>
    </row>
    <row r="17" spans="2:299" s="137" customFormat="1" ht="21" customHeight="1" x14ac:dyDescent="0.2">
      <c r="B17" s="173" t="s">
        <v>13</v>
      </c>
      <c r="C17" s="163">
        <v>52</v>
      </c>
      <c r="D17" s="164">
        <v>50</v>
      </c>
      <c r="E17" s="165">
        <v>102</v>
      </c>
      <c r="F17" s="439">
        <v>0</v>
      </c>
      <c r="G17" s="164">
        <v>77</v>
      </c>
      <c r="H17" s="164">
        <v>54</v>
      </c>
      <c r="I17" s="164">
        <v>30</v>
      </c>
      <c r="J17" s="164">
        <v>21</v>
      </c>
      <c r="K17" s="164">
        <v>18</v>
      </c>
      <c r="L17" s="166">
        <v>200</v>
      </c>
      <c r="M17" s="167">
        <v>302</v>
      </c>
      <c r="N17" s="168">
        <v>1</v>
      </c>
      <c r="O17" s="169">
        <v>1</v>
      </c>
      <c r="P17" s="170">
        <v>2</v>
      </c>
      <c r="Q17" s="439">
        <v>0</v>
      </c>
      <c r="R17" s="169">
        <v>2</v>
      </c>
      <c r="S17" s="169">
        <v>1</v>
      </c>
      <c r="T17" s="169">
        <v>1</v>
      </c>
      <c r="U17" s="169">
        <v>2</v>
      </c>
      <c r="V17" s="169">
        <v>1</v>
      </c>
      <c r="W17" s="170">
        <v>7</v>
      </c>
      <c r="X17" s="171">
        <v>9</v>
      </c>
      <c r="Y17" s="168">
        <v>3</v>
      </c>
      <c r="Z17" s="169">
        <v>2</v>
      </c>
      <c r="AA17" s="170">
        <v>5</v>
      </c>
      <c r="AB17" s="439">
        <v>0</v>
      </c>
      <c r="AC17" s="169">
        <v>4</v>
      </c>
      <c r="AD17" s="169">
        <v>1</v>
      </c>
      <c r="AE17" s="169">
        <v>0</v>
      </c>
      <c r="AF17" s="169">
        <v>1</v>
      </c>
      <c r="AG17" s="169">
        <v>0</v>
      </c>
      <c r="AH17" s="170">
        <v>6</v>
      </c>
      <c r="AI17" s="171">
        <v>11</v>
      </c>
      <c r="AJ17" s="168">
        <v>5</v>
      </c>
      <c r="AK17" s="169">
        <v>5</v>
      </c>
      <c r="AL17" s="170">
        <v>10</v>
      </c>
      <c r="AM17" s="439">
        <v>0</v>
      </c>
      <c r="AN17" s="169">
        <v>11</v>
      </c>
      <c r="AO17" s="169">
        <v>8</v>
      </c>
      <c r="AP17" s="169">
        <v>0</v>
      </c>
      <c r="AQ17" s="169">
        <v>2</v>
      </c>
      <c r="AR17" s="169">
        <v>2</v>
      </c>
      <c r="AS17" s="170">
        <v>23</v>
      </c>
      <c r="AT17" s="171">
        <v>33</v>
      </c>
      <c r="AU17" s="168">
        <v>10</v>
      </c>
      <c r="AV17" s="169">
        <v>7</v>
      </c>
      <c r="AW17" s="170">
        <v>17</v>
      </c>
      <c r="AX17" s="439">
        <v>0</v>
      </c>
      <c r="AY17" s="169">
        <v>19</v>
      </c>
      <c r="AZ17" s="169">
        <v>9</v>
      </c>
      <c r="BA17" s="169">
        <v>5</v>
      </c>
      <c r="BB17" s="169">
        <v>5</v>
      </c>
      <c r="BC17" s="169">
        <v>3</v>
      </c>
      <c r="BD17" s="170">
        <v>41</v>
      </c>
      <c r="BE17" s="171">
        <v>58</v>
      </c>
      <c r="BF17" s="168">
        <v>13</v>
      </c>
      <c r="BG17" s="169">
        <v>21</v>
      </c>
      <c r="BH17" s="170">
        <v>34</v>
      </c>
      <c r="BI17" s="439">
        <v>0</v>
      </c>
      <c r="BJ17" s="169">
        <v>23</v>
      </c>
      <c r="BK17" s="169">
        <v>17</v>
      </c>
      <c r="BL17" s="169">
        <v>11</v>
      </c>
      <c r="BM17" s="169">
        <v>4</v>
      </c>
      <c r="BN17" s="169">
        <v>6</v>
      </c>
      <c r="BO17" s="170">
        <v>61</v>
      </c>
      <c r="BP17" s="171">
        <v>95</v>
      </c>
      <c r="BQ17" s="168">
        <v>20</v>
      </c>
      <c r="BR17" s="169">
        <v>14</v>
      </c>
      <c r="BS17" s="170">
        <v>34</v>
      </c>
      <c r="BT17" s="439">
        <v>0</v>
      </c>
      <c r="BU17" s="169">
        <v>18</v>
      </c>
      <c r="BV17" s="169">
        <v>18</v>
      </c>
      <c r="BW17" s="169">
        <v>13</v>
      </c>
      <c r="BX17" s="169">
        <v>7</v>
      </c>
      <c r="BY17" s="169">
        <v>6</v>
      </c>
      <c r="BZ17" s="170">
        <v>62</v>
      </c>
      <c r="CA17" s="171">
        <v>96</v>
      </c>
      <c r="CB17" s="168">
        <v>0</v>
      </c>
      <c r="CC17" s="169">
        <v>0</v>
      </c>
      <c r="CD17" s="170">
        <v>0</v>
      </c>
      <c r="CE17" s="439">
        <v>0</v>
      </c>
      <c r="CF17" s="169">
        <v>0</v>
      </c>
      <c r="CG17" s="169">
        <v>0</v>
      </c>
      <c r="CH17" s="169">
        <v>0</v>
      </c>
      <c r="CI17" s="169">
        <v>0</v>
      </c>
      <c r="CJ17" s="169">
        <v>0</v>
      </c>
      <c r="CK17" s="170">
        <v>0</v>
      </c>
      <c r="CL17" s="171">
        <v>0</v>
      </c>
      <c r="CM17" s="168">
        <v>52</v>
      </c>
      <c r="CN17" s="169">
        <v>50</v>
      </c>
      <c r="CO17" s="170">
        <v>102</v>
      </c>
      <c r="CP17" s="439">
        <v>0</v>
      </c>
      <c r="CQ17" s="169">
        <v>77</v>
      </c>
      <c r="CR17" s="169">
        <v>54</v>
      </c>
      <c r="CS17" s="169">
        <v>30</v>
      </c>
      <c r="CT17" s="169">
        <v>21</v>
      </c>
      <c r="CU17" s="169">
        <v>18</v>
      </c>
      <c r="CV17" s="170">
        <v>200</v>
      </c>
      <c r="CW17" s="171">
        <v>302</v>
      </c>
      <c r="CX17" s="172">
        <v>18</v>
      </c>
      <c r="CY17" s="164">
        <v>21</v>
      </c>
      <c r="CZ17" s="165">
        <v>39</v>
      </c>
      <c r="DA17" s="439">
        <v>0</v>
      </c>
      <c r="DB17" s="164">
        <v>27</v>
      </c>
      <c r="DC17" s="164">
        <v>16</v>
      </c>
      <c r="DD17" s="164">
        <v>14</v>
      </c>
      <c r="DE17" s="164">
        <v>12</v>
      </c>
      <c r="DF17" s="164">
        <v>13</v>
      </c>
      <c r="DG17" s="166">
        <v>82</v>
      </c>
      <c r="DH17" s="167">
        <v>121</v>
      </c>
      <c r="DI17" s="168">
        <v>1</v>
      </c>
      <c r="DJ17" s="169">
        <v>2</v>
      </c>
      <c r="DK17" s="170">
        <v>3</v>
      </c>
      <c r="DL17" s="439">
        <v>0</v>
      </c>
      <c r="DM17" s="169">
        <v>0</v>
      </c>
      <c r="DN17" s="169">
        <v>0</v>
      </c>
      <c r="DO17" s="169">
        <v>0</v>
      </c>
      <c r="DP17" s="169">
        <v>0</v>
      </c>
      <c r="DQ17" s="169">
        <v>0</v>
      </c>
      <c r="DR17" s="170">
        <v>0</v>
      </c>
      <c r="DS17" s="171">
        <v>3</v>
      </c>
      <c r="DT17" s="168">
        <v>2</v>
      </c>
      <c r="DU17" s="169">
        <v>0</v>
      </c>
      <c r="DV17" s="170">
        <v>2</v>
      </c>
      <c r="DW17" s="439">
        <v>0</v>
      </c>
      <c r="DX17" s="169">
        <v>1</v>
      </c>
      <c r="DY17" s="169">
        <v>0</v>
      </c>
      <c r="DZ17" s="169">
        <v>1</v>
      </c>
      <c r="EA17" s="169">
        <v>1</v>
      </c>
      <c r="EB17" s="169">
        <v>1</v>
      </c>
      <c r="EC17" s="170">
        <v>4</v>
      </c>
      <c r="ED17" s="171">
        <v>6</v>
      </c>
      <c r="EE17" s="168">
        <v>2</v>
      </c>
      <c r="EF17" s="169">
        <v>0</v>
      </c>
      <c r="EG17" s="170">
        <v>2</v>
      </c>
      <c r="EH17" s="439">
        <v>0</v>
      </c>
      <c r="EI17" s="169">
        <v>6</v>
      </c>
      <c r="EJ17" s="169">
        <v>0</v>
      </c>
      <c r="EK17" s="169">
        <v>1</v>
      </c>
      <c r="EL17" s="169">
        <v>0</v>
      </c>
      <c r="EM17" s="169">
        <v>1</v>
      </c>
      <c r="EN17" s="170">
        <v>8</v>
      </c>
      <c r="EO17" s="171">
        <v>10</v>
      </c>
      <c r="EP17" s="168">
        <v>6</v>
      </c>
      <c r="EQ17" s="169">
        <v>8</v>
      </c>
      <c r="ER17" s="170">
        <v>14</v>
      </c>
      <c r="ES17" s="439">
        <v>0</v>
      </c>
      <c r="ET17" s="169">
        <v>5</v>
      </c>
      <c r="EU17" s="169">
        <v>3</v>
      </c>
      <c r="EV17" s="169">
        <v>2</v>
      </c>
      <c r="EW17" s="169">
        <v>1</v>
      </c>
      <c r="EX17" s="169">
        <v>2</v>
      </c>
      <c r="EY17" s="170">
        <v>13</v>
      </c>
      <c r="EZ17" s="171">
        <v>27</v>
      </c>
      <c r="FA17" s="168">
        <v>5</v>
      </c>
      <c r="FB17" s="169">
        <v>5</v>
      </c>
      <c r="FC17" s="170">
        <v>10</v>
      </c>
      <c r="FD17" s="439">
        <v>0</v>
      </c>
      <c r="FE17" s="169">
        <v>7</v>
      </c>
      <c r="FF17" s="169">
        <v>6</v>
      </c>
      <c r="FG17" s="169">
        <v>2</v>
      </c>
      <c r="FH17" s="169">
        <v>3</v>
      </c>
      <c r="FI17" s="169">
        <v>3</v>
      </c>
      <c r="FJ17" s="170">
        <v>21</v>
      </c>
      <c r="FK17" s="171">
        <v>31</v>
      </c>
      <c r="FL17" s="168">
        <v>2</v>
      </c>
      <c r="FM17" s="169">
        <v>6</v>
      </c>
      <c r="FN17" s="170">
        <v>8</v>
      </c>
      <c r="FO17" s="439">
        <v>0</v>
      </c>
      <c r="FP17" s="169">
        <v>8</v>
      </c>
      <c r="FQ17" s="169">
        <v>7</v>
      </c>
      <c r="FR17" s="169">
        <v>8</v>
      </c>
      <c r="FS17" s="169">
        <v>7</v>
      </c>
      <c r="FT17" s="169">
        <v>6</v>
      </c>
      <c r="FU17" s="170">
        <v>36</v>
      </c>
      <c r="FV17" s="171">
        <v>44</v>
      </c>
      <c r="FW17" s="168">
        <v>0</v>
      </c>
      <c r="FX17" s="169">
        <v>0</v>
      </c>
      <c r="FY17" s="170">
        <v>0</v>
      </c>
      <c r="FZ17" s="439">
        <v>0</v>
      </c>
      <c r="GA17" s="169">
        <v>0</v>
      </c>
      <c r="GB17" s="169">
        <v>0</v>
      </c>
      <c r="GC17" s="169">
        <v>0</v>
      </c>
      <c r="GD17" s="169">
        <v>0</v>
      </c>
      <c r="GE17" s="169">
        <v>0</v>
      </c>
      <c r="GF17" s="170">
        <v>0</v>
      </c>
      <c r="GG17" s="171">
        <v>0</v>
      </c>
      <c r="GH17" s="168">
        <v>18</v>
      </c>
      <c r="GI17" s="169">
        <v>21</v>
      </c>
      <c r="GJ17" s="170">
        <v>39</v>
      </c>
      <c r="GK17" s="439">
        <v>0</v>
      </c>
      <c r="GL17" s="169">
        <v>27</v>
      </c>
      <c r="GM17" s="169">
        <v>16</v>
      </c>
      <c r="GN17" s="169">
        <v>14</v>
      </c>
      <c r="GO17" s="169">
        <v>12</v>
      </c>
      <c r="GP17" s="169">
        <v>13</v>
      </c>
      <c r="GQ17" s="170">
        <v>82</v>
      </c>
      <c r="GR17" s="171">
        <v>121</v>
      </c>
      <c r="GS17" s="172">
        <v>70</v>
      </c>
      <c r="GT17" s="164">
        <v>71</v>
      </c>
      <c r="GU17" s="165">
        <v>141</v>
      </c>
      <c r="GV17" s="439">
        <v>0</v>
      </c>
      <c r="GW17" s="164">
        <v>104</v>
      </c>
      <c r="GX17" s="164">
        <v>70</v>
      </c>
      <c r="GY17" s="164">
        <v>44</v>
      </c>
      <c r="GZ17" s="164">
        <v>33</v>
      </c>
      <c r="HA17" s="164">
        <v>31</v>
      </c>
      <c r="HB17" s="166">
        <v>282</v>
      </c>
      <c r="HC17" s="167">
        <v>423</v>
      </c>
      <c r="HD17" s="168">
        <v>2</v>
      </c>
      <c r="HE17" s="169">
        <v>3</v>
      </c>
      <c r="HF17" s="170">
        <v>5</v>
      </c>
      <c r="HG17" s="439">
        <v>0</v>
      </c>
      <c r="HH17" s="169">
        <v>2</v>
      </c>
      <c r="HI17" s="169">
        <v>1</v>
      </c>
      <c r="HJ17" s="169">
        <v>1</v>
      </c>
      <c r="HK17" s="169">
        <v>2</v>
      </c>
      <c r="HL17" s="169">
        <v>1</v>
      </c>
      <c r="HM17" s="170">
        <v>7</v>
      </c>
      <c r="HN17" s="171">
        <v>12</v>
      </c>
      <c r="HO17" s="168">
        <v>5</v>
      </c>
      <c r="HP17" s="169">
        <v>2</v>
      </c>
      <c r="HQ17" s="170">
        <v>7</v>
      </c>
      <c r="HR17" s="439">
        <v>0</v>
      </c>
      <c r="HS17" s="169">
        <v>5</v>
      </c>
      <c r="HT17" s="169">
        <v>1</v>
      </c>
      <c r="HU17" s="169">
        <v>1</v>
      </c>
      <c r="HV17" s="169">
        <v>2</v>
      </c>
      <c r="HW17" s="169">
        <v>1</v>
      </c>
      <c r="HX17" s="170">
        <v>10</v>
      </c>
      <c r="HY17" s="171">
        <v>17</v>
      </c>
      <c r="HZ17" s="168">
        <v>7</v>
      </c>
      <c r="IA17" s="169">
        <v>5</v>
      </c>
      <c r="IB17" s="170">
        <v>12</v>
      </c>
      <c r="IC17" s="439">
        <v>0</v>
      </c>
      <c r="ID17" s="169">
        <v>17</v>
      </c>
      <c r="IE17" s="169">
        <v>8</v>
      </c>
      <c r="IF17" s="169">
        <v>1</v>
      </c>
      <c r="IG17" s="169">
        <v>2</v>
      </c>
      <c r="IH17" s="169">
        <v>3</v>
      </c>
      <c r="II17" s="170">
        <v>31</v>
      </c>
      <c r="IJ17" s="171">
        <v>43</v>
      </c>
      <c r="IK17" s="168">
        <v>16</v>
      </c>
      <c r="IL17" s="169">
        <v>15</v>
      </c>
      <c r="IM17" s="170">
        <v>31</v>
      </c>
      <c r="IN17" s="439">
        <v>0</v>
      </c>
      <c r="IO17" s="169">
        <v>24</v>
      </c>
      <c r="IP17" s="169">
        <v>12</v>
      </c>
      <c r="IQ17" s="169">
        <v>7</v>
      </c>
      <c r="IR17" s="169">
        <v>6</v>
      </c>
      <c r="IS17" s="169">
        <v>5</v>
      </c>
      <c r="IT17" s="170">
        <v>54</v>
      </c>
      <c r="IU17" s="171">
        <v>85</v>
      </c>
      <c r="IV17" s="168">
        <v>18</v>
      </c>
      <c r="IW17" s="169">
        <v>26</v>
      </c>
      <c r="IX17" s="170">
        <v>44</v>
      </c>
      <c r="IY17" s="439">
        <v>0</v>
      </c>
      <c r="IZ17" s="169">
        <v>30</v>
      </c>
      <c r="JA17" s="169">
        <v>23</v>
      </c>
      <c r="JB17" s="169">
        <v>13</v>
      </c>
      <c r="JC17" s="169">
        <v>7</v>
      </c>
      <c r="JD17" s="169">
        <v>9</v>
      </c>
      <c r="JE17" s="170">
        <v>82</v>
      </c>
      <c r="JF17" s="171">
        <v>126</v>
      </c>
      <c r="JG17" s="168">
        <v>22</v>
      </c>
      <c r="JH17" s="169">
        <v>20</v>
      </c>
      <c r="JI17" s="170">
        <v>42</v>
      </c>
      <c r="JJ17" s="439">
        <v>0</v>
      </c>
      <c r="JK17" s="169">
        <v>26</v>
      </c>
      <c r="JL17" s="169">
        <v>25</v>
      </c>
      <c r="JM17" s="169">
        <v>21</v>
      </c>
      <c r="JN17" s="169">
        <v>14</v>
      </c>
      <c r="JO17" s="169">
        <v>12</v>
      </c>
      <c r="JP17" s="170">
        <v>98</v>
      </c>
      <c r="JQ17" s="171">
        <v>140</v>
      </c>
      <c r="JR17" s="168">
        <v>0</v>
      </c>
      <c r="JS17" s="169">
        <v>0</v>
      </c>
      <c r="JT17" s="170">
        <v>0</v>
      </c>
      <c r="JU17" s="439">
        <v>0</v>
      </c>
      <c r="JV17" s="169">
        <v>0</v>
      </c>
      <c r="JW17" s="169">
        <v>0</v>
      </c>
      <c r="JX17" s="169">
        <v>0</v>
      </c>
      <c r="JY17" s="169">
        <v>0</v>
      </c>
      <c r="JZ17" s="169">
        <v>0</v>
      </c>
      <c r="KA17" s="170">
        <v>0</v>
      </c>
      <c r="KB17" s="171">
        <v>0</v>
      </c>
      <c r="KC17" s="168">
        <v>70</v>
      </c>
      <c r="KD17" s="169">
        <v>71</v>
      </c>
      <c r="KE17" s="170">
        <v>141</v>
      </c>
      <c r="KF17" s="439">
        <v>0</v>
      </c>
      <c r="KG17" s="169">
        <v>104</v>
      </c>
      <c r="KH17" s="169">
        <v>70</v>
      </c>
      <c r="KI17" s="169">
        <v>44</v>
      </c>
      <c r="KJ17" s="169">
        <v>33</v>
      </c>
      <c r="KK17" s="169">
        <v>31</v>
      </c>
      <c r="KL17" s="170">
        <v>282</v>
      </c>
      <c r="KM17" s="171">
        <v>423</v>
      </c>
    </row>
    <row r="18" spans="2:299" s="137" customFormat="1" ht="21" customHeight="1" x14ac:dyDescent="0.2">
      <c r="B18" s="173" t="s">
        <v>15</v>
      </c>
      <c r="C18" s="163">
        <v>4</v>
      </c>
      <c r="D18" s="164">
        <v>10</v>
      </c>
      <c r="E18" s="165">
        <v>14</v>
      </c>
      <c r="F18" s="439">
        <v>0</v>
      </c>
      <c r="G18" s="164">
        <v>21</v>
      </c>
      <c r="H18" s="164">
        <v>18</v>
      </c>
      <c r="I18" s="164">
        <v>6</v>
      </c>
      <c r="J18" s="164">
        <v>8</v>
      </c>
      <c r="K18" s="164">
        <v>9</v>
      </c>
      <c r="L18" s="166">
        <v>62</v>
      </c>
      <c r="M18" s="167">
        <v>76</v>
      </c>
      <c r="N18" s="168">
        <v>3</v>
      </c>
      <c r="O18" s="169">
        <v>2</v>
      </c>
      <c r="P18" s="170">
        <v>5</v>
      </c>
      <c r="Q18" s="439">
        <v>0</v>
      </c>
      <c r="R18" s="169">
        <v>0</v>
      </c>
      <c r="S18" s="169">
        <v>0</v>
      </c>
      <c r="T18" s="169">
        <v>0</v>
      </c>
      <c r="U18" s="169">
        <v>0</v>
      </c>
      <c r="V18" s="169">
        <v>1</v>
      </c>
      <c r="W18" s="170">
        <v>1</v>
      </c>
      <c r="X18" s="171">
        <v>6</v>
      </c>
      <c r="Y18" s="168">
        <v>1</v>
      </c>
      <c r="Z18" s="169">
        <v>0</v>
      </c>
      <c r="AA18" s="170">
        <v>1</v>
      </c>
      <c r="AB18" s="439">
        <v>0</v>
      </c>
      <c r="AC18" s="169">
        <v>2</v>
      </c>
      <c r="AD18" s="169">
        <v>0</v>
      </c>
      <c r="AE18" s="169">
        <v>1</v>
      </c>
      <c r="AF18" s="169">
        <v>1</v>
      </c>
      <c r="AG18" s="169">
        <v>1</v>
      </c>
      <c r="AH18" s="170">
        <v>5</v>
      </c>
      <c r="AI18" s="171">
        <v>6</v>
      </c>
      <c r="AJ18" s="168">
        <v>0</v>
      </c>
      <c r="AK18" s="169">
        <v>0</v>
      </c>
      <c r="AL18" s="170">
        <v>0</v>
      </c>
      <c r="AM18" s="439">
        <v>0</v>
      </c>
      <c r="AN18" s="169">
        <v>2</v>
      </c>
      <c r="AO18" s="169">
        <v>7</v>
      </c>
      <c r="AP18" s="169">
        <v>0</v>
      </c>
      <c r="AQ18" s="169">
        <v>1</v>
      </c>
      <c r="AR18" s="169">
        <v>3</v>
      </c>
      <c r="AS18" s="170">
        <v>13</v>
      </c>
      <c r="AT18" s="171">
        <v>13</v>
      </c>
      <c r="AU18" s="168">
        <v>0</v>
      </c>
      <c r="AV18" s="169">
        <v>1</v>
      </c>
      <c r="AW18" s="170">
        <v>1</v>
      </c>
      <c r="AX18" s="439">
        <v>0</v>
      </c>
      <c r="AY18" s="169">
        <v>8</v>
      </c>
      <c r="AZ18" s="169">
        <v>3</v>
      </c>
      <c r="BA18" s="169">
        <v>0</v>
      </c>
      <c r="BB18" s="169">
        <v>2</v>
      </c>
      <c r="BC18" s="169">
        <v>1</v>
      </c>
      <c r="BD18" s="170">
        <v>14</v>
      </c>
      <c r="BE18" s="171">
        <v>15</v>
      </c>
      <c r="BF18" s="168">
        <v>0</v>
      </c>
      <c r="BG18" s="169">
        <v>6</v>
      </c>
      <c r="BH18" s="170">
        <v>6</v>
      </c>
      <c r="BI18" s="439">
        <v>0</v>
      </c>
      <c r="BJ18" s="169">
        <v>3</v>
      </c>
      <c r="BK18" s="169">
        <v>4</v>
      </c>
      <c r="BL18" s="169">
        <v>2</v>
      </c>
      <c r="BM18" s="169">
        <v>2</v>
      </c>
      <c r="BN18" s="169">
        <v>2</v>
      </c>
      <c r="BO18" s="170">
        <v>13</v>
      </c>
      <c r="BP18" s="171">
        <v>19</v>
      </c>
      <c r="BQ18" s="168">
        <v>0</v>
      </c>
      <c r="BR18" s="169">
        <v>1</v>
      </c>
      <c r="BS18" s="170">
        <v>1</v>
      </c>
      <c r="BT18" s="439">
        <v>0</v>
      </c>
      <c r="BU18" s="169">
        <v>6</v>
      </c>
      <c r="BV18" s="169">
        <v>4</v>
      </c>
      <c r="BW18" s="169">
        <v>3</v>
      </c>
      <c r="BX18" s="169">
        <v>2</v>
      </c>
      <c r="BY18" s="169">
        <v>1</v>
      </c>
      <c r="BZ18" s="170">
        <v>16</v>
      </c>
      <c r="CA18" s="171">
        <v>17</v>
      </c>
      <c r="CB18" s="168">
        <v>0</v>
      </c>
      <c r="CC18" s="169">
        <v>0</v>
      </c>
      <c r="CD18" s="170">
        <v>0</v>
      </c>
      <c r="CE18" s="439">
        <v>0</v>
      </c>
      <c r="CF18" s="169">
        <v>0</v>
      </c>
      <c r="CG18" s="169">
        <v>0</v>
      </c>
      <c r="CH18" s="169">
        <v>0</v>
      </c>
      <c r="CI18" s="169">
        <v>0</v>
      </c>
      <c r="CJ18" s="169">
        <v>0</v>
      </c>
      <c r="CK18" s="170">
        <v>0</v>
      </c>
      <c r="CL18" s="171">
        <v>0</v>
      </c>
      <c r="CM18" s="168">
        <v>4</v>
      </c>
      <c r="CN18" s="169">
        <v>10</v>
      </c>
      <c r="CO18" s="170">
        <v>14</v>
      </c>
      <c r="CP18" s="439">
        <v>0</v>
      </c>
      <c r="CQ18" s="169">
        <v>21</v>
      </c>
      <c r="CR18" s="169">
        <v>18</v>
      </c>
      <c r="CS18" s="169">
        <v>6</v>
      </c>
      <c r="CT18" s="169">
        <v>8</v>
      </c>
      <c r="CU18" s="169">
        <v>9</v>
      </c>
      <c r="CV18" s="170">
        <v>62</v>
      </c>
      <c r="CW18" s="171">
        <v>76</v>
      </c>
      <c r="CX18" s="172">
        <v>5</v>
      </c>
      <c r="CY18" s="164">
        <v>6</v>
      </c>
      <c r="CZ18" s="165">
        <v>11</v>
      </c>
      <c r="DA18" s="439">
        <v>0</v>
      </c>
      <c r="DB18" s="164">
        <v>4</v>
      </c>
      <c r="DC18" s="164">
        <v>7</v>
      </c>
      <c r="DD18" s="164">
        <v>6</v>
      </c>
      <c r="DE18" s="164">
        <v>8</v>
      </c>
      <c r="DF18" s="164">
        <v>1</v>
      </c>
      <c r="DG18" s="166">
        <v>26</v>
      </c>
      <c r="DH18" s="167">
        <v>37</v>
      </c>
      <c r="DI18" s="168">
        <v>1</v>
      </c>
      <c r="DJ18" s="169">
        <v>0</v>
      </c>
      <c r="DK18" s="170">
        <v>1</v>
      </c>
      <c r="DL18" s="439">
        <v>0</v>
      </c>
      <c r="DM18" s="169">
        <v>0</v>
      </c>
      <c r="DN18" s="169">
        <v>0</v>
      </c>
      <c r="DO18" s="169">
        <v>0</v>
      </c>
      <c r="DP18" s="169">
        <v>0</v>
      </c>
      <c r="DQ18" s="169">
        <v>0</v>
      </c>
      <c r="DR18" s="170">
        <v>0</v>
      </c>
      <c r="DS18" s="171">
        <v>1</v>
      </c>
      <c r="DT18" s="168">
        <v>1</v>
      </c>
      <c r="DU18" s="169">
        <v>0</v>
      </c>
      <c r="DV18" s="170">
        <v>1</v>
      </c>
      <c r="DW18" s="439">
        <v>0</v>
      </c>
      <c r="DX18" s="169">
        <v>0</v>
      </c>
      <c r="DY18" s="169">
        <v>0</v>
      </c>
      <c r="DZ18" s="169">
        <v>0</v>
      </c>
      <c r="EA18" s="169">
        <v>0</v>
      </c>
      <c r="EB18" s="169">
        <v>0</v>
      </c>
      <c r="EC18" s="170">
        <v>0</v>
      </c>
      <c r="ED18" s="171">
        <v>1</v>
      </c>
      <c r="EE18" s="168">
        <v>1</v>
      </c>
      <c r="EF18" s="169">
        <v>0</v>
      </c>
      <c r="EG18" s="170">
        <v>1</v>
      </c>
      <c r="EH18" s="439">
        <v>0</v>
      </c>
      <c r="EI18" s="169">
        <v>0</v>
      </c>
      <c r="EJ18" s="169">
        <v>1</v>
      </c>
      <c r="EK18" s="169">
        <v>1</v>
      </c>
      <c r="EL18" s="169">
        <v>1</v>
      </c>
      <c r="EM18" s="169">
        <v>1</v>
      </c>
      <c r="EN18" s="170">
        <v>4</v>
      </c>
      <c r="EO18" s="171">
        <v>5</v>
      </c>
      <c r="EP18" s="168">
        <v>0</v>
      </c>
      <c r="EQ18" s="169">
        <v>4</v>
      </c>
      <c r="ER18" s="170">
        <v>4</v>
      </c>
      <c r="ES18" s="439">
        <v>0</v>
      </c>
      <c r="ET18" s="169">
        <v>0</v>
      </c>
      <c r="EU18" s="169">
        <v>0</v>
      </c>
      <c r="EV18" s="169">
        <v>0</v>
      </c>
      <c r="EW18" s="169">
        <v>0</v>
      </c>
      <c r="EX18" s="169">
        <v>0</v>
      </c>
      <c r="EY18" s="170">
        <v>0</v>
      </c>
      <c r="EZ18" s="171">
        <v>4</v>
      </c>
      <c r="FA18" s="168">
        <v>0</v>
      </c>
      <c r="FB18" s="169">
        <v>1</v>
      </c>
      <c r="FC18" s="170">
        <v>1</v>
      </c>
      <c r="FD18" s="439">
        <v>0</v>
      </c>
      <c r="FE18" s="169">
        <v>2</v>
      </c>
      <c r="FF18" s="169">
        <v>2</v>
      </c>
      <c r="FG18" s="169">
        <v>1</v>
      </c>
      <c r="FH18" s="169">
        <v>2</v>
      </c>
      <c r="FI18" s="169">
        <v>0</v>
      </c>
      <c r="FJ18" s="170">
        <v>7</v>
      </c>
      <c r="FK18" s="171">
        <v>8</v>
      </c>
      <c r="FL18" s="168">
        <v>2</v>
      </c>
      <c r="FM18" s="169">
        <v>1</v>
      </c>
      <c r="FN18" s="170">
        <v>3</v>
      </c>
      <c r="FO18" s="439">
        <v>0</v>
      </c>
      <c r="FP18" s="169">
        <v>2</v>
      </c>
      <c r="FQ18" s="169">
        <v>4</v>
      </c>
      <c r="FR18" s="169">
        <v>4</v>
      </c>
      <c r="FS18" s="169">
        <v>5</v>
      </c>
      <c r="FT18" s="169">
        <v>0</v>
      </c>
      <c r="FU18" s="170">
        <v>15</v>
      </c>
      <c r="FV18" s="171">
        <v>18</v>
      </c>
      <c r="FW18" s="168">
        <v>0</v>
      </c>
      <c r="FX18" s="169">
        <v>0</v>
      </c>
      <c r="FY18" s="170">
        <v>0</v>
      </c>
      <c r="FZ18" s="439">
        <v>0</v>
      </c>
      <c r="GA18" s="169">
        <v>0</v>
      </c>
      <c r="GB18" s="169">
        <v>0</v>
      </c>
      <c r="GC18" s="169">
        <v>0</v>
      </c>
      <c r="GD18" s="169">
        <v>0</v>
      </c>
      <c r="GE18" s="169">
        <v>0</v>
      </c>
      <c r="GF18" s="170">
        <v>0</v>
      </c>
      <c r="GG18" s="171">
        <v>0</v>
      </c>
      <c r="GH18" s="168">
        <v>5</v>
      </c>
      <c r="GI18" s="169">
        <v>6</v>
      </c>
      <c r="GJ18" s="170">
        <v>11</v>
      </c>
      <c r="GK18" s="439">
        <v>0</v>
      </c>
      <c r="GL18" s="169">
        <v>4</v>
      </c>
      <c r="GM18" s="169">
        <v>7</v>
      </c>
      <c r="GN18" s="169">
        <v>6</v>
      </c>
      <c r="GO18" s="169">
        <v>8</v>
      </c>
      <c r="GP18" s="169">
        <v>1</v>
      </c>
      <c r="GQ18" s="170">
        <v>26</v>
      </c>
      <c r="GR18" s="171">
        <v>37</v>
      </c>
      <c r="GS18" s="172">
        <v>9</v>
      </c>
      <c r="GT18" s="164">
        <v>16</v>
      </c>
      <c r="GU18" s="165">
        <v>25</v>
      </c>
      <c r="GV18" s="439">
        <v>0</v>
      </c>
      <c r="GW18" s="164">
        <v>25</v>
      </c>
      <c r="GX18" s="164">
        <v>25</v>
      </c>
      <c r="GY18" s="164">
        <v>12</v>
      </c>
      <c r="GZ18" s="164">
        <v>16</v>
      </c>
      <c r="HA18" s="164">
        <v>10</v>
      </c>
      <c r="HB18" s="166">
        <v>88</v>
      </c>
      <c r="HC18" s="167">
        <v>113</v>
      </c>
      <c r="HD18" s="168">
        <v>4</v>
      </c>
      <c r="HE18" s="169">
        <v>2</v>
      </c>
      <c r="HF18" s="170">
        <v>6</v>
      </c>
      <c r="HG18" s="439">
        <v>0</v>
      </c>
      <c r="HH18" s="169">
        <v>0</v>
      </c>
      <c r="HI18" s="169">
        <v>0</v>
      </c>
      <c r="HJ18" s="169">
        <v>0</v>
      </c>
      <c r="HK18" s="169">
        <v>0</v>
      </c>
      <c r="HL18" s="169">
        <v>1</v>
      </c>
      <c r="HM18" s="170">
        <v>1</v>
      </c>
      <c r="HN18" s="171">
        <v>7</v>
      </c>
      <c r="HO18" s="168">
        <v>2</v>
      </c>
      <c r="HP18" s="169">
        <v>0</v>
      </c>
      <c r="HQ18" s="170">
        <v>2</v>
      </c>
      <c r="HR18" s="439">
        <v>0</v>
      </c>
      <c r="HS18" s="169">
        <v>2</v>
      </c>
      <c r="HT18" s="169">
        <v>0</v>
      </c>
      <c r="HU18" s="169">
        <v>1</v>
      </c>
      <c r="HV18" s="169">
        <v>1</v>
      </c>
      <c r="HW18" s="169">
        <v>1</v>
      </c>
      <c r="HX18" s="170">
        <v>5</v>
      </c>
      <c r="HY18" s="171">
        <v>7</v>
      </c>
      <c r="HZ18" s="168">
        <v>1</v>
      </c>
      <c r="IA18" s="169">
        <v>0</v>
      </c>
      <c r="IB18" s="170">
        <v>1</v>
      </c>
      <c r="IC18" s="439">
        <v>0</v>
      </c>
      <c r="ID18" s="169">
        <v>2</v>
      </c>
      <c r="IE18" s="169">
        <v>8</v>
      </c>
      <c r="IF18" s="169">
        <v>1</v>
      </c>
      <c r="IG18" s="169">
        <v>2</v>
      </c>
      <c r="IH18" s="169">
        <v>4</v>
      </c>
      <c r="II18" s="170">
        <v>17</v>
      </c>
      <c r="IJ18" s="171">
        <v>18</v>
      </c>
      <c r="IK18" s="168">
        <v>0</v>
      </c>
      <c r="IL18" s="169">
        <v>5</v>
      </c>
      <c r="IM18" s="170">
        <v>5</v>
      </c>
      <c r="IN18" s="439">
        <v>0</v>
      </c>
      <c r="IO18" s="169">
        <v>8</v>
      </c>
      <c r="IP18" s="169">
        <v>3</v>
      </c>
      <c r="IQ18" s="169">
        <v>0</v>
      </c>
      <c r="IR18" s="169">
        <v>2</v>
      </c>
      <c r="IS18" s="169">
        <v>1</v>
      </c>
      <c r="IT18" s="170">
        <v>14</v>
      </c>
      <c r="IU18" s="171">
        <v>19</v>
      </c>
      <c r="IV18" s="168">
        <v>0</v>
      </c>
      <c r="IW18" s="169">
        <v>7</v>
      </c>
      <c r="IX18" s="170">
        <v>7</v>
      </c>
      <c r="IY18" s="439">
        <v>0</v>
      </c>
      <c r="IZ18" s="169">
        <v>5</v>
      </c>
      <c r="JA18" s="169">
        <v>6</v>
      </c>
      <c r="JB18" s="169">
        <v>3</v>
      </c>
      <c r="JC18" s="169">
        <v>4</v>
      </c>
      <c r="JD18" s="169">
        <v>2</v>
      </c>
      <c r="JE18" s="170">
        <v>20</v>
      </c>
      <c r="JF18" s="171">
        <v>27</v>
      </c>
      <c r="JG18" s="168">
        <v>2</v>
      </c>
      <c r="JH18" s="169">
        <v>2</v>
      </c>
      <c r="JI18" s="170">
        <v>4</v>
      </c>
      <c r="JJ18" s="439">
        <v>0</v>
      </c>
      <c r="JK18" s="169">
        <v>8</v>
      </c>
      <c r="JL18" s="169">
        <v>8</v>
      </c>
      <c r="JM18" s="169">
        <v>7</v>
      </c>
      <c r="JN18" s="169">
        <v>7</v>
      </c>
      <c r="JO18" s="169">
        <v>1</v>
      </c>
      <c r="JP18" s="170">
        <v>31</v>
      </c>
      <c r="JQ18" s="171">
        <v>35</v>
      </c>
      <c r="JR18" s="168">
        <v>0</v>
      </c>
      <c r="JS18" s="169">
        <v>0</v>
      </c>
      <c r="JT18" s="170">
        <v>0</v>
      </c>
      <c r="JU18" s="439">
        <v>0</v>
      </c>
      <c r="JV18" s="169">
        <v>0</v>
      </c>
      <c r="JW18" s="169">
        <v>0</v>
      </c>
      <c r="JX18" s="169">
        <v>0</v>
      </c>
      <c r="JY18" s="169">
        <v>0</v>
      </c>
      <c r="JZ18" s="169">
        <v>0</v>
      </c>
      <c r="KA18" s="170">
        <v>0</v>
      </c>
      <c r="KB18" s="171">
        <v>0</v>
      </c>
      <c r="KC18" s="168">
        <v>9</v>
      </c>
      <c r="KD18" s="169">
        <v>16</v>
      </c>
      <c r="KE18" s="170">
        <v>25</v>
      </c>
      <c r="KF18" s="439">
        <v>0</v>
      </c>
      <c r="KG18" s="169">
        <v>25</v>
      </c>
      <c r="KH18" s="169">
        <v>25</v>
      </c>
      <c r="KI18" s="169">
        <v>12</v>
      </c>
      <c r="KJ18" s="169">
        <v>16</v>
      </c>
      <c r="KK18" s="169">
        <v>10</v>
      </c>
      <c r="KL18" s="170">
        <v>88</v>
      </c>
      <c r="KM18" s="171">
        <v>113</v>
      </c>
    </row>
    <row r="19" spans="2:299" s="137" customFormat="1" ht="21" customHeight="1" x14ac:dyDescent="0.2">
      <c r="B19" s="173" t="s">
        <v>16</v>
      </c>
      <c r="C19" s="163">
        <v>27</v>
      </c>
      <c r="D19" s="164">
        <v>32</v>
      </c>
      <c r="E19" s="165">
        <v>59</v>
      </c>
      <c r="F19" s="439">
        <v>0</v>
      </c>
      <c r="G19" s="164">
        <v>44</v>
      </c>
      <c r="H19" s="164">
        <v>70</v>
      </c>
      <c r="I19" s="164">
        <v>40</v>
      </c>
      <c r="J19" s="164">
        <v>23</v>
      </c>
      <c r="K19" s="164">
        <v>16</v>
      </c>
      <c r="L19" s="166">
        <v>193</v>
      </c>
      <c r="M19" s="167">
        <v>252</v>
      </c>
      <c r="N19" s="168">
        <v>0</v>
      </c>
      <c r="O19" s="169">
        <v>1</v>
      </c>
      <c r="P19" s="170">
        <v>1</v>
      </c>
      <c r="Q19" s="439">
        <v>0</v>
      </c>
      <c r="R19" s="169">
        <v>1</v>
      </c>
      <c r="S19" s="169">
        <v>2</v>
      </c>
      <c r="T19" s="169">
        <v>1</v>
      </c>
      <c r="U19" s="169">
        <v>1</v>
      </c>
      <c r="V19" s="169">
        <v>3</v>
      </c>
      <c r="W19" s="170">
        <v>8</v>
      </c>
      <c r="X19" s="171">
        <v>9</v>
      </c>
      <c r="Y19" s="168">
        <v>0</v>
      </c>
      <c r="Z19" s="169">
        <v>4</v>
      </c>
      <c r="AA19" s="170">
        <v>4</v>
      </c>
      <c r="AB19" s="439">
        <v>0</v>
      </c>
      <c r="AC19" s="169">
        <v>4</v>
      </c>
      <c r="AD19" s="169">
        <v>8</v>
      </c>
      <c r="AE19" s="169">
        <v>4</v>
      </c>
      <c r="AF19" s="169">
        <v>1</v>
      </c>
      <c r="AG19" s="169">
        <v>1</v>
      </c>
      <c r="AH19" s="170">
        <v>18</v>
      </c>
      <c r="AI19" s="171">
        <v>22</v>
      </c>
      <c r="AJ19" s="168">
        <v>6</v>
      </c>
      <c r="AK19" s="169">
        <v>4</v>
      </c>
      <c r="AL19" s="170">
        <v>10</v>
      </c>
      <c r="AM19" s="439">
        <v>0</v>
      </c>
      <c r="AN19" s="169">
        <v>4</v>
      </c>
      <c r="AO19" s="169">
        <v>13</v>
      </c>
      <c r="AP19" s="169">
        <v>4</v>
      </c>
      <c r="AQ19" s="169">
        <v>3</v>
      </c>
      <c r="AR19" s="169">
        <v>4</v>
      </c>
      <c r="AS19" s="170">
        <v>28</v>
      </c>
      <c r="AT19" s="171">
        <v>38</v>
      </c>
      <c r="AU19" s="168">
        <v>8</v>
      </c>
      <c r="AV19" s="169">
        <v>7</v>
      </c>
      <c r="AW19" s="170">
        <v>15</v>
      </c>
      <c r="AX19" s="439">
        <v>0</v>
      </c>
      <c r="AY19" s="169">
        <v>11</v>
      </c>
      <c r="AZ19" s="169">
        <v>20</v>
      </c>
      <c r="BA19" s="169">
        <v>11</v>
      </c>
      <c r="BB19" s="169">
        <v>5</v>
      </c>
      <c r="BC19" s="169">
        <v>2</v>
      </c>
      <c r="BD19" s="170">
        <v>49</v>
      </c>
      <c r="BE19" s="171">
        <v>64</v>
      </c>
      <c r="BF19" s="168">
        <v>9</v>
      </c>
      <c r="BG19" s="169">
        <v>7</v>
      </c>
      <c r="BH19" s="170">
        <v>16</v>
      </c>
      <c r="BI19" s="439">
        <v>0</v>
      </c>
      <c r="BJ19" s="169">
        <v>13</v>
      </c>
      <c r="BK19" s="169">
        <v>15</v>
      </c>
      <c r="BL19" s="169">
        <v>12</v>
      </c>
      <c r="BM19" s="169">
        <v>5</v>
      </c>
      <c r="BN19" s="169">
        <v>6</v>
      </c>
      <c r="BO19" s="170">
        <v>51</v>
      </c>
      <c r="BP19" s="171">
        <v>67</v>
      </c>
      <c r="BQ19" s="168">
        <v>4</v>
      </c>
      <c r="BR19" s="169">
        <v>9</v>
      </c>
      <c r="BS19" s="170">
        <v>13</v>
      </c>
      <c r="BT19" s="439">
        <v>0</v>
      </c>
      <c r="BU19" s="169">
        <v>11</v>
      </c>
      <c r="BV19" s="169">
        <v>12</v>
      </c>
      <c r="BW19" s="169">
        <v>8</v>
      </c>
      <c r="BX19" s="169">
        <v>8</v>
      </c>
      <c r="BY19" s="169">
        <v>0</v>
      </c>
      <c r="BZ19" s="170">
        <v>39</v>
      </c>
      <c r="CA19" s="171">
        <v>52</v>
      </c>
      <c r="CB19" s="168">
        <v>0</v>
      </c>
      <c r="CC19" s="169">
        <v>0</v>
      </c>
      <c r="CD19" s="170">
        <v>0</v>
      </c>
      <c r="CE19" s="439">
        <v>0</v>
      </c>
      <c r="CF19" s="169">
        <v>0</v>
      </c>
      <c r="CG19" s="169">
        <v>0</v>
      </c>
      <c r="CH19" s="169">
        <v>0</v>
      </c>
      <c r="CI19" s="169">
        <v>0</v>
      </c>
      <c r="CJ19" s="169">
        <v>0</v>
      </c>
      <c r="CK19" s="170">
        <v>0</v>
      </c>
      <c r="CL19" s="171">
        <v>0</v>
      </c>
      <c r="CM19" s="168">
        <v>27</v>
      </c>
      <c r="CN19" s="169">
        <v>32</v>
      </c>
      <c r="CO19" s="170">
        <v>59</v>
      </c>
      <c r="CP19" s="439">
        <v>0</v>
      </c>
      <c r="CQ19" s="169">
        <v>44</v>
      </c>
      <c r="CR19" s="169">
        <v>70</v>
      </c>
      <c r="CS19" s="169">
        <v>40</v>
      </c>
      <c r="CT19" s="169">
        <v>23</v>
      </c>
      <c r="CU19" s="169">
        <v>16</v>
      </c>
      <c r="CV19" s="170">
        <v>193</v>
      </c>
      <c r="CW19" s="171">
        <v>252</v>
      </c>
      <c r="CX19" s="172">
        <v>15</v>
      </c>
      <c r="CY19" s="164">
        <v>16</v>
      </c>
      <c r="CZ19" s="165">
        <v>31</v>
      </c>
      <c r="DA19" s="439">
        <v>0</v>
      </c>
      <c r="DB19" s="164">
        <v>21</v>
      </c>
      <c r="DC19" s="164">
        <v>23</v>
      </c>
      <c r="DD19" s="164">
        <v>18</v>
      </c>
      <c r="DE19" s="164">
        <v>14</v>
      </c>
      <c r="DF19" s="164">
        <v>5</v>
      </c>
      <c r="DG19" s="166">
        <v>81</v>
      </c>
      <c r="DH19" s="167">
        <v>112</v>
      </c>
      <c r="DI19" s="168">
        <v>0</v>
      </c>
      <c r="DJ19" s="169">
        <v>2</v>
      </c>
      <c r="DK19" s="170">
        <v>2</v>
      </c>
      <c r="DL19" s="439">
        <v>0</v>
      </c>
      <c r="DM19" s="169">
        <v>0</v>
      </c>
      <c r="DN19" s="169">
        <v>1</v>
      </c>
      <c r="DO19" s="169">
        <v>0</v>
      </c>
      <c r="DP19" s="169">
        <v>0</v>
      </c>
      <c r="DQ19" s="169">
        <v>0</v>
      </c>
      <c r="DR19" s="170">
        <v>1</v>
      </c>
      <c r="DS19" s="171">
        <v>3</v>
      </c>
      <c r="DT19" s="168">
        <v>2</v>
      </c>
      <c r="DU19" s="169">
        <v>3</v>
      </c>
      <c r="DV19" s="170">
        <v>5</v>
      </c>
      <c r="DW19" s="439">
        <v>0</v>
      </c>
      <c r="DX19" s="169">
        <v>0</v>
      </c>
      <c r="DY19" s="169">
        <v>2</v>
      </c>
      <c r="DZ19" s="169">
        <v>0</v>
      </c>
      <c r="EA19" s="169">
        <v>0</v>
      </c>
      <c r="EB19" s="169">
        <v>0</v>
      </c>
      <c r="EC19" s="170">
        <v>2</v>
      </c>
      <c r="ED19" s="171">
        <v>7</v>
      </c>
      <c r="EE19" s="168">
        <v>3</v>
      </c>
      <c r="EF19" s="169">
        <v>2</v>
      </c>
      <c r="EG19" s="170">
        <v>5</v>
      </c>
      <c r="EH19" s="439">
        <v>0</v>
      </c>
      <c r="EI19" s="169">
        <v>1</v>
      </c>
      <c r="EJ19" s="169">
        <v>1</v>
      </c>
      <c r="EK19" s="169">
        <v>1</v>
      </c>
      <c r="EL19" s="169">
        <v>0</v>
      </c>
      <c r="EM19" s="169">
        <v>1</v>
      </c>
      <c r="EN19" s="170">
        <v>4</v>
      </c>
      <c r="EO19" s="171">
        <v>9</v>
      </c>
      <c r="EP19" s="168">
        <v>5</v>
      </c>
      <c r="EQ19" s="169">
        <v>2</v>
      </c>
      <c r="ER19" s="170">
        <v>7</v>
      </c>
      <c r="ES19" s="439">
        <v>0</v>
      </c>
      <c r="ET19" s="169">
        <v>4</v>
      </c>
      <c r="EU19" s="169">
        <v>4</v>
      </c>
      <c r="EV19" s="169">
        <v>5</v>
      </c>
      <c r="EW19" s="169">
        <v>0</v>
      </c>
      <c r="EX19" s="169">
        <v>0</v>
      </c>
      <c r="EY19" s="170">
        <v>13</v>
      </c>
      <c r="EZ19" s="171">
        <v>20</v>
      </c>
      <c r="FA19" s="168">
        <v>3</v>
      </c>
      <c r="FB19" s="169">
        <v>3</v>
      </c>
      <c r="FC19" s="170">
        <v>6</v>
      </c>
      <c r="FD19" s="439">
        <v>0</v>
      </c>
      <c r="FE19" s="169">
        <v>9</v>
      </c>
      <c r="FF19" s="169">
        <v>9</v>
      </c>
      <c r="FG19" s="169">
        <v>5</v>
      </c>
      <c r="FH19" s="169">
        <v>2</v>
      </c>
      <c r="FI19" s="169">
        <v>1</v>
      </c>
      <c r="FJ19" s="170">
        <v>26</v>
      </c>
      <c r="FK19" s="171">
        <v>32</v>
      </c>
      <c r="FL19" s="168">
        <v>2</v>
      </c>
      <c r="FM19" s="169">
        <v>4</v>
      </c>
      <c r="FN19" s="170">
        <v>6</v>
      </c>
      <c r="FO19" s="439">
        <v>0</v>
      </c>
      <c r="FP19" s="169">
        <v>7</v>
      </c>
      <c r="FQ19" s="169">
        <v>6</v>
      </c>
      <c r="FR19" s="169">
        <v>7</v>
      </c>
      <c r="FS19" s="169">
        <v>12</v>
      </c>
      <c r="FT19" s="169">
        <v>3</v>
      </c>
      <c r="FU19" s="170">
        <v>35</v>
      </c>
      <c r="FV19" s="171">
        <v>41</v>
      </c>
      <c r="FW19" s="168">
        <v>0</v>
      </c>
      <c r="FX19" s="169">
        <v>0</v>
      </c>
      <c r="FY19" s="170">
        <v>0</v>
      </c>
      <c r="FZ19" s="439">
        <v>0</v>
      </c>
      <c r="GA19" s="169">
        <v>0</v>
      </c>
      <c r="GB19" s="169">
        <v>0</v>
      </c>
      <c r="GC19" s="169">
        <v>0</v>
      </c>
      <c r="GD19" s="169">
        <v>0</v>
      </c>
      <c r="GE19" s="169">
        <v>0</v>
      </c>
      <c r="GF19" s="170">
        <v>0</v>
      </c>
      <c r="GG19" s="171">
        <v>0</v>
      </c>
      <c r="GH19" s="168">
        <v>15</v>
      </c>
      <c r="GI19" s="169">
        <v>16</v>
      </c>
      <c r="GJ19" s="170">
        <v>31</v>
      </c>
      <c r="GK19" s="439">
        <v>0</v>
      </c>
      <c r="GL19" s="169">
        <v>21</v>
      </c>
      <c r="GM19" s="169">
        <v>23</v>
      </c>
      <c r="GN19" s="169">
        <v>18</v>
      </c>
      <c r="GO19" s="169">
        <v>14</v>
      </c>
      <c r="GP19" s="169">
        <v>5</v>
      </c>
      <c r="GQ19" s="170">
        <v>81</v>
      </c>
      <c r="GR19" s="171">
        <v>112</v>
      </c>
      <c r="GS19" s="172">
        <v>42</v>
      </c>
      <c r="GT19" s="164">
        <v>48</v>
      </c>
      <c r="GU19" s="165">
        <v>90</v>
      </c>
      <c r="GV19" s="439">
        <v>0</v>
      </c>
      <c r="GW19" s="164">
        <v>65</v>
      </c>
      <c r="GX19" s="164">
        <v>93</v>
      </c>
      <c r="GY19" s="164">
        <v>58</v>
      </c>
      <c r="GZ19" s="164">
        <v>37</v>
      </c>
      <c r="HA19" s="164">
        <v>21</v>
      </c>
      <c r="HB19" s="166">
        <v>274</v>
      </c>
      <c r="HC19" s="167">
        <v>364</v>
      </c>
      <c r="HD19" s="168">
        <v>0</v>
      </c>
      <c r="HE19" s="169">
        <v>3</v>
      </c>
      <c r="HF19" s="170">
        <v>3</v>
      </c>
      <c r="HG19" s="439">
        <v>0</v>
      </c>
      <c r="HH19" s="169">
        <v>1</v>
      </c>
      <c r="HI19" s="169">
        <v>3</v>
      </c>
      <c r="HJ19" s="169">
        <v>1</v>
      </c>
      <c r="HK19" s="169">
        <v>1</v>
      </c>
      <c r="HL19" s="169">
        <v>3</v>
      </c>
      <c r="HM19" s="170">
        <v>9</v>
      </c>
      <c r="HN19" s="171">
        <v>12</v>
      </c>
      <c r="HO19" s="168">
        <v>2</v>
      </c>
      <c r="HP19" s="169">
        <v>7</v>
      </c>
      <c r="HQ19" s="170">
        <v>9</v>
      </c>
      <c r="HR19" s="439">
        <v>0</v>
      </c>
      <c r="HS19" s="169">
        <v>4</v>
      </c>
      <c r="HT19" s="169">
        <v>10</v>
      </c>
      <c r="HU19" s="169">
        <v>4</v>
      </c>
      <c r="HV19" s="169">
        <v>1</v>
      </c>
      <c r="HW19" s="169">
        <v>1</v>
      </c>
      <c r="HX19" s="170">
        <v>20</v>
      </c>
      <c r="HY19" s="171">
        <v>29</v>
      </c>
      <c r="HZ19" s="168">
        <v>9</v>
      </c>
      <c r="IA19" s="169">
        <v>6</v>
      </c>
      <c r="IB19" s="170">
        <v>15</v>
      </c>
      <c r="IC19" s="439">
        <v>0</v>
      </c>
      <c r="ID19" s="169">
        <v>5</v>
      </c>
      <c r="IE19" s="169">
        <v>14</v>
      </c>
      <c r="IF19" s="169">
        <v>5</v>
      </c>
      <c r="IG19" s="169">
        <v>3</v>
      </c>
      <c r="IH19" s="169">
        <v>5</v>
      </c>
      <c r="II19" s="170">
        <v>32</v>
      </c>
      <c r="IJ19" s="171">
        <v>47</v>
      </c>
      <c r="IK19" s="168">
        <v>13</v>
      </c>
      <c r="IL19" s="169">
        <v>9</v>
      </c>
      <c r="IM19" s="170">
        <v>22</v>
      </c>
      <c r="IN19" s="439">
        <v>0</v>
      </c>
      <c r="IO19" s="169">
        <v>15</v>
      </c>
      <c r="IP19" s="169">
        <v>24</v>
      </c>
      <c r="IQ19" s="169">
        <v>16</v>
      </c>
      <c r="IR19" s="169">
        <v>5</v>
      </c>
      <c r="IS19" s="169">
        <v>2</v>
      </c>
      <c r="IT19" s="170">
        <v>62</v>
      </c>
      <c r="IU19" s="171">
        <v>84</v>
      </c>
      <c r="IV19" s="168">
        <v>12</v>
      </c>
      <c r="IW19" s="169">
        <v>10</v>
      </c>
      <c r="IX19" s="170">
        <v>22</v>
      </c>
      <c r="IY19" s="439">
        <v>0</v>
      </c>
      <c r="IZ19" s="169">
        <v>22</v>
      </c>
      <c r="JA19" s="169">
        <v>24</v>
      </c>
      <c r="JB19" s="169">
        <v>17</v>
      </c>
      <c r="JC19" s="169">
        <v>7</v>
      </c>
      <c r="JD19" s="169">
        <v>7</v>
      </c>
      <c r="JE19" s="170">
        <v>77</v>
      </c>
      <c r="JF19" s="171">
        <v>99</v>
      </c>
      <c r="JG19" s="168">
        <v>6</v>
      </c>
      <c r="JH19" s="169">
        <v>13</v>
      </c>
      <c r="JI19" s="170">
        <v>19</v>
      </c>
      <c r="JJ19" s="439">
        <v>0</v>
      </c>
      <c r="JK19" s="169">
        <v>18</v>
      </c>
      <c r="JL19" s="169">
        <v>18</v>
      </c>
      <c r="JM19" s="169">
        <v>15</v>
      </c>
      <c r="JN19" s="169">
        <v>20</v>
      </c>
      <c r="JO19" s="169">
        <v>3</v>
      </c>
      <c r="JP19" s="170">
        <v>74</v>
      </c>
      <c r="JQ19" s="171">
        <v>93</v>
      </c>
      <c r="JR19" s="168">
        <v>0</v>
      </c>
      <c r="JS19" s="169">
        <v>0</v>
      </c>
      <c r="JT19" s="170">
        <v>0</v>
      </c>
      <c r="JU19" s="439">
        <v>0</v>
      </c>
      <c r="JV19" s="169">
        <v>0</v>
      </c>
      <c r="JW19" s="169">
        <v>0</v>
      </c>
      <c r="JX19" s="169">
        <v>0</v>
      </c>
      <c r="JY19" s="169">
        <v>0</v>
      </c>
      <c r="JZ19" s="169">
        <v>0</v>
      </c>
      <c r="KA19" s="170">
        <v>0</v>
      </c>
      <c r="KB19" s="171">
        <v>0</v>
      </c>
      <c r="KC19" s="168">
        <v>42</v>
      </c>
      <c r="KD19" s="169">
        <v>48</v>
      </c>
      <c r="KE19" s="170">
        <v>90</v>
      </c>
      <c r="KF19" s="439">
        <v>0</v>
      </c>
      <c r="KG19" s="169">
        <v>65</v>
      </c>
      <c r="KH19" s="169">
        <v>93</v>
      </c>
      <c r="KI19" s="169">
        <v>58</v>
      </c>
      <c r="KJ19" s="169">
        <v>37</v>
      </c>
      <c r="KK19" s="169">
        <v>21</v>
      </c>
      <c r="KL19" s="170">
        <v>274</v>
      </c>
      <c r="KM19" s="171">
        <v>364</v>
      </c>
    </row>
    <row r="20" spans="2:299" s="137" customFormat="1" ht="21" customHeight="1" x14ac:dyDescent="0.2">
      <c r="B20" s="173" t="s">
        <v>17</v>
      </c>
      <c r="C20" s="163">
        <v>51</v>
      </c>
      <c r="D20" s="164">
        <v>56</v>
      </c>
      <c r="E20" s="165">
        <v>107</v>
      </c>
      <c r="F20" s="439">
        <v>0</v>
      </c>
      <c r="G20" s="164">
        <v>77</v>
      </c>
      <c r="H20" s="164">
        <v>89</v>
      </c>
      <c r="I20" s="164">
        <v>63</v>
      </c>
      <c r="J20" s="164">
        <v>47</v>
      </c>
      <c r="K20" s="164">
        <v>21</v>
      </c>
      <c r="L20" s="166">
        <v>297</v>
      </c>
      <c r="M20" s="167">
        <v>404</v>
      </c>
      <c r="N20" s="168">
        <v>3</v>
      </c>
      <c r="O20" s="169">
        <v>3</v>
      </c>
      <c r="P20" s="170">
        <v>6</v>
      </c>
      <c r="Q20" s="439">
        <v>0</v>
      </c>
      <c r="R20" s="169">
        <v>4</v>
      </c>
      <c r="S20" s="169">
        <v>3</v>
      </c>
      <c r="T20" s="169">
        <v>3</v>
      </c>
      <c r="U20" s="169">
        <v>6</v>
      </c>
      <c r="V20" s="169">
        <v>1</v>
      </c>
      <c r="W20" s="170">
        <v>17</v>
      </c>
      <c r="X20" s="171">
        <v>23</v>
      </c>
      <c r="Y20" s="168">
        <v>3</v>
      </c>
      <c r="Z20" s="169">
        <v>3</v>
      </c>
      <c r="AA20" s="170">
        <v>6</v>
      </c>
      <c r="AB20" s="439">
        <v>0</v>
      </c>
      <c r="AC20" s="169">
        <v>7</v>
      </c>
      <c r="AD20" s="169">
        <v>12</v>
      </c>
      <c r="AE20" s="169">
        <v>7</v>
      </c>
      <c r="AF20" s="169">
        <v>5</v>
      </c>
      <c r="AG20" s="169">
        <v>1</v>
      </c>
      <c r="AH20" s="170">
        <v>32</v>
      </c>
      <c r="AI20" s="171">
        <v>38</v>
      </c>
      <c r="AJ20" s="168">
        <v>9</v>
      </c>
      <c r="AK20" s="169">
        <v>7</v>
      </c>
      <c r="AL20" s="170">
        <v>16</v>
      </c>
      <c r="AM20" s="439">
        <v>0</v>
      </c>
      <c r="AN20" s="169">
        <v>9</v>
      </c>
      <c r="AO20" s="169">
        <v>11</v>
      </c>
      <c r="AP20" s="169">
        <v>7</v>
      </c>
      <c r="AQ20" s="169">
        <v>7</v>
      </c>
      <c r="AR20" s="169">
        <v>4</v>
      </c>
      <c r="AS20" s="170">
        <v>38</v>
      </c>
      <c r="AT20" s="171">
        <v>54</v>
      </c>
      <c r="AU20" s="168">
        <v>11</v>
      </c>
      <c r="AV20" s="169">
        <v>10</v>
      </c>
      <c r="AW20" s="170">
        <v>21</v>
      </c>
      <c r="AX20" s="439">
        <v>0</v>
      </c>
      <c r="AY20" s="169">
        <v>20</v>
      </c>
      <c r="AZ20" s="169">
        <v>27</v>
      </c>
      <c r="BA20" s="169">
        <v>14</v>
      </c>
      <c r="BB20" s="169">
        <v>6</v>
      </c>
      <c r="BC20" s="169">
        <v>5</v>
      </c>
      <c r="BD20" s="170">
        <v>72</v>
      </c>
      <c r="BE20" s="171">
        <v>93</v>
      </c>
      <c r="BF20" s="168">
        <v>18</v>
      </c>
      <c r="BG20" s="169">
        <v>15</v>
      </c>
      <c r="BH20" s="170">
        <v>33</v>
      </c>
      <c r="BI20" s="439">
        <v>0</v>
      </c>
      <c r="BJ20" s="169">
        <v>22</v>
      </c>
      <c r="BK20" s="169">
        <v>14</v>
      </c>
      <c r="BL20" s="169">
        <v>17</v>
      </c>
      <c r="BM20" s="169">
        <v>12</v>
      </c>
      <c r="BN20" s="169">
        <v>3</v>
      </c>
      <c r="BO20" s="170">
        <v>68</v>
      </c>
      <c r="BP20" s="171">
        <v>101</v>
      </c>
      <c r="BQ20" s="168">
        <v>7</v>
      </c>
      <c r="BR20" s="169">
        <v>18</v>
      </c>
      <c r="BS20" s="170">
        <v>25</v>
      </c>
      <c r="BT20" s="439">
        <v>0</v>
      </c>
      <c r="BU20" s="169">
        <v>15</v>
      </c>
      <c r="BV20" s="169">
        <v>22</v>
      </c>
      <c r="BW20" s="169">
        <v>15</v>
      </c>
      <c r="BX20" s="169">
        <v>11</v>
      </c>
      <c r="BY20" s="169">
        <v>7</v>
      </c>
      <c r="BZ20" s="170">
        <v>70</v>
      </c>
      <c r="CA20" s="171">
        <v>95</v>
      </c>
      <c r="CB20" s="168">
        <v>0</v>
      </c>
      <c r="CC20" s="169">
        <v>0</v>
      </c>
      <c r="CD20" s="170">
        <v>0</v>
      </c>
      <c r="CE20" s="439">
        <v>0</v>
      </c>
      <c r="CF20" s="169">
        <v>0</v>
      </c>
      <c r="CG20" s="169">
        <v>0</v>
      </c>
      <c r="CH20" s="169">
        <v>0</v>
      </c>
      <c r="CI20" s="169">
        <v>0</v>
      </c>
      <c r="CJ20" s="169">
        <v>0</v>
      </c>
      <c r="CK20" s="170">
        <v>0</v>
      </c>
      <c r="CL20" s="171">
        <v>0</v>
      </c>
      <c r="CM20" s="168">
        <v>51</v>
      </c>
      <c r="CN20" s="169">
        <v>56</v>
      </c>
      <c r="CO20" s="170">
        <v>107</v>
      </c>
      <c r="CP20" s="439">
        <v>0</v>
      </c>
      <c r="CQ20" s="169">
        <v>77</v>
      </c>
      <c r="CR20" s="169">
        <v>89</v>
      </c>
      <c r="CS20" s="169">
        <v>63</v>
      </c>
      <c r="CT20" s="169">
        <v>47</v>
      </c>
      <c r="CU20" s="169">
        <v>21</v>
      </c>
      <c r="CV20" s="170">
        <v>297</v>
      </c>
      <c r="CW20" s="171">
        <v>404</v>
      </c>
      <c r="CX20" s="172">
        <v>14</v>
      </c>
      <c r="CY20" s="164">
        <v>30</v>
      </c>
      <c r="CZ20" s="165">
        <v>44</v>
      </c>
      <c r="DA20" s="439">
        <v>0</v>
      </c>
      <c r="DB20" s="164">
        <v>34</v>
      </c>
      <c r="DC20" s="164">
        <v>34</v>
      </c>
      <c r="DD20" s="164">
        <v>30</v>
      </c>
      <c r="DE20" s="164">
        <v>16</v>
      </c>
      <c r="DF20" s="164">
        <v>26</v>
      </c>
      <c r="DG20" s="166">
        <v>140</v>
      </c>
      <c r="DH20" s="167">
        <v>184</v>
      </c>
      <c r="DI20" s="168">
        <v>2</v>
      </c>
      <c r="DJ20" s="169">
        <v>1</v>
      </c>
      <c r="DK20" s="170">
        <v>3</v>
      </c>
      <c r="DL20" s="439">
        <v>0</v>
      </c>
      <c r="DM20" s="169">
        <v>0</v>
      </c>
      <c r="DN20" s="169">
        <v>0</v>
      </c>
      <c r="DO20" s="169">
        <v>1</v>
      </c>
      <c r="DP20" s="169">
        <v>0</v>
      </c>
      <c r="DQ20" s="169">
        <v>0</v>
      </c>
      <c r="DR20" s="170">
        <v>1</v>
      </c>
      <c r="DS20" s="171">
        <v>4</v>
      </c>
      <c r="DT20" s="168">
        <v>2</v>
      </c>
      <c r="DU20" s="169">
        <v>1</v>
      </c>
      <c r="DV20" s="170">
        <v>3</v>
      </c>
      <c r="DW20" s="439">
        <v>0</v>
      </c>
      <c r="DX20" s="169">
        <v>2</v>
      </c>
      <c r="DY20" s="169">
        <v>2</v>
      </c>
      <c r="DZ20" s="169">
        <v>1</v>
      </c>
      <c r="EA20" s="169">
        <v>1</v>
      </c>
      <c r="EB20" s="169">
        <v>1</v>
      </c>
      <c r="EC20" s="170">
        <v>7</v>
      </c>
      <c r="ED20" s="171">
        <v>10</v>
      </c>
      <c r="EE20" s="168">
        <v>3</v>
      </c>
      <c r="EF20" s="169">
        <v>1</v>
      </c>
      <c r="EG20" s="170">
        <v>4</v>
      </c>
      <c r="EH20" s="439">
        <v>0</v>
      </c>
      <c r="EI20" s="169">
        <v>7</v>
      </c>
      <c r="EJ20" s="169">
        <v>4</v>
      </c>
      <c r="EK20" s="169">
        <v>5</v>
      </c>
      <c r="EL20" s="169">
        <v>4</v>
      </c>
      <c r="EM20" s="169">
        <v>1</v>
      </c>
      <c r="EN20" s="170">
        <v>21</v>
      </c>
      <c r="EO20" s="171">
        <v>25</v>
      </c>
      <c r="EP20" s="168">
        <v>2</v>
      </c>
      <c r="EQ20" s="169">
        <v>7</v>
      </c>
      <c r="ER20" s="170">
        <v>9</v>
      </c>
      <c r="ES20" s="439">
        <v>0</v>
      </c>
      <c r="ET20" s="169">
        <v>4</v>
      </c>
      <c r="EU20" s="169">
        <v>7</v>
      </c>
      <c r="EV20" s="169">
        <v>6</v>
      </c>
      <c r="EW20" s="169">
        <v>4</v>
      </c>
      <c r="EX20" s="169">
        <v>8</v>
      </c>
      <c r="EY20" s="170">
        <v>29</v>
      </c>
      <c r="EZ20" s="171">
        <v>38</v>
      </c>
      <c r="FA20" s="168">
        <v>5</v>
      </c>
      <c r="FB20" s="169">
        <v>13</v>
      </c>
      <c r="FC20" s="170">
        <v>18</v>
      </c>
      <c r="FD20" s="439">
        <v>0</v>
      </c>
      <c r="FE20" s="169">
        <v>10</v>
      </c>
      <c r="FF20" s="169">
        <v>9</v>
      </c>
      <c r="FG20" s="169">
        <v>5</v>
      </c>
      <c r="FH20" s="169">
        <v>2</v>
      </c>
      <c r="FI20" s="169">
        <v>8</v>
      </c>
      <c r="FJ20" s="170">
        <v>34</v>
      </c>
      <c r="FK20" s="171">
        <v>52</v>
      </c>
      <c r="FL20" s="168">
        <v>0</v>
      </c>
      <c r="FM20" s="169">
        <v>7</v>
      </c>
      <c r="FN20" s="170">
        <v>7</v>
      </c>
      <c r="FO20" s="439">
        <v>0</v>
      </c>
      <c r="FP20" s="169">
        <v>11</v>
      </c>
      <c r="FQ20" s="169">
        <v>12</v>
      </c>
      <c r="FR20" s="169">
        <v>12</v>
      </c>
      <c r="FS20" s="169">
        <v>5</v>
      </c>
      <c r="FT20" s="169">
        <v>8</v>
      </c>
      <c r="FU20" s="170">
        <v>48</v>
      </c>
      <c r="FV20" s="171">
        <v>55</v>
      </c>
      <c r="FW20" s="168">
        <v>0</v>
      </c>
      <c r="FX20" s="169">
        <v>0</v>
      </c>
      <c r="FY20" s="170">
        <v>0</v>
      </c>
      <c r="FZ20" s="439">
        <v>0</v>
      </c>
      <c r="GA20" s="169">
        <v>0</v>
      </c>
      <c r="GB20" s="169">
        <v>0</v>
      </c>
      <c r="GC20" s="169">
        <v>0</v>
      </c>
      <c r="GD20" s="169">
        <v>0</v>
      </c>
      <c r="GE20" s="169">
        <v>0</v>
      </c>
      <c r="GF20" s="170">
        <v>0</v>
      </c>
      <c r="GG20" s="171">
        <v>0</v>
      </c>
      <c r="GH20" s="168">
        <v>14</v>
      </c>
      <c r="GI20" s="169">
        <v>30</v>
      </c>
      <c r="GJ20" s="170">
        <v>44</v>
      </c>
      <c r="GK20" s="439">
        <v>0</v>
      </c>
      <c r="GL20" s="169">
        <v>34</v>
      </c>
      <c r="GM20" s="169">
        <v>34</v>
      </c>
      <c r="GN20" s="169">
        <v>30</v>
      </c>
      <c r="GO20" s="169">
        <v>16</v>
      </c>
      <c r="GP20" s="169">
        <v>26</v>
      </c>
      <c r="GQ20" s="170">
        <v>140</v>
      </c>
      <c r="GR20" s="171">
        <v>184</v>
      </c>
      <c r="GS20" s="172">
        <v>65</v>
      </c>
      <c r="GT20" s="164">
        <v>86</v>
      </c>
      <c r="GU20" s="165">
        <v>151</v>
      </c>
      <c r="GV20" s="439">
        <v>0</v>
      </c>
      <c r="GW20" s="164">
        <v>111</v>
      </c>
      <c r="GX20" s="164">
        <v>123</v>
      </c>
      <c r="GY20" s="164">
        <v>93</v>
      </c>
      <c r="GZ20" s="164">
        <v>63</v>
      </c>
      <c r="HA20" s="164">
        <v>47</v>
      </c>
      <c r="HB20" s="166">
        <v>437</v>
      </c>
      <c r="HC20" s="167">
        <v>588</v>
      </c>
      <c r="HD20" s="168">
        <v>5</v>
      </c>
      <c r="HE20" s="169">
        <v>4</v>
      </c>
      <c r="HF20" s="170">
        <v>9</v>
      </c>
      <c r="HG20" s="439">
        <v>0</v>
      </c>
      <c r="HH20" s="169">
        <v>4</v>
      </c>
      <c r="HI20" s="169">
        <v>3</v>
      </c>
      <c r="HJ20" s="169">
        <v>4</v>
      </c>
      <c r="HK20" s="169">
        <v>6</v>
      </c>
      <c r="HL20" s="169">
        <v>1</v>
      </c>
      <c r="HM20" s="170">
        <v>18</v>
      </c>
      <c r="HN20" s="171">
        <v>27</v>
      </c>
      <c r="HO20" s="168">
        <v>5</v>
      </c>
      <c r="HP20" s="169">
        <v>4</v>
      </c>
      <c r="HQ20" s="170">
        <v>9</v>
      </c>
      <c r="HR20" s="439">
        <v>0</v>
      </c>
      <c r="HS20" s="169">
        <v>9</v>
      </c>
      <c r="HT20" s="169">
        <v>14</v>
      </c>
      <c r="HU20" s="169">
        <v>8</v>
      </c>
      <c r="HV20" s="169">
        <v>6</v>
      </c>
      <c r="HW20" s="169">
        <v>2</v>
      </c>
      <c r="HX20" s="170">
        <v>39</v>
      </c>
      <c r="HY20" s="171">
        <v>48</v>
      </c>
      <c r="HZ20" s="168">
        <v>12</v>
      </c>
      <c r="IA20" s="169">
        <v>8</v>
      </c>
      <c r="IB20" s="170">
        <v>20</v>
      </c>
      <c r="IC20" s="439">
        <v>0</v>
      </c>
      <c r="ID20" s="169">
        <v>16</v>
      </c>
      <c r="IE20" s="169">
        <v>15</v>
      </c>
      <c r="IF20" s="169">
        <v>12</v>
      </c>
      <c r="IG20" s="169">
        <v>11</v>
      </c>
      <c r="IH20" s="169">
        <v>5</v>
      </c>
      <c r="II20" s="170">
        <v>59</v>
      </c>
      <c r="IJ20" s="171">
        <v>79</v>
      </c>
      <c r="IK20" s="168">
        <v>13</v>
      </c>
      <c r="IL20" s="169">
        <v>17</v>
      </c>
      <c r="IM20" s="170">
        <v>30</v>
      </c>
      <c r="IN20" s="439">
        <v>0</v>
      </c>
      <c r="IO20" s="169">
        <v>24</v>
      </c>
      <c r="IP20" s="169">
        <v>34</v>
      </c>
      <c r="IQ20" s="169">
        <v>20</v>
      </c>
      <c r="IR20" s="169">
        <v>10</v>
      </c>
      <c r="IS20" s="169">
        <v>13</v>
      </c>
      <c r="IT20" s="170">
        <v>101</v>
      </c>
      <c r="IU20" s="171">
        <v>131</v>
      </c>
      <c r="IV20" s="168">
        <v>23</v>
      </c>
      <c r="IW20" s="169">
        <v>28</v>
      </c>
      <c r="IX20" s="170">
        <v>51</v>
      </c>
      <c r="IY20" s="439">
        <v>0</v>
      </c>
      <c r="IZ20" s="169">
        <v>32</v>
      </c>
      <c r="JA20" s="169">
        <v>23</v>
      </c>
      <c r="JB20" s="169">
        <v>22</v>
      </c>
      <c r="JC20" s="169">
        <v>14</v>
      </c>
      <c r="JD20" s="169">
        <v>11</v>
      </c>
      <c r="JE20" s="170">
        <v>102</v>
      </c>
      <c r="JF20" s="171">
        <v>153</v>
      </c>
      <c r="JG20" s="168">
        <v>7</v>
      </c>
      <c r="JH20" s="169">
        <v>25</v>
      </c>
      <c r="JI20" s="170">
        <v>32</v>
      </c>
      <c r="JJ20" s="439">
        <v>0</v>
      </c>
      <c r="JK20" s="169">
        <v>26</v>
      </c>
      <c r="JL20" s="169">
        <v>34</v>
      </c>
      <c r="JM20" s="169">
        <v>27</v>
      </c>
      <c r="JN20" s="169">
        <v>16</v>
      </c>
      <c r="JO20" s="169">
        <v>15</v>
      </c>
      <c r="JP20" s="170">
        <v>118</v>
      </c>
      <c r="JQ20" s="171">
        <v>150</v>
      </c>
      <c r="JR20" s="168">
        <v>0</v>
      </c>
      <c r="JS20" s="169">
        <v>0</v>
      </c>
      <c r="JT20" s="170">
        <v>0</v>
      </c>
      <c r="JU20" s="439">
        <v>0</v>
      </c>
      <c r="JV20" s="169">
        <v>0</v>
      </c>
      <c r="JW20" s="169">
        <v>0</v>
      </c>
      <c r="JX20" s="169">
        <v>0</v>
      </c>
      <c r="JY20" s="169">
        <v>0</v>
      </c>
      <c r="JZ20" s="169">
        <v>0</v>
      </c>
      <c r="KA20" s="170">
        <v>0</v>
      </c>
      <c r="KB20" s="171">
        <v>0</v>
      </c>
      <c r="KC20" s="168">
        <v>65</v>
      </c>
      <c r="KD20" s="169">
        <v>86</v>
      </c>
      <c r="KE20" s="170">
        <v>151</v>
      </c>
      <c r="KF20" s="439">
        <v>0</v>
      </c>
      <c r="KG20" s="169">
        <v>111</v>
      </c>
      <c r="KH20" s="169">
        <v>123</v>
      </c>
      <c r="KI20" s="169">
        <v>93</v>
      </c>
      <c r="KJ20" s="169">
        <v>63</v>
      </c>
      <c r="KK20" s="169">
        <v>47</v>
      </c>
      <c r="KL20" s="170">
        <v>437</v>
      </c>
      <c r="KM20" s="171">
        <v>588</v>
      </c>
    </row>
    <row r="21" spans="2:299" s="137" customFormat="1" ht="21" customHeight="1" x14ac:dyDescent="0.2">
      <c r="B21" s="173" t="s">
        <v>18</v>
      </c>
      <c r="C21" s="163">
        <v>69</v>
      </c>
      <c r="D21" s="164">
        <v>56</v>
      </c>
      <c r="E21" s="165">
        <v>125</v>
      </c>
      <c r="F21" s="439">
        <v>0</v>
      </c>
      <c r="G21" s="164">
        <v>123</v>
      </c>
      <c r="H21" s="164">
        <v>92</v>
      </c>
      <c r="I21" s="164">
        <v>55</v>
      </c>
      <c r="J21" s="164">
        <v>49</v>
      </c>
      <c r="K21" s="164">
        <v>29</v>
      </c>
      <c r="L21" s="166">
        <v>348</v>
      </c>
      <c r="M21" s="167">
        <v>473</v>
      </c>
      <c r="N21" s="168">
        <v>6</v>
      </c>
      <c r="O21" s="169">
        <v>1</v>
      </c>
      <c r="P21" s="170">
        <v>7</v>
      </c>
      <c r="Q21" s="439">
        <v>0</v>
      </c>
      <c r="R21" s="169">
        <v>12</v>
      </c>
      <c r="S21" s="169">
        <v>3</v>
      </c>
      <c r="T21" s="169">
        <v>4</v>
      </c>
      <c r="U21" s="169">
        <v>1</v>
      </c>
      <c r="V21" s="169">
        <v>3</v>
      </c>
      <c r="W21" s="170">
        <v>23</v>
      </c>
      <c r="X21" s="171">
        <v>30</v>
      </c>
      <c r="Y21" s="168">
        <v>5</v>
      </c>
      <c r="Z21" s="169">
        <v>7</v>
      </c>
      <c r="AA21" s="170">
        <v>12</v>
      </c>
      <c r="AB21" s="439">
        <v>0</v>
      </c>
      <c r="AC21" s="169">
        <v>10</v>
      </c>
      <c r="AD21" s="169">
        <v>5</v>
      </c>
      <c r="AE21" s="169">
        <v>3</v>
      </c>
      <c r="AF21" s="169">
        <v>2</v>
      </c>
      <c r="AG21" s="169">
        <v>3</v>
      </c>
      <c r="AH21" s="170">
        <v>23</v>
      </c>
      <c r="AI21" s="171">
        <v>35</v>
      </c>
      <c r="AJ21" s="168">
        <v>10</v>
      </c>
      <c r="AK21" s="169">
        <v>7</v>
      </c>
      <c r="AL21" s="170">
        <v>17</v>
      </c>
      <c r="AM21" s="439">
        <v>0</v>
      </c>
      <c r="AN21" s="169">
        <v>17</v>
      </c>
      <c r="AO21" s="169">
        <v>9</v>
      </c>
      <c r="AP21" s="169">
        <v>5</v>
      </c>
      <c r="AQ21" s="169">
        <v>8</v>
      </c>
      <c r="AR21" s="169">
        <v>6</v>
      </c>
      <c r="AS21" s="170">
        <v>45</v>
      </c>
      <c r="AT21" s="171">
        <v>62</v>
      </c>
      <c r="AU21" s="168">
        <v>16</v>
      </c>
      <c r="AV21" s="169">
        <v>19</v>
      </c>
      <c r="AW21" s="170">
        <v>35</v>
      </c>
      <c r="AX21" s="439">
        <v>0</v>
      </c>
      <c r="AY21" s="169">
        <v>29</v>
      </c>
      <c r="AZ21" s="169">
        <v>24</v>
      </c>
      <c r="BA21" s="169">
        <v>17</v>
      </c>
      <c r="BB21" s="169">
        <v>12</v>
      </c>
      <c r="BC21" s="169">
        <v>6</v>
      </c>
      <c r="BD21" s="170">
        <v>88</v>
      </c>
      <c r="BE21" s="171">
        <v>123</v>
      </c>
      <c r="BF21" s="168">
        <v>18</v>
      </c>
      <c r="BG21" s="169">
        <v>12</v>
      </c>
      <c r="BH21" s="170">
        <v>30</v>
      </c>
      <c r="BI21" s="439">
        <v>0</v>
      </c>
      <c r="BJ21" s="169">
        <v>26</v>
      </c>
      <c r="BK21" s="169">
        <v>29</v>
      </c>
      <c r="BL21" s="169">
        <v>13</v>
      </c>
      <c r="BM21" s="169">
        <v>14</v>
      </c>
      <c r="BN21" s="169">
        <v>6</v>
      </c>
      <c r="BO21" s="170">
        <v>88</v>
      </c>
      <c r="BP21" s="171">
        <v>118</v>
      </c>
      <c r="BQ21" s="168">
        <v>14</v>
      </c>
      <c r="BR21" s="169">
        <v>10</v>
      </c>
      <c r="BS21" s="170">
        <v>24</v>
      </c>
      <c r="BT21" s="439">
        <v>0</v>
      </c>
      <c r="BU21" s="169">
        <v>29</v>
      </c>
      <c r="BV21" s="169">
        <v>22</v>
      </c>
      <c r="BW21" s="169">
        <v>13</v>
      </c>
      <c r="BX21" s="169">
        <v>12</v>
      </c>
      <c r="BY21" s="169">
        <v>5</v>
      </c>
      <c r="BZ21" s="170">
        <v>81</v>
      </c>
      <c r="CA21" s="171">
        <v>105</v>
      </c>
      <c r="CB21" s="168">
        <v>0</v>
      </c>
      <c r="CC21" s="169">
        <v>0</v>
      </c>
      <c r="CD21" s="170">
        <v>0</v>
      </c>
      <c r="CE21" s="439">
        <v>0</v>
      </c>
      <c r="CF21" s="169">
        <v>0</v>
      </c>
      <c r="CG21" s="169">
        <v>0</v>
      </c>
      <c r="CH21" s="169">
        <v>0</v>
      </c>
      <c r="CI21" s="169">
        <v>0</v>
      </c>
      <c r="CJ21" s="169">
        <v>0</v>
      </c>
      <c r="CK21" s="170">
        <v>0</v>
      </c>
      <c r="CL21" s="171">
        <v>0</v>
      </c>
      <c r="CM21" s="168">
        <v>69</v>
      </c>
      <c r="CN21" s="169">
        <v>56</v>
      </c>
      <c r="CO21" s="170">
        <v>125</v>
      </c>
      <c r="CP21" s="439">
        <v>0</v>
      </c>
      <c r="CQ21" s="169">
        <v>123</v>
      </c>
      <c r="CR21" s="169">
        <v>92</v>
      </c>
      <c r="CS21" s="169">
        <v>55</v>
      </c>
      <c r="CT21" s="169">
        <v>49</v>
      </c>
      <c r="CU21" s="169">
        <v>29</v>
      </c>
      <c r="CV21" s="170">
        <v>348</v>
      </c>
      <c r="CW21" s="171">
        <v>473</v>
      </c>
      <c r="CX21" s="172">
        <v>26</v>
      </c>
      <c r="CY21" s="164">
        <v>37</v>
      </c>
      <c r="CZ21" s="165">
        <v>63</v>
      </c>
      <c r="DA21" s="439">
        <v>0</v>
      </c>
      <c r="DB21" s="164">
        <v>44</v>
      </c>
      <c r="DC21" s="164">
        <v>34</v>
      </c>
      <c r="DD21" s="164">
        <v>38</v>
      </c>
      <c r="DE21" s="164">
        <v>27</v>
      </c>
      <c r="DF21" s="164">
        <v>26</v>
      </c>
      <c r="DG21" s="166">
        <v>169</v>
      </c>
      <c r="DH21" s="167">
        <v>232</v>
      </c>
      <c r="DI21" s="168">
        <v>1</v>
      </c>
      <c r="DJ21" s="169">
        <v>1</v>
      </c>
      <c r="DK21" s="170">
        <v>2</v>
      </c>
      <c r="DL21" s="439">
        <v>0</v>
      </c>
      <c r="DM21" s="169">
        <v>3</v>
      </c>
      <c r="DN21" s="169">
        <v>2</v>
      </c>
      <c r="DO21" s="169">
        <v>2</v>
      </c>
      <c r="DP21" s="169">
        <v>0</v>
      </c>
      <c r="DQ21" s="169">
        <v>2</v>
      </c>
      <c r="DR21" s="170">
        <v>9</v>
      </c>
      <c r="DS21" s="171">
        <v>11</v>
      </c>
      <c r="DT21" s="168">
        <v>2</v>
      </c>
      <c r="DU21" s="169">
        <v>7</v>
      </c>
      <c r="DV21" s="170">
        <v>9</v>
      </c>
      <c r="DW21" s="439">
        <v>0</v>
      </c>
      <c r="DX21" s="169">
        <v>2</v>
      </c>
      <c r="DY21" s="169">
        <v>2</v>
      </c>
      <c r="DZ21" s="169">
        <v>0</v>
      </c>
      <c r="EA21" s="169">
        <v>1</v>
      </c>
      <c r="EB21" s="169">
        <v>1</v>
      </c>
      <c r="EC21" s="170">
        <v>6</v>
      </c>
      <c r="ED21" s="171">
        <v>15</v>
      </c>
      <c r="EE21" s="168">
        <v>3</v>
      </c>
      <c r="EF21" s="169">
        <v>9</v>
      </c>
      <c r="EG21" s="170">
        <v>12</v>
      </c>
      <c r="EH21" s="439">
        <v>0</v>
      </c>
      <c r="EI21" s="169">
        <v>7</v>
      </c>
      <c r="EJ21" s="169">
        <v>4</v>
      </c>
      <c r="EK21" s="169">
        <v>2</v>
      </c>
      <c r="EL21" s="169">
        <v>1</v>
      </c>
      <c r="EM21" s="169">
        <v>1</v>
      </c>
      <c r="EN21" s="170">
        <v>15</v>
      </c>
      <c r="EO21" s="171">
        <v>27</v>
      </c>
      <c r="EP21" s="168">
        <v>11</v>
      </c>
      <c r="EQ21" s="169">
        <v>8</v>
      </c>
      <c r="ER21" s="170">
        <v>19</v>
      </c>
      <c r="ES21" s="439">
        <v>0</v>
      </c>
      <c r="ET21" s="169">
        <v>6</v>
      </c>
      <c r="EU21" s="169">
        <v>8</v>
      </c>
      <c r="EV21" s="169">
        <v>4</v>
      </c>
      <c r="EW21" s="169">
        <v>5</v>
      </c>
      <c r="EX21" s="169">
        <v>5</v>
      </c>
      <c r="EY21" s="170">
        <v>28</v>
      </c>
      <c r="EZ21" s="171">
        <v>47</v>
      </c>
      <c r="FA21" s="168">
        <v>7</v>
      </c>
      <c r="FB21" s="169">
        <v>10</v>
      </c>
      <c r="FC21" s="170">
        <v>17</v>
      </c>
      <c r="FD21" s="439">
        <v>0</v>
      </c>
      <c r="FE21" s="169">
        <v>15</v>
      </c>
      <c r="FF21" s="169">
        <v>9</v>
      </c>
      <c r="FG21" s="169">
        <v>10</v>
      </c>
      <c r="FH21" s="169">
        <v>7</v>
      </c>
      <c r="FI21" s="169">
        <v>5</v>
      </c>
      <c r="FJ21" s="170">
        <v>46</v>
      </c>
      <c r="FK21" s="171">
        <v>63</v>
      </c>
      <c r="FL21" s="168">
        <v>2</v>
      </c>
      <c r="FM21" s="169">
        <v>2</v>
      </c>
      <c r="FN21" s="170">
        <v>4</v>
      </c>
      <c r="FO21" s="439">
        <v>0</v>
      </c>
      <c r="FP21" s="169">
        <v>11</v>
      </c>
      <c r="FQ21" s="169">
        <v>9</v>
      </c>
      <c r="FR21" s="169">
        <v>20</v>
      </c>
      <c r="FS21" s="169">
        <v>13</v>
      </c>
      <c r="FT21" s="169">
        <v>12</v>
      </c>
      <c r="FU21" s="170">
        <v>65</v>
      </c>
      <c r="FV21" s="171">
        <v>69</v>
      </c>
      <c r="FW21" s="168">
        <v>0</v>
      </c>
      <c r="FX21" s="169">
        <v>0</v>
      </c>
      <c r="FY21" s="170">
        <v>0</v>
      </c>
      <c r="FZ21" s="439">
        <v>0</v>
      </c>
      <c r="GA21" s="169">
        <v>0</v>
      </c>
      <c r="GB21" s="169">
        <v>0</v>
      </c>
      <c r="GC21" s="169">
        <v>0</v>
      </c>
      <c r="GD21" s="169">
        <v>0</v>
      </c>
      <c r="GE21" s="169">
        <v>0</v>
      </c>
      <c r="GF21" s="170">
        <v>0</v>
      </c>
      <c r="GG21" s="171">
        <v>0</v>
      </c>
      <c r="GH21" s="168">
        <v>26</v>
      </c>
      <c r="GI21" s="169">
        <v>37</v>
      </c>
      <c r="GJ21" s="170">
        <v>63</v>
      </c>
      <c r="GK21" s="439">
        <v>0</v>
      </c>
      <c r="GL21" s="169">
        <v>44</v>
      </c>
      <c r="GM21" s="169">
        <v>34</v>
      </c>
      <c r="GN21" s="169">
        <v>38</v>
      </c>
      <c r="GO21" s="169">
        <v>27</v>
      </c>
      <c r="GP21" s="169">
        <v>26</v>
      </c>
      <c r="GQ21" s="170">
        <v>169</v>
      </c>
      <c r="GR21" s="171">
        <v>232</v>
      </c>
      <c r="GS21" s="172">
        <v>95</v>
      </c>
      <c r="GT21" s="164">
        <v>93</v>
      </c>
      <c r="GU21" s="165">
        <v>188</v>
      </c>
      <c r="GV21" s="439">
        <v>0</v>
      </c>
      <c r="GW21" s="164">
        <v>167</v>
      </c>
      <c r="GX21" s="164">
        <v>126</v>
      </c>
      <c r="GY21" s="164">
        <v>93</v>
      </c>
      <c r="GZ21" s="164">
        <v>76</v>
      </c>
      <c r="HA21" s="164">
        <v>55</v>
      </c>
      <c r="HB21" s="166">
        <v>517</v>
      </c>
      <c r="HC21" s="167">
        <v>705</v>
      </c>
      <c r="HD21" s="168">
        <v>7</v>
      </c>
      <c r="HE21" s="169">
        <v>2</v>
      </c>
      <c r="HF21" s="170">
        <v>9</v>
      </c>
      <c r="HG21" s="439">
        <v>0</v>
      </c>
      <c r="HH21" s="169">
        <v>15</v>
      </c>
      <c r="HI21" s="169">
        <v>5</v>
      </c>
      <c r="HJ21" s="169">
        <v>6</v>
      </c>
      <c r="HK21" s="169">
        <v>1</v>
      </c>
      <c r="HL21" s="169">
        <v>5</v>
      </c>
      <c r="HM21" s="170">
        <v>32</v>
      </c>
      <c r="HN21" s="171">
        <v>41</v>
      </c>
      <c r="HO21" s="168">
        <v>7</v>
      </c>
      <c r="HP21" s="169">
        <v>14</v>
      </c>
      <c r="HQ21" s="170">
        <v>21</v>
      </c>
      <c r="HR21" s="439">
        <v>0</v>
      </c>
      <c r="HS21" s="169">
        <v>12</v>
      </c>
      <c r="HT21" s="169">
        <v>7</v>
      </c>
      <c r="HU21" s="169">
        <v>3</v>
      </c>
      <c r="HV21" s="169">
        <v>3</v>
      </c>
      <c r="HW21" s="169">
        <v>4</v>
      </c>
      <c r="HX21" s="170">
        <v>29</v>
      </c>
      <c r="HY21" s="171">
        <v>50</v>
      </c>
      <c r="HZ21" s="168">
        <v>13</v>
      </c>
      <c r="IA21" s="169">
        <v>16</v>
      </c>
      <c r="IB21" s="170">
        <v>29</v>
      </c>
      <c r="IC21" s="439">
        <v>0</v>
      </c>
      <c r="ID21" s="169">
        <v>24</v>
      </c>
      <c r="IE21" s="169">
        <v>13</v>
      </c>
      <c r="IF21" s="169">
        <v>7</v>
      </c>
      <c r="IG21" s="169">
        <v>9</v>
      </c>
      <c r="IH21" s="169">
        <v>7</v>
      </c>
      <c r="II21" s="170">
        <v>60</v>
      </c>
      <c r="IJ21" s="171">
        <v>89</v>
      </c>
      <c r="IK21" s="168">
        <v>27</v>
      </c>
      <c r="IL21" s="169">
        <v>27</v>
      </c>
      <c r="IM21" s="170">
        <v>54</v>
      </c>
      <c r="IN21" s="439">
        <v>0</v>
      </c>
      <c r="IO21" s="169">
        <v>35</v>
      </c>
      <c r="IP21" s="169">
        <v>32</v>
      </c>
      <c r="IQ21" s="169">
        <v>21</v>
      </c>
      <c r="IR21" s="169">
        <v>17</v>
      </c>
      <c r="IS21" s="169">
        <v>11</v>
      </c>
      <c r="IT21" s="170">
        <v>116</v>
      </c>
      <c r="IU21" s="171">
        <v>170</v>
      </c>
      <c r="IV21" s="168">
        <v>25</v>
      </c>
      <c r="IW21" s="169">
        <v>22</v>
      </c>
      <c r="IX21" s="170">
        <v>47</v>
      </c>
      <c r="IY21" s="439">
        <v>0</v>
      </c>
      <c r="IZ21" s="169">
        <v>41</v>
      </c>
      <c r="JA21" s="169">
        <v>38</v>
      </c>
      <c r="JB21" s="169">
        <v>23</v>
      </c>
      <c r="JC21" s="169">
        <v>21</v>
      </c>
      <c r="JD21" s="169">
        <v>11</v>
      </c>
      <c r="JE21" s="170">
        <v>134</v>
      </c>
      <c r="JF21" s="171">
        <v>181</v>
      </c>
      <c r="JG21" s="168">
        <v>16</v>
      </c>
      <c r="JH21" s="169">
        <v>12</v>
      </c>
      <c r="JI21" s="170">
        <v>28</v>
      </c>
      <c r="JJ21" s="439">
        <v>0</v>
      </c>
      <c r="JK21" s="169">
        <v>40</v>
      </c>
      <c r="JL21" s="169">
        <v>31</v>
      </c>
      <c r="JM21" s="169">
        <v>33</v>
      </c>
      <c r="JN21" s="169">
        <v>25</v>
      </c>
      <c r="JO21" s="169">
        <v>17</v>
      </c>
      <c r="JP21" s="170">
        <v>146</v>
      </c>
      <c r="JQ21" s="171">
        <v>174</v>
      </c>
      <c r="JR21" s="168">
        <v>0</v>
      </c>
      <c r="JS21" s="169">
        <v>0</v>
      </c>
      <c r="JT21" s="170">
        <v>0</v>
      </c>
      <c r="JU21" s="439">
        <v>0</v>
      </c>
      <c r="JV21" s="169">
        <v>0</v>
      </c>
      <c r="JW21" s="169">
        <v>0</v>
      </c>
      <c r="JX21" s="169">
        <v>0</v>
      </c>
      <c r="JY21" s="169">
        <v>0</v>
      </c>
      <c r="JZ21" s="169">
        <v>0</v>
      </c>
      <c r="KA21" s="170">
        <v>0</v>
      </c>
      <c r="KB21" s="171">
        <v>0</v>
      </c>
      <c r="KC21" s="168">
        <v>95</v>
      </c>
      <c r="KD21" s="169">
        <v>93</v>
      </c>
      <c r="KE21" s="170">
        <v>188</v>
      </c>
      <c r="KF21" s="439">
        <v>0</v>
      </c>
      <c r="KG21" s="169">
        <v>167</v>
      </c>
      <c r="KH21" s="169">
        <v>126</v>
      </c>
      <c r="KI21" s="169">
        <v>93</v>
      </c>
      <c r="KJ21" s="169">
        <v>76</v>
      </c>
      <c r="KK21" s="169">
        <v>55</v>
      </c>
      <c r="KL21" s="170">
        <v>517</v>
      </c>
      <c r="KM21" s="171">
        <v>705</v>
      </c>
    </row>
    <row r="22" spans="2:299" s="137" customFormat="1" ht="21" customHeight="1" x14ac:dyDescent="0.2">
      <c r="B22" s="173" t="s">
        <v>19</v>
      </c>
      <c r="C22" s="163">
        <v>34</v>
      </c>
      <c r="D22" s="164">
        <v>20</v>
      </c>
      <c r="E22" s="165">
        <v>54</v>
      </c>
      <c r="F22" s="439">
        <v>0</v>
      </c>
      <c r="G22" s="164">
        <v>54</v>
      </c>
      <c r="H22" s="164">
        <v>42</v>
      </c>
      <c r="I22" s="164">
        <v>21</v>
      </c>
      <c r="J22" s="164">
        <v>16</v>
      </c>
      <c r="K22" s="164">
        <v>12</v>
      </c>
      <c r="L22" s="166">
        <v>145</v>
      </c>
      <c r="M22" s="167">
        <v>199</v>
      </c>
      <c r="N22" s="174">
        <v>1</v>
      </c>
      <c r="O22" s="169">
        <v>3</v>
      </c>
      <c r="P22" s="170">
        <v>4</v>
      </c>
      <c r="Q22" s="439">
        <v>0</v>
      </c>
      <c r="R22" s="169">
        <v>2</v>
      </c>
      <c r="S22" s="169">
        <v>1</v>
      </c>
      <c r="T22" s="169">
        <v>1</v>
      </c>
      <c r="U22" s="169">
        <v>0</v>
      </c>
      <c r="V22" s="169">
        <v>0</v>
      </c>
      <c r="W22" s="170">
        <v>4</v>
      </c>
      <c r="X22" s="171">
        <v>8</v>
      </c>
      <c r="Y22" s="168">
        <v>3</v>
      </c>
      <c r="Z22" s="169">
        <v>1</v>
      </c>
      <c r="AA22" s="170">
        <v>4</v>
      </c>
      <c r="AB22" s="439">
        <v>0</v>
      </c>
      <c r="AC22" s="169">
        <v>5</v>
      </c>
      <c r="AD22" s="169">
        <v>3</v>
      </c>
      <c r="AE22" s="169">
        <v>2</v>
      </c>
      <c r="AF22" s="169">
        <v>1</v>
      </c>
      <c r="AG22" s="169">
        <v>1</v>
      </c>
      <c r="AH22" s="170">
        <v>12</v>
      </c>
      <c r="AI22" s="171">
        <v>16</v>
      </c>
      <c r="AJ22" s="174">
        <v>5</v>
      </c>
      <c r="AK22" s="169">
        <v>2</v>
      </c>
      <c r="AL22" s="170">
        <v>7</v>
      </c>
      <c r="AM22" s="439">
        <v>0</v>
      </c>
      <c r="AN22" s="169">
        <v>6</v>
      </c>
      <c r="AO22" s="169">
        <v>5</v>
      </c>
      <c r="AP22" s="169">
        <v>3</v>
      </c>
      <c r="AQ22" s="169">
        <v>3</v>
      </c>
      <c r="AR22" s="169">
        <v>1</v>
      </c>
      <c r="AS22" s="170">
        <v>18</v>
      </c>
      <c r="AT22" s="171">
        <v>25</v>
      </c>
      <c r="AU22" s="168">
        <v>6</v>
      </c>
      <c r="AV22" s="169">
        <v>3</v>
      </c>
      <c r="AW22" s="170">
        <v>9</v>
      </c>
      <c r="AX22" s="439">
        <v>0</v>
      </c>
      <c r="AY22" s="169">
        <v>12</v>
      </c>
      <c r="AZ22" s="169">
        <v>11</v>
      </c>
      <c r="BA22" s="169">
        <v>4</v>
      </c>
      <c r="BB22" s="169">
        <v>2</v>
      </c>
      <c r="BC22" s="169">
        <v>5</v>
      </c>
      <c r="BD22" s="170">
        <v>34</v>
      </c>
      <c r="BE22" s="171">
        <v>43</v>
      </c>
      <c r="BF22" s="174">
        <v>10</v>
      </c>
      <c r="BG22" s="169">
        <v>2</v>
      </c>
      <c r="BH22" s="170">
        <v>12</v>
      </c>
      <c r="BI22" s="439">
        <v>0</v>
      </c>
      <c r="BJ22" s="169">
        <v>11</v>
      </c>
      <c r="BK22" s="169">
        <v>12</v>
      </c>
      <c r="BL22" s="169">
        <v>2</v>
      </c>
      <c r="BM22" s="169">
        <v>7</v>
      </c>
      <c r="BN22" s="169">
        <v>2</v>
      </c>
      <c r="BO22" s="170">
        <v>34</v>
      </c>
      <c r="BP22" s="171">
        <v>46</v>
      </c>
      <c r="BQ22" s="168">
        <v>9</v>
      </c>
      <c r="BR22" s="169">
        <v>9</v>
      </c>
      <c r="BS22" s="170">
        <v>18</v>
      </c>
      <c r="BT22" s="439">
        <v>0</v>
      </c>
      <c r="BU22" s="169">
        <v>18</v>
      </c>
      <c r="BV22" s="169">
        <v>10</v>
      </c>
      <c r="BW22" s="169">
        <v>9</v>
      </c>
      <c r="BX22" s="169">
        <v>3</v>
      </c>
      <c r="BY22" s="169">
        <v>3</v>
      </c>
      <c r="BZ22" s="170">
        <v>43</v>
      </c>
      <c r="CA22" s="171">
        <v>61</v>
      </c>
      <c r="CB22" s="168">
        <v>0</v>
      </c>
      <c r="CC22" s="169">
        <v>0</v>
      </c>
      <c r="CD22" s="170">
        <v>0</v>
      </c>
      <c r="CE22" s="439">
        <v>0</v>
      </c>
      <c r="CF22" s="169">
        <v>0</v>
      </c>
      <c r="CG22" s="169">
        <v>0</v>
      </c>
      <c r="CH22" s="169">
        <v>0</v>
      </c>
      <c r="CI22" s="169">
        <v>0</v>
      </c>
      <c r="CJ22" s="169">
        <v>0</v>
      </c>
      <c r="CK22" s="170">
        <v>0</v>
      </c>
      <c r="CL22" s="171">
        <v>0</v>
      </c>
      <c r="CM22" s="168">
        <v>34</v>
      </c>
      <c r="CN22" s="169">
        <v>20</v>
      </c>
      <c r="CO22" s="170">
        <v>54</v>
      </c>
      <c r="CP22" s="439">
        <v>0</v>
      </c>
      <c r="CQ22" s="169">
        <v>54</v>
      </c>
      <c r="CR22" s="169">
        <v>42</v>
      </c>
      <c r="CS22" s="169">
        <v>21</v>
      </c>
      <c r="CT22" s="169">
        <v>16</v>
      </c>
      <c r="CU22" s="169">
        <v>12</v>
      </c>
      <c r="CV22" s="170">
        <v>145</v>
      </c>
      <c r="CW22" s="171">
        <v>199</v>
      </c>
      <c r="CX22" s="172">
        <v>14</v>
      </c>
      <c r="CY22" s="164">
        <v>3</v>
      </c>
      <c r="CZ22" s="165">
        <v>17</v>
      </c>
      <c r="DA22" s="439">
        <v>0</v>
      </c>
      <c r="DB22" s="164">
        <v>16</v>
      </c>
      <c r="DC22" s="164">
        <v>8</v>
      </c>
      <c r="DD22" s="164">
        <v>15</v>
      </c>
      <c r="DE22" s="164">
        <v>2</v>
      </c>
      <c r="DF22" s="164">
        <v>5</v>
      </c>
      <c r="DG22" s="166">
        <v>46</v>
      </c>
      <c r="DH22" s="167">
        <v>63</v>
      </c>
      <c r="DI22" s="174">
        <v>1</v>
      </c>
      <c r="DJ22" s="169">
        <v>0</v>
      </c>
      <c r="DK22" s="170">
        <v>1</v>
      </c>
      <c r="DL22" s="439">
        <v>0</v>
      </c>
      <c r="DM22" s="169">
        <v>0</v>
      </c>
      <c r="DN22" s="169">
        <v>0</v>
      </c>
      <c r="DO22" s="169">
        <v>1</v>
      </c>
      <c r="DP22" s="169">
        <v>1</v>
      </c>
      <c r="DQ22" s="169">
        <v>0</v>
      </c>
      <c r="DR22" s="170">
        <v>2</v>
      </c>
      <c r="DS22" s="171">
        <v>3</v>
      </c>
      <c r="DT22" s="168">
        <v>1</v>
      </c>
      <c r="DU22" s="169">
        <v>0</v>
      </c>
      <c r="DV22" s="170">
        <v>1</v>
      </c>
      <c r="DW22" s="439">
        <v>0</v>
      </c>
      <c r="DX22" s="169">
        <v>1</v>
      </c>
      <c r="DY22" s="169">
        <v>2</v>
      </c>
      <c r="DZ22" s="169">
        <v>0</v>
      </c>
      <c r="EA22" s="169">
        <v>0</v>
      </c>
      <c r="EB22" s="169">
        <v>0</v>
      </c>
      <c r="EC22" s="170">
        <v>3</v>
      </c>
      <c r="ED22" s="171">
        <v>4</v>
      </c>
      <c r="EE22" s="174">
        <v>4</v>
      </c>
      <c r="EF22" s="169">
        <v>2</v>
      </c>
      <c r="EG22" s="170">
        <v>6</v>
      </c>
      <c r="EH22" s="439">
        <v>0</v>
      </c>
      <c r="EI22" s="169">
        <v>1</v>
      </c>
      <c r="EJ22" s="169">
        <v>2</v>
      </c>
      <c r="EK22" s="169">
        <v>3</v>
      </c>
      <c r="EL22" s="169">
        <v>0</v>
      </c>
      <c r="EM22" s="169">
        <v>0</v>
      </c>
      <c r="EN22" s="170">
        <v>6</v>
      </c>
      <c r="EO22" s="171">
        <v>12</v>
      </c>
      <c r="EP22" s="168">
        <v>6</v>
      </c>
      <c r="EQ22" s="169">
        <v>0</v>
      </c>
      <c r="ER22" s="170">
        <v>6</v>
      </c>
      <c r="ES22" s="439">
        <v>0</v>
      </c>
      <c r="ET22" s="169">
        <v>3</v>
      </c>
      <c r="EU22" s="169">
        <v>0</v>
      </c>
      <c r="EV22" s="169">
        <v>2</v>
      </c>
      <c r="EW22" s="169">
        <v>0</v>
      </c>
      <c r="EX22" s="169">
        <v>1</v>
      </c>
      <c r="EY22" s="170">
        <v>6</v>
      </c>
      <c r="EZ22" s="171">
        <v>12</v>
      </c>
      <c r="FA22" s="174">
        <v>1</v>
      </c>
      <c r="FB22" s="169">
        <v>1</v>
      </c>
      <c r="FC22" s="170">
        <v>2</v>
      </c>
      <c r="FD22" s="439">
        <v>0</v>
      </c>
      <c r="FE22" s="169">
        <v>6</v>
      </c>
      <c r="FF22" s="169">
        <v>2</v>
      </c>
      <c r="FG22" s="169">
        <v>4</v>
      </c>
      <c r="FH22" s="169">
        <v>0</v>
      </c>
      <c r="FI22" s="169">
        <v>0</v>
      </c>
      <c r="FJ22" s="170">
        <v>12</v>
      </c>
      <c r="FK22" s="171">
        <v>14</v>
      </c>
      <c r="FL22" s="168">
        <v>1</v>
      </c>
      <c r="FM22" s="169">
        <v>0</v>
      </c>
      <c r="FN22" s="170">
        <v>1</v>
      </c>
      <c r="FO22" s="439">
        <v>0</v>
      </c>
      <c r="FP22" s="169">
        <v>5</v>
      </c>
      <c r="FQ22" s="169">
        <v>2</v>
      </c>
      <c r="FR22" s="169">
        <v>5</v>
      </c>
      <c r="FS22" s="169">
        <v>1</v>
      </c>
      <c r="FT22" s="169">
        <v>4</v>
      </c>
      <c r="FU22" s="170">
        <v>17</v>
      </c>
      <c r="FV22" s="171">
        <v>18</v>
      </c>
      <c r="FW22" s="168">
        <v>0</v>
      </c>
      <c r="FX22" s="169">
        <v>0</v>
      </c>
      <c r="FY22" s="170">
        <v>0</v>
      </c>
      <c r="FZ22" s="439">
        <v>0</v>
      </c>
      <c r="GA22" s="169">
        <v>0</v>
      </c>
      <c r="GB22" s="169">
        <v>0</v>
      </c>
      <c r="GC22" s="169">
        <v>0</v>
      </c>
      <c r="GD22" s="169">
        <v>0</v>
      </c>
      <c r="GE22" s="169">
        <v>0</v>
      </c>
      <c r="GF22" s="170">
        <v>0</v>
      </c>
      <c r="GG22" s="171">
        <v>0</v>
      </c>
      <c r="GH22" s="168">
        <v>14</v>
      </c>
      <c r="GI22" s="169">
        <v>3</v>
      </c>
      <c r="GJ22" s="170">
        <v>17</v>
      </c>
      <c r="GK22" s="439">
        <v>0</v>
      </c>
      <c r="GL22" s="169">
        <v>16</v>
      </c>
      <c r="GM22" s="169">
        <v>8</v>
      </c>
      <c r="GN22" s="169">
        <v>15</v>
      </c>
      <c r="GO22" s="169">
        <v>2</v>
      </c>
      <c r="GP22" s="169">
        <v>5</v>
      </c>
      <c r="GQ22" s="170">
        <v>46</v>
      </c>
      <c r="GR22" s="171">
        <v>63</v>
      </c>
      <c r="GS22" s="172">
        <v>48</v>
      </c>
      <c r="GT22" s="164">
        <v>23</v>
      </c>
      <c r="GU22" s="165">
        <v>71</v>
      </c>
      <c r="GV22" s="439">
        <v>0</v>
      </c>
      <c r="GW22" s="164">
        <v>70</v>
      </c>
      <c r="GX22" s="164">
        <v>50</v>
      </c>
      <c r="GY22" s="164">
        <v>36</v>
      </c>
      <c r="GZ22" s="164">
        <v>18</v>
      </c>
      <c r="HA22" s="164">
        <v>17</v>
      </c>
      <c r="HB22" s="166">
        <v>191</v>
      </c>
      <c r="HC22" s="167">
        <v>262</v>
      </c>
      <c r="HD22" s="174">
        <v>2</v>
      </c>
      <c r="HE22" s="169">
        <v>3</v>
      </c>
      <c r="HF22" s="170">
        <v>5</v>
      </c>
      <c r="HG22" s="439">
        <v>0</v>
      </c>
      <c r="HH22" s="169">
        <v>2</v>
      </c>
      <c r="HI22" s="169">
        <v>1</v>
      </c>
      <c r="HJ22" s="169">
        <v>2</v>
      </c>
      <c r="HK22" s="169">
        <v>1</v>
      </c>
      <c r="HL22" s="169">
        <v>0</v>
      </c>
      <c r="HM22" s="170">
        <v>6</v>
      </c>
      <c r="HN22" s="171">
        <v>11</v>
      </c>
      <c r="HO22" s="168">
        <v>4</v>
      </c>
      <c r="HP22" s="169">
        <v>1</v>
      </c>
      <c r="HQ22" s="170">
        <v>5</v>
      </c>
      <c r="HR22" s="439">
        <v>0</v>
      </c>
      <c r="HS22" s="169">
        <v>6</v>
      </c>
      <c r="HT22" s="169">
        <v>5</v>
      </c>
      <c r="HU22" s="169">
        <v>2</v>
      </c>
      <c r="HV22" s="169">
        <v>1</v>
      </c>
      <c r="HW22" s="169">
        <v>1</v>
      </c>
      <c r="HX22" s="170">
        <v>15</v>
      </c>
      <c r="HY22" s="171">
        <v>20</v>
      </c>
      <c r="HZ22" s="174">
        <v>9</v>
      </c>
      <c r="IA22" s="169">
        <v>4</v>
      </c>
      <c r="IB22" s="170">
        <v>13</v>
      </c>
      <c r="IC22" s="439">
        <v>0</v>
      </c>
      <c r="ID22" s="169">
        <v>7</v>
      </c>
      <c r="IE22" s="169">
        <v>7</v>
      </c>
      <c r="IF22" s="169">
        <v>6</v>
      </c>
      <c r="IG22" s="169">
        <v>3</v>
      </c>
      <c r="IH22" s="169">
        <v>1</v>
      </c>
      <c r="II22" s="170">
        <v>24</v>
      </c>
      <c r="IJ22" s="171">
        <v>37</v>
      </c>
      <c r="IK22" s="168">
        <v>12</v>
      </c>
      <c r="IL22" s="169">
        <v>3</v>
      </c>
      <c r="IM22" s="170">
        <v>15</v>
      </c>
      <c r="IN22" s="439">
        <v>0</v>
      </c>
      <c r="IO22" s="169">
        <v>15</v>
      </c>
      <c r="IP22" s="169">
        <v>11</v>
      </c>
      <c r="IQ22" s="169">
        <v>6</v>
      </c>
      <c r="IR22" s="169">
        <v>2</v>
      </c>
      <c r="IS22" s="169">
        <v>6</v>
      </c>
      <c r="IT22" s="170">
        <v>40</v>
      </c>
      <c r="IU22" s="171">
        <v>55</v>
      </c>
      <c r="IV22" s="174">
        <v>11</v>
      </c>
      <c r="IW22" s="169">
        <v>3</v>
      </c>
      <c r="IX22" s="170">
        <v>14</v>
      </c>
      <c r="IY22" s="439">
        <v>0</v>
      </c>
      <c r="IZ22" s="169">
        <v>17</v>
      </c>
      <c r="JA22" s="169">
        <v>14</v>
      </c>
      <c r="JB22" s="169">
        <v>6</v>
      </c>
      <c r="JC22" s="169">
        <v>7</v>
      </c>
      <c r="JD22" s="169">
        <v>2</v>
      </c>
      <c r="JE22" s="170">
        <v>46</v>
      </c>
      <c r="JF22" s="171">
        <v>60</v>
      </c>
      <c r="JG22" s="168">
        <v>10</v>
      </c>
      <c r="JH22" s="169">
        <v>9</v>
      </c>
      <c r="JI22" s="170">
        <v>19</v>
      </c>
      <c r="JJ22" s="439">
        <v>0</v>
      </c>
      <c r="JK22" s="169">
        <v>23</v>
      </c>
      <c r="JL22" s="169">
        <v>12</v>
      </c>
      <c r="JM22" s="169">
        <v>14</v>
      </c>
      <c r="JN22" s="169">
        <v>4</v>
      </c>
      <c r="JO22" s="169">
        <v>7</v>
      </c>
      <c r="JP22" s="170">
        <v>60</v>
      </c>
      <c r="JQ22" s="171">
        <v>79</v>
      </c>
      <c r="JR22" s="168">
        <v>0</v>
      </c>
      <c r="JS22" s="169">
        <v>0</v>
      </c>
      <c r="JT22" s="170">
        <v>0</v>
      </c>
      <c r="JU22" s="439">
        <v>0</v>
      </c>
      <c r="JV22" s="169">
        <v>0</v>
      </c>
      <c r="JW22" s="169">
        <v>0</v>
      </c>
      <c r="JX22" s="169">
        <v>0</v>
      </c>
      <c r="JY22" s="169">
        <v>0</v>
      </c>
      <c r="JZ22" s="169">
        <v>0</v>
      </c>
      <c r="KA22" s="170">
        <v>0</v>
      </c>
      <c r="KB22" s="171">
        <v>0</v>
      </c>
      <c r="KC22" s="168">
        <v>48</v>
      </c>
      <c r="KD22" s="169">
        <v>23</v>
      </c>
      <c r="KE22" s="170">
        <v>71</v>
      </c>
      <c r="KF22" s="439">
        <v>0</v>
      </c>
      <c r="KG22" s="169">
        <v>70</v>
      </c>
      <c r="KH22" s="169">
        <v>50</v>
      </c>
      <c r="KI22" s="169">
        <v>36</v>
      </c>
      <c r="KJ22" s="169">
        <v>18</v>
      </c>
      <c r="KK22" s="169">
        <v>17</v>
      </c>
      <c r="KL22" s="170">
        <v>191</v>
      </c>
      <c r="KM22" s="171">
        <v>262</v>
      </c>
    </row>
    <row r="23" spans="2:299" s="137" customFormat="1" ht="21" customHeight="1" x14ac:dyDescent="0.2">
      <c r="B23" s="173" t="s">
        <v>20</v>
      </c>
      <c r="C23" s="163">
        <v>34</v>
      </c>
      <c r="D23" s="164">
        <v>55</v>
      </c>
      <c r="E23" s="165">
        <v>89</v>
      </c>
      <c r="F23" s="439">
        <v>0</v>
      </c>
      <c r="G23" s="164">
        <v>65</v>
      </c>
      <c r="H23" s="164">
        <v>52</v>
      </c>
      <c r="I23" s="164">
        <v>34</v>
      </c>
      <c r="J23" s="164">
        <v>24</v>
      </c>
      <c r="K23" s="164">
        <v>16</v>
      </c>
      <c r="L23" s="166">
        <v>191</v>
      </c>
      <c r="M23" s="167">
        <v>280</v>
      </c>
      <c r="N23" s="168">
        <v>0</v>
      </c>
      <c r="O23" s="169">
        <v>2</v>
      </c>
      <c r="P23" s="170">
        <v>2</v>
      </c>
      <c r="Q23" s="439">
        <v>0</v>
      </c>
      <c r="R23" s="169">
        <v>3</v>
      </c>
      <c r="S23" s="169">
        <v>1</v>
      </c>
      <c r="T23" s="169">
        <v>0</v>
      </c>
      <c r="U23" s="169">
        <v>0</v>
      </c>
      <c r="V23" s="169">
        <v>0</v>
      </c>
      <c r="W23" s="170">
        <v>4</v>
      </c>
      <c r="X23" s="171">
        <v>6</v>
      </c>
      <c r="Y23" s="168">
        <v>5</v>
      </c>
      <c r="Z23" s="169">
        <v>3</v>
      </c>
      <c r="AA23" s="170">
        <v>8</v>
      </c>
      <c r="AB23" s="439">
        <v>0</v>
      </c>
      <c r="AC23" s="169">
        <v>9</v>
      </c>
      <c r="AD23" s="169">
        <v>6</v>
      </c>
      <c r="AE23" s="169">
        <v>5</v>
      </c>
      <c r="AF23" s="169">
        <v>3</v>
      </c>
      <c r="AG23" s="169">
        <v>0</v>
      </c>
      <c r="AH23" s="170">
        <v>23</v>
      </c>
      <c r="AI23" s="171">
        <v>31</v>
      </c>
      <c r="AJ23" s="168">
        <v>6</v>
      </c>
      <c r="AK23" s="169">
        <v>7</v>
      </c>
      <c r="AL23" s="170">
        <v>13</v>
      </c>
      <c r="AM23" s="439">
        <v>0</v>
      </c>
      <c r="AN23" s="169">
        <v>9</v>
      </c>
      <c r="AO23" s="169">
        <v>4</v>
      </c>
      <c r="AP23" s="169">
        <v>6</v>
      </c>
      <c r="AQ23" s="169">
        <v>4</v>
      </c>
      <c r="AR23" s="169">
        <v>4</v>
      </c>
      <c r="AS23" s="170">
        <v>27</v>
      </c>
      <c r="AT23" s="171">
        <v>40</v>
      </c>
      <c r="AU23" s="168">
        <v>11</v>
      </c>
      <c r="AV23" s="169">
        <v>14</v>
      </c>
      <c r="AW23" s="170">
        <v>25</v>
      </c>
      <c r="AX23" s="439">
        <v>0</v>
      </c>
      <c r="AY23" s="169">
        <v>18</v>
      </c>
      <c r="AZ23" s="169">
        <v>11</v>
      </c>
      <c r="BA23" s="169">
        <v>13</v>
      </c>
      <c r="BB23" s="169">
        <v>5</v>
      </c>
      <c r="BC23" s="169">
        <v>5</v>
      </c>
      <c r="BD23" s="170">
        <v>52</v>
      </c>
      <c r="BE23" s="171">
        <v>77</v>
      </c>
      <c r="BF23" s="168">
        <v>7</v>
      </c>
      <c r="BG23" s="169">
        <v>19</v>
      </c>
      <c r="BH23" s="170">
        <v>26</v>
      </c>
      <c r="BI23" s="439">
        <v>0</v>
      </c>
      <c r="BJ23" s="169">
        <v>17</v>
      </c>
      <c r="BK23" s="169">
        <v>17</v>
      </c>
      <c r="BL23" s="169">
        <v>8</v>
      </c>
      <c r="BM23" s="169">
        <v>5</v>
      </c>
      <c r="BN23" s="169">
        <v>5</v>
      </c>
      <c r="BO23" s="170">
        <v>52</v>
      </c>
      <c r="BP23" s="171">
        <v>78</v>
      </c>
      <c r="BQ23" s="168">
        <v>5</v>
      </c>
      <c r="BR23" s="169">
        <v>10</v>
      </c>
      <c r="BS23" s="170">
        <v>15</v>
      </c>
      <c r="BT23" s="439">
        <v>0</v>
      </c>
      <c r="BU23" s="169">
        <v>9</v>
      </c>
      <c r="BV23" s="169">
        <v>13</v>
      </c>
      <c r="BW23" s="169">
        <v>2</v>
      </c>
      <c r="BX23" s="169">
        <v>7</v>
      </c>
      <c r="BY23" s="169">
        <v>2</v>
      </c>
      <c r="BZ23" s="170">
        <v>33</v>
      </c>
      <c r="CA23" s="171">
        <v>48</v>
      </c>
      <c r="CB23" s="168">
        <v>0</v>
      </c>
      <c r="CC23" s="169">
        <v>0</v>
      </c>
      <c r="CD23" s="170">
        <v>0</v>
      </c>
      <c r="CE23" s="439">
        <v>0</v>
      </c>
      <c r="CF23" s="169">
        <v>0</v>
      </c>
      <c r="CG23" s="169">
        <v>0</v>
      </c>
      <c r="CH23" s="169">
        <v>0</v>
      </c>
      <c r="CI23" s="169">
        <v>0</v>
      </c>
      <c r="CJ23" s="169">
        <v>0</v>
      </c>
      <c r="CK23" s="170">
        <v>0</v>
      </c>
      <c r="CL23" s="171">
        <v>0</v>
      </c>
      <c r="CM23" s="168">
        <v>34</v>
      </c>
      <c r="CN23" s="169">
        <v>55</v>
      </c>
      <c r="CO23" s="170">
        <v>89</v>
      </c>
      <c r="CP23" s="439">
        <v>0</v>
      </c>
      <c r="CQ23" s="169">
        <v>65</v>
      </c>
      <c r="CR23" s="169">
        <v>52</v>
      </c>
      <c r="CS23" s="169">
        <v>34</v>
      </c>
      <c r="CT23" s="169">
        <v>24</v>
      </c>
      <c r="CU23" s="169">
        <v>16</v>
      </c>
      <c r="CV23" s="170">
        <v>191</v>
      </c>
      <c r="CW23" s="171">
        <v>280</v>
      </c>
      <c r="CX23" s="172">
        <v>15</v>
      </c>
      <c r="CY23" s="164">
        <v>14</v>
      </c>
      <c r="CZ23" s="165">
        <v>29</v>
      </c>
      <c r="DA23" s="439">
        <v>0</v>
      </c>
      <c r="DB23" s="164">
        <v>24</v>
      </c>
      <c r="DC23" s="164">
        <v>24</v>
      </c>
      <c r="DD23" s="164">
        <v>7</v>
      </c>
      <c r="DE23" s="164">
        <v>15</v>
      </c>
      <c r="DF23" s="164">
        <v>6</v>
      </c>
      <c r="DG23" s="166">
        <v>76</v>
      </c>
      <c r="DH23" s="167">
        <v>105</v>
      </c>
      <c r="DI23" s="168">
        <v>0</v>
      </c>
      <c r="DJ23" s="169">
        <v>0</v>
      </c>
      <c r="DK23" s="170">
        <v>0</v>
      </c>
      <c r="DL23" s="439">
        <v>0</v>
      </c>
      <c r="DM23" s="169">
        <v>1</v>
      </c>
      <c r="DN23" s="169">
        <v>1</v>
      </c>
      <c r="DO23" s="169">
        <v>0</v>
      </c>
      <c r="DP23" s="169">
        <v>0</v>
      </c>
      <c r="DQ23" s="169">
        <v>1</v>
      </c>
      <c r="DR23" s="170">
        <v>3</v>
      </c>
      <c r="DS23" s="171">
        <v>3</v>
      </c>
      <c r="DT23" s="168">
        <v>2</v>
      </c>
      <c r="DU23" s="169">
        <v>0</v>
      </c>
      <c r="DV23" s="170">
        <v>2</v>
      </c>
      <c r="DW23" s="439">
        <v>0</v>
      </c>
      <c r="DX23" s="169">
        <v>0</v>
      </c>
      <c r="DY23" s="169">
        <v>0</v>
      </c>
      <c r="DZ23" s="169">
        <v>0</v>
      </c>
      <c r="EA23" s="169">
        <v>0</v>
      </c>
      <c r="EB23" s="169">
        <v>1</v>
      </c>
      <c r="EC23" s="170">
        <v>1</v>
      </c>
      <c r="ED23" s="171">
        <v>3</v>
      </c>
      <c r="EE23" s="168">
        <v>1</v>
      </c>
      <c r="EF23" s="169">
        <v>3</v>
      </c>
      <c r="EG23" s="170">
        <v>4</v>
      </c>
      <c r="EH23" s="439">
        <v>0</v>
      </c>
      <c r="EI23" s="169">
        <v>3</v>
      </c>
      <c r="EJ23" s="169">
        <v>4</v>
      </c>
      <c r="EK23" s="169">
        <v>1</v>
      </c>
      <c r="EL23" s="169">
        <v>2</v>
      </c>
      <c r="EM23" s="169">
        <v>0</v>
      </c>
      <c r="EN23" s="170">
        <v>10</v>
      </c>
      <c r="EO23" s="171">
        <v>14</v>
      </c>
      <c r="EP23" s="168">
        <v>4</v>
      </c>
      <c r="EQ23" s="169">
        <v>4</v>
      </c>
      <c r="ER23" s="170">
        <v>8</v>
      </c>
      <c r="ES23" s="439">
        <v>0</v>
      </c>
      <c r="ET23" s="169">
        <v>4</v>
      </c>
      <c r="EU23" s="169">
        <v>8</v>
      </c>
      <c r="EV23" s="169">
        <v>2</v>
      </c>
      <c r="EW23" s="169">
        <v>3</v>
      </c>
      <c r="EX23" s="169">
        <v>1</v>
      </c>
      <c r="EY23" s="170">
        <v>18</v>
      </c>
      <c r="EZ23" s="171">
        <v>26</v>
      </c>
      <c r="FA23" s="168">
        <v>6</v>
      </c>
      <c r="FB23" s="169">
        <v>2</v>
      </c>
      <c r="FC23" s="170">
        <v>8</v>
      </c>
      <c r="FD23" s="439">
        <v>0</v>
      </c>
      <c r="FE23" s="169">
        <v>7</v>
      </c>
      <c r="FF23" s="169">
        <v>5</v>
      </c>
      <c r="FG23" s="169">
        <v>0</v>
      </c>
      <c r="FH23" s="169">
        <v>3</v>
      </c>
      <c r="FI23" s="169">
        <v>0</v>
      </c>
      <c r="FJ23" s="170">
        <v>15</v>
      </c>
      <c r="FK23" s="171">
        <v>23</v>
      </c>
      <c r="FL23" s="168">
        <v>2</v>
      </c>
      <c r="FM23" s="169">
        <v>5</v>
      </c>
      <c r="FN23" s="170">
        <v>7</v>
      </c>
      <c r="FO23" s="439">
        <v>0</v>
      </c>
      <c r="FP23" s="169">
        <v>9</v>
      </c>
      <c r="FQ23" s="169">
        <v>6</v>
      </c>
      <c r="FR23" s="169">
        <v>4</v>
      </c>
      <c r="FS23" s="169">
        <v>7</v>
      </c>
      <c r="FT23" s="169">
        <v>3</v>
      </c>
      <c r="FU23" s="170">
        <v>29</v>
      </c>
      <c r="FV23" s="171">
        <v>36</v>
      </c>
      <c r="FW23" s="168">
        <v>0</v>
      </c>
      <c r="FX23" s="169">
        <v>0</v>
      </c>
      <c r="FY23" s="170">
        <v>0</v>
      </c>
      <c r="FZ23" s="439">
        <v>0</v>
      </c>
      <c r="GA23" s="169">
        <v>0</v>
      </c>
      <c r="GB23" s="169">
        <v>0</v>
      </c>
      <c r="GC23" s="169">
        <v>0</v>
      </c>
      <c r="GD23" s="169">
        <v>0</v>
      </c>
      <c r="GE23" s="169">
        <v>0</v>
      </c>
      <c r="GF23" s="170">
        <v>0</v>
      </c>
      <c r="GG23" s="171">
        <v>0</v>
      </c>
      <c r="GH23" s="168">
        <v>15</v>
      </c>
      <c r="GI23" s="169">
        <v>14</v>
      </c>
      <c r="GJ23" s="170">
        <v>29</v>
      </c>
      <c r="GK23" s="439">
        <v>0</v>
      </c>
      <c r="GL23" s="169">
        <v>24</v>
      </c>
      <c r="GM23" s="169">
        <v>24</v>
      </c>
      <c r="GN23" s="169">
        <v>7</v>
      </c>
      <c r="GO23" s="169">
        <v>15</v>
      </c>
      <c r="GP23" s="169">
        <v>6</v>
      </c>
      <c r="GQ23" s="170">
        <v>76</v>
      </c>
      <c r="GR23" s="171">
        <v>105</v>
      </c>
      <c r="GS23" s="172">
        <v>49</v>
      </c>
      <c r="GT23" s="164">
        <v>69</v>
      </c>
      <c r="GU23" s="165">
        <v>118</v>
      </c>
      <c r="GV23" s="439">
        <v>0</v>
      </c>
      <c r="GW23" s="164">
        <v>89</v>
      </c>
      <c r="GX23" s="164">
        <v>76</v>
      </c>
      <c r="GY23" s="164">
        <v>41</v>
      </c>
      <c r="GZ23" s="164">
        <v>39</v>
      </c>
      <c r="HA23" s="164">
        <v>22</v>
      </c>
      <c r="HB23" s="166">
        <v>267</v>
      </c>
      <c r="HC23" s="167">
        <v>385</v>
      </c>
      <c r="HD23" s="168">
        <v>0</v>
      </c>
      <c r="HE23" s="169">
        <v>2</v>
      </c>
      <c r="HF23" s="170">
        <v>2</v>
      </c>
      <c r="HG23" s="439">
        <v>0</v>
      </c>
      <c r="HH23" s="169">
        <v>4</v>
      </c>
      <c r="HI23" s="169">
        <v>2</v>
      </c>
      <c r="HJ23" s="169">
        <v>0</v>
      </c>
      <c r="HK23" s="169">
        <v>0</v>
      </c>
      <c r="HL23" s="169">
        <v>1</v>
      </c>
      <c r="HM23" s="170">
        <v>7</v>
      </c>
      <c r="HN23" s="171">
        <v>9</v>
      </c>
      <c r="HO23" s="168">
        <v>7</v>
      </c>
      <c r="HP23" s="169">
        <v>3</v>
      </c>
      <c r="HQ23" s="170">
        <v>10</v>
      </c>
      <c r="HR23" s="439">
        <v>0</v>
      </c>
      <c r="HS23" s="169">
        <v>9</v>
      </c>
      <c r="HT23" s="169">
        <v>6</v>
      </c>
      <c r="HU23" s="169">
        <v>5</v>
      </c>
      <c r="HV23" s="169">
        <v>3</v>
      </c>
      <c r="HW23" s="169">
        <v>1</v>
      </c>
      <c r="HX23" s="170">
        <v>24</v>
      </c>
      <c r="HY23" s="171">
        <v>34</v>
      </c>
      <c r="HZ23" s="168">
        <v>7</v>
      </c>
      <c r="IA23" s="169">
        <v>10</v>
      </c>
      <c r="IB23" s="170">
        <v>17</v>
      </c>
      <c r="IC23" s="439">
        <v>0</v>
      </c>
      <c r="ID23" s="169">
        <v>12</v>
      </c>
      <c r="IE23" s="169">
        <v>8</v>
      </c>
      <c r="IF23" s="169">
        <v>7</v>
      </c>
      <c r="IG23" s="169">
        <v>6</v>
      </c>
      <c r="IH23" s="169">
        <v>4</v>
      </c>
      <c r="II23" s="170">
        <v>37</v>
      </c>
      <c r="IJ23" s="171">
        <v>54</v>
      </c>
      <c r="IK23" s="168">
        <v>15</v>
      </c>
      <c r="IL23" s="169">
        <v>18</v>
      </c>
      <c r="IM23" s="170">
        <v>33</v>
      </c>
      <c r="IN23" s="439">
        <v>0</v>
      </c>
      <c r="IO23" s="169">
        <v>22</v>
      </c>
      <c r="IP23" s="169">
        <v>19</v>
      </c>
      <c r="IQ23" s="169">
        <v>15</v>
      </c>
      <c r="IR23" s="169">
        <v>8</v>
      </c>
      <c r="IS23" s="169">
        <v>6</v>
      </c>
      <c r="IT23" s="170">
        <v>70</v>
      </c>
      <c r="IU23" s="171">
        <v>103</v>
      </c>
      <c r="IV23" s="168">
        <v>13</v>
      </c>
      <c r="IW23" s="169">
        <v>21</v>
      </c>
      <c r="IX23" s="170">
        <v>34</v>
      </c>
      <c r="IY23" s="439">
        <v>0</v>
      </c>
      <c r="IZ23" s="169">
        <v>24</v>
      </c>
      <c r="JA23" s="169">
        <v>22</v>
      </c>
      <c r="JB23" s="169">
        <v>8</v>
      </c>
      <c r="JC23" s="169">
        <v>8</v>
      </c>
      <c r="JD23" s="169">
        <v>5</v>
      </c>
      <c r="JE23" s="170">
        <v>67</v>
      </c>
      <c r="JF23" s="171">
        <v>101</v>
      </c>
      <c r="JG23" s="168">
        <v>7</v>
      </c>
      <c r="JH23" s="169">
        <v>15</v>
      </c>
      <c r="JI23" s="170">
        <v>22</v>
      </c>
      <c r="JJ23" s="439">
        <v>0</v>
      </c>
      <c r="JK23" s="169">
        <v>18</v>
      </c>
      <c r="JL23" s="169">
        <v>19</v>
      </c>
      <c r="JM23" s="169">
        <v>6</v>
      </c>
      <c r="JN23" s="169">
        <v>14</v>
      </c>
      <c r="JO23" s="169">
        <v>5</v>
      </c>
      <c r="JP23" s="170">
        <v>62</v>
      </c>
      <c r="JQ23" s="171">
        <v>84</v>
      </c>
      <c r="JR23" s="168">
        <v>0</v>
      </c>
      <c r="JS23" s="169">
        <v>0</v>
      </c>
      <c r="JT23" s="170">
        <v>0</v>
      </c>
      <c r="JU23" s="439">
        <v>0</v>
      </c>
      <c r="JV23" s="169">
        <v>0</v>
      </c>
      <c r="JW23" s="169">
        <v>0</v>
      </c>
      <c r="JX23" s="169">
        <v>0</v>
      </c>
      <c r="JY23" s="169">
        <v>0</v>
      </c>
      <c r="JZ23" s="169">
        <v>0</v>
      </c>
      <c r="KA23" s="170">
        <v>0</v>
      </c>
      <c r="KB23" s="171">
        <v>0</v>
      </c>
      <c r="KC23" s="168">
        <v>49</v>
      </c>
      <c r="KD23" s="169">
        <v>69</v>
      </c>
      <c r="KE23" s="170">
        <v>118</v>
      </c>
      <c r="KF23" s="439">
        <v>0</v>
      </c>
      <c r="KG23" s="169">
        <v>89</v>
      </c>
      <c r="KH23" s="169">
        <v>76</v>
      </c>
      <c r="KI23" s="169">
        <v>41</v>
      </c>
      <c r="KJ23" s="169">
        <v>39</v>
      </c>
      <c r="KK23" s="169">
        <v>22</v>
      </c>
      <c r="KL23" s="170">
        <v>267</v>
      </c>
      <c r="KM23" s="171">
        <v>385</v>
      </c>
    </row>
    <row r="24" spans="2:299" s="137" customFormat="1" ht="21" customHeight="1" x14ac:dyDescent="0.2">
      <c r="B24" s="173" t="s">
        <v>21</v>
      </c>
      <c r="C24" s="163">
        <v>31</v>
      </c>
      <c r="D24" s="164">
        <v>36</v>
      </c>
      <c r="E24" s="165">
        <v>67</v>
      </c>
      <c r="F24" s="439">
        <v>0</v>
      </c>
      <c r="G24" s="164">
        <v>48</v>
      </c>
      <c r="H24" s="164">
        <v>29</v>
      </c>
      <c r="I24" s="164">
        <v>22</v>
      </c>
      <c r="J24" s="164">
        <v>24</v>
      </c>
      <c r="K24" s="164">
        <v>13</v>
      </c>
      <c r="L24" s="166">
        <v>136</v>
      </c>
      <c r="M24" s="167">
        <v>203</v>
      </c>
      <c r="N24" s="168">
        <v>1</v>
      </c>
      <c r="O24" s="169">
        <v>3</v>
      </c>
      <c r="P24" s="170">
        <v>4</v>
      </c>
      <c r="Q24" s="439">
        <v>0</v>
      </c>
      <c r="R24" s="169">
        <v>1</v>
      </c>
      <c r="S24" s="169">
        <v>0</v>
      </c>
      <c r="T24" s="169">
        <v>3</v>
      </c>
      <c r="U24" s="169">
        <v>0</v>
      </c>
      <c r="V24" s="169">
        <v>3</v>
      </c>
      <c r="W24" s="170">
        <v>7</v>
      </c>
      <c r="X24" s="171">
        <v>11</v>
      </c>
      <c r="Y24" s="168">
        <v>4</v>
      </c>
      <c r="Z24" s="169">
        <v>5</v>
      </c>
      <c r="AA24" s="170">
        <v>9</v>
      </c>
      <c r="AB24" s="439">
        <v>0</v>
      </c>
      <c r="AC24" s="169">
        <v>5</v>
      </c>
      <c r="AD24" s="169">
        <v>6</v>
      </c>
      <c r="AE24" s="169">
        <v>1</v>
      </c>
      <c r="AF24" s="169">
        <v>4</v>
      </c>
      <c r="AG24" s="169">
        <v>1</v>
      </c>
      <c r="AH24" s="170">
        <v>17</v>
      </c>
      <c r="AI24" s="171">
        <v>26</v>
      </c>
      <c r="AJ24" s="168">
        <v>4</v>
      </c>
      <c r="AK24" s="169">
        <v>4</v>
      </c>
      <c r="AL24" s="170">
        <v>8</v>
      </c>
      <c r="AM24" s="439">
        <v>0</v>
      </c>
      <c r="AN24" s="169">
        <v>8</v>
      </c>
      <c r="AO24" s="169">
        <v>4</v>
      </c>
      <c r="AP24" s="169">
        <v>3</v>
      </c>
      <c r="AQ24" s="169">
        <v>3</v>
      </c>
      <c r="AR24" s="169">
        <v>1</v>
      </c>
      <c r="AS24" s="170">
        <v>19</v>
      </c>
      <c r="AT24" s="171">
        <v>27</v>
      </c>
      <c r="AU24" s="168">
        <v>3</v>
      </c>
      <c r="AV24" s="169">
        <v>11</v>
      </c>
      <c r="AW24" s="170">
        <v>14</v>
      </c>
      <c r="AX24" s="439">
        <v>0</v>
      </c>
      <c r="AY24" s="169">
        <v>13</v>
      </c>
      <c r="AZ24" s="169">
        <v>5</v>
      </c>
      <c r="BA24" s="169">
        <v>4</v>
      </c>
      <c r="BB24" s="169">
        <v>8</v>
      </c>
      <c r="BC24" s="169">
        <v>2</v>
      </c>
      <c r="BD24" s="170">
        <v>32</v>
      </c>
      <c r="BE24" s="171">
        <v>46</v>
      </c>
      <c r="BF24" s="168">
        <v>13</v>
      </c>
      <c r="BG24" s="169">
        <v>5</v>
      </c>
      <c r="BH24" s="170">
        <v>18</v>
      </c>
      <c r="BI24" s="439">
        <v>0</v>
      </c>
      <c r="BJ24" s="169">
        <v>16</v>
      </c>
      <c r="BK24" s="169">
        <v>9</v>
      </c>
      <c r="BL24" s="169">
        <v>2</v>
      </c>
      <c r="BM24" s="169">
        <v>8</v>
      </c>
      <c r="BN24" s="169">
        <v>3</v>
      </c>
      <c r="BO24" s="170">
        <v>38</v>
      </c>
      <c r="BP24" s="171">
        <v>56</v>
      </c>
      <c r="BQ24" s="168">
        <v>6</v>
      </c>
      <c r="BR24" s="169">
        <v>8</v>
      </c>
      <c r="BS24" s="170">
        <v>14</v>
      </c>
      <c r="BT24" s="439">
        <v>0</v>
      </c>
      <c r="BU24" s="169">
        <v>5</v>
      </c>
      <c r="BV24" s="169">
        <v>5</v>
      </c>
      <c r="BW24" s="169">
        <v>9</v>
      </c>
      <c r="BX24" s="169">
        <v>1</v>
      </c>
      <c r="BY24" s="169">
        <v>3</v>
      </c>
      <c r="BZ24" s="170">
        <v>23</v>
      </c>
      <c r="CA24" s="171">
        <v>37</v>
      </c>
      <c r="CB24" s="168">
        <v>0</v>
      </c>
      <c r="CC24" s="169">
        <v>0</v>
      </c>
      <c r="CD24" s="170">
        <v>0</v>
      </c>
      <c r="CE24" s="439">
        <v>0</v>
      </c>
      <c r="CF24" s="169">
        <v>0</v>
      </c>
      <c r="CG24" s="169">
        <v>0</v>
      </c>
      <c r="CH24" s="169">
        <v>0</v>
      </c>
      <c r="CI24" s="169">
        <v>0</v>
      </c>
      <c r="CJ24" s="169">
        <v>0</v>
      </c>
      <c r="CK24" s="170">
        <v>0</v>
      </c>
      <c r="CL24" s="171">
        <v>0</v>
      </c>
      <c r="CM24" s="168">
        <v>31</v>
      </c>
      <c r="CN24" s="169">
        <v>36</v>
      </c>
      <c r="CO24" s="170">
        <v>67</v>
      </c>
      <c r="CP24" s="439">
        <v>0</v>
      </c>
      <c r="CQ24" s="169">
        <v>48</v>
      </c>
      <c r="CR24" s="169">
        <v>29</v>
      </c>
      <c r="CS24" s="169">
        <v>22</v>
      </c>
      <c r="CT24" s="169">
        <v>24</v>
      </c>
      <c r="CU24" s="169">
        <v>13</v>
      </c>
      <c r="CV24" s="170">
        <v>136</v>
      </c>
      <c r="CW24" s="171">
        <v>203</v>
      </c>
      <c r="CX24" s="172">
        <v>11</v>
      </c>
      <c r="CY24" s="164">
        <v>8</v>
      </c>
      <c r="CZ24" s="165">
        <v>19</v>
      </c>
      <c r="DA24" s="439">
        <v>0</v>
      </c>
      <c r="DB24" s="164">
        <v>13</v>
      </c>
      <c r="DC24" s="164">
        <v>13</v>
      </c>
      <c r="DD24" s="164">
        <v>8</v>
      </c>
      <c r="DE24" s="164">
        <v>14</v>
      </c>
      <c r="DF24" s="164">
        <v>4</v>
      </c>
      <c r="DG24" s="166">
        <v>52</v>
      </c>
      <c r="DH24" s="167">
        <v>71</v>
      </c>
      <c r="DI24" s="168">
        <v>0</v>
      </c>
      <c r="DJ24" s="169">
        <v>0</v>
      </c>
      <c r="DK24" s="170">
        <v>0</v>
      </c>
      <c r="DL24" s="439">
        <v>0</v>
      </c>
      <c r="DM24" s="169">
        <v>0</v>
      </c>
      <c r="DN24" s="169">
        <v>0</v>
      </c>
      <c r="DO24" s="169">
        <v>0</v>
      </c>
      <c r="DP24" s="169">
        <v>0</v>
      </c>
      <c r="DQ24" s="169">
        <v>0</v>
      </c>
      <c r="DR24" s="170">
        <v>0</v>
      </c>
      <c r="DS24" s="171">
        <v>0</v>
      </c>
      <c r="DT24" s="168">
        <v>0</v>
      </c>
      <c r="DU24" s="169">
        <v>1</v>
      </c>
      <c r="DV24" s="170">
        <v>1</v>
      </c>
      <c r="DW24" s="439">
        <v>0</v>
      </c>
      <c r="DX24" s="169">
        <v>1</v>
      </c>
      <c r="DY24" s="169">
        <v>1</v>
      </c>
      <c r="DZ24" s="169">
        <v>0</v>
      </c>
      <c r="EA24" s="169">
        <v>0</v>
      </c>
      <c r="EB24" s="169">
        <v>1</v>
      </c>
      <c r="EC24" s="170">
        <v>3</v>
      </c>
      <c r="ED24" s="171">
        <v>4</v>
      </c>
      <c r="EE24" s="168">
        <v>0</v>
      </c>
      <c r="EF24" s="169">
        <v>1</v>
      </c>
      <c r="EG24" s="170">
        <v>1</v>
      </c>
      <c r="EH24" s="439">
        <v>0</v>
      </c>
      <c r="EI24" s="169">
        <v>1</v>
      </c>
      <c r="EJ24" s="169">
        <v>1</v>
      </c>
      <c r="EK24" s="169">
        <v>0</v>
      </c>
      <c r="EL24" s="169">
        <v>0</v>
      </c>
      <c r="EM24" s="169">
        <v>0</v>
      </c>
      <c r="EN24" s="170">
        <v>2</v>
      </c>
      <c r="EO24" s="171">
        <v>3</v>
      </c>
      <c r="EP24" s="168">
        <v>7</v>
      </c>
      <c r="EQ24" s="169">
        <v>2</v>
      </c>
      <c r="ER24" s="170">
        <v>9</v>
      </c>
      <c r="ES24" s="439">
        <v>0</v>
      </c>
      <c r="ET24" s="169">
        <v>1</v>
      </c>
      <c r="EU24" s="169">
        <v>2</v>
      </c>
      <c r="EV24" s="169">
        <v>0</v>
      </c>
      <c r="EW24" s="169">
        <v>3</v>
      </c>
      <c r="EX24" s="169">
        <v>0</v>
      </c>
      <c r="EY24" s="170">
        <v>6</v>
      </c>
      <c r="EZ24" s="171">
        <v>15</v>
      </c>
      <c r="FA24" s="168">
        <v>1</v>
      </c>
      <c r="FB24" s="169">
        <v>3</v>
      </c>
      <c r="FC24" s="170">
        <v>4</v>
      </c>
      <c r="FD24" s="439">
        <v>0</v>
      </c>
      <c r="FE24" s="169">
        <v>3</v>
      </c>
      <c r="FF24" s="169">
        <v>5</v>
      </c>
      <c r="FG24" s="169">
        <v>5</v>
      </c>
      <c r="FH24" s="169">
        <v>4</v>
      </c>
      <c r="FI24" s="169">
        <v>3</v>
      </c>
      <c r="FJ24" s="170">
        <v>20</v>
      </c>
      <c r="FK24" s="171">
        <v>24</v>
      </c>
      <c r="FL24" s="168">
        <v>3</v>
      </c>
      <c r="FM24" s="169">
        <v>1</v>
      </c>
      <c r="FN24" s="170">
        <v>4</v>
      </c>
      <c r="FO24" s="439">
        <v>0</v>
      </c>
      <c r="FP24" s="169">
        <v>7</v>
      </c>
      <c r="FQ24" s="169">
        <v>4</v>
      </c>
      <c r="FR24" s="169">
        <v>3</v>
      </c>
      <c r="FS24" s="169">
        <v>7</v>
      </c>
      <c r="FT24" s="169">
        <v>0</v>
      </c>
      <c r="FU24" s="170">
        <v>21</v>
      </c>
      <c r="FV24" s="171">
        <v>25</v>
      </c>
      <c r="FW24" s="168">
        <v>0</v>
      </c>
      <c r="FX24" s="169">
        <v>0</v>
      </c>
      <c r="FY24" s="170">
        <v>0</v>
      </c>
      <c r="FZ24" s="439">
        <v>0</v>
      </c>
      <c r="GA24" s="169">
        <v>0</v>
      </c>
      <c r="GB24" s="169">
        <v>0</v>
      </c>
      <c r="GC24" s="169">
        <v>0</v>
      </c>
      <c r="GD24" s="169">
        <v>0</v>
      </c>
      <c r="GE24" s="169">
        <v>0</v>
      </c>
      <c r="GF24" s="170">
        <v>0</v>
      </c>
      <c r="GG24" s="171">
        <v>0</v>
      </c>
      <c r="GH24" s="168">
        <v>11</v>
      </c>
      <c r="GI24" s="169">
        <v>8</v>
      </c>
      <c r="GJ24" s="170">
        <v>19</v>
      </c>
      <c r="GK24" s="439">
        <v>0</v>
      </c>
      <c r="GL24" s="169">
        <v>13</v>
      </c>
      <c r="GM24" s="169">
        <v>13</v>
      </c>
      <c r="GN24" s="169">
        <v>8</v>
      </c>
      <c r="GO24" s="169">
        <v>14</v>
      </c>
      <c r="GP24" s="169">
        <v>4</v>
      </c>
      <c r="GQ24" s="170">
        <v>52</v>
      </c>
      <c r="GR24" s="171">
        <v>71</v>
      </c>
      <c r="GS24" s="172">
        <v>42</v>
      </c>
      <c r="GT24" s="164">
        <v>44</v>
      </c>
      <c r="GU24" s="165">
        <v>86</v>
      </c>
      <c r="GV24" s="439">
        <v>0</v>
      </c>
      <c r="GW24" s="164">
        <v>61</v>
      </c>
      <c r="GX24" s="164">
        <v>42</v>
      </c>
      <c r="GY24" s="164">
        <v>30</v>
      </c>
      <c r="GZ24" s="164">
        <v>38</v>
      </c>
      <c r="HA24" s="164">
        <v>17</v>
      </c>
      <c r="HB24" s="166">
        <v>188</v>
      </c>
      <c r="HC24" s="167">
        <v>274</v>
      </c>
      <c r="HD24" s="168">
        <v>1</v>
      </c>
      <c r="HE24" s="169">
        <v>3</v>
      </c>
      <c r="HF24" s="170">
        <v>4</v>
      </c>
      <c r="HG24" s="439">
        <v>0</v>
      </c>
      <c r="HH24" s="169">
        <v>1</v>
      </c>
      <c r="HI24" s="169">
        <v>0</v>
      </c>
      <c r="HJ24" s="169">
        <v>3</v>
      </c>
      <c r="HK24" s="169">
        <v>0</v>
      </c>
      <c r="HL24" s="169">
        <v>3</v>
      </c>
      <c r="HM24" s="170">
        <v>7</v>
      </c>
      <c r="HN24" s="171">
        <v>11</v>
      </c>
      <c r="HO24" s="168">
        <v>4</v>
      </c>
      <c r="HP24" s="169">
        <v>6</v>
      </c>
      <c r="HQ24" s="170">
        <v>10</v>
      </c>
      <c r="HR24" s="439">
        <v>0</v>
      </c>
      <c r="HS24" s="169">
        <v>6</v>
      </c>
      <c r="HT24" s="169">
        <v>7</v>
      </c>
      <c r="HU24" s="169">
        <v>1</v>
      </c>
      <c r="HV24" s="169">
        <v>4</v>
      </c>
      <c r="HW24" s="169">
        <v>2</v>
      </c>
      <c r="HX24" s="170">
        <v>20</v>
      </c>
      <c r="HY24" s="171">
        <v>30</v>
      </c>
      <c r="HZ24" s="168">
        <v>4</v>
      </c>
      <c r="IA24" s="169">
        <v>5</v>
      </c>
      <c r="IB24" s="170">
        <v>9</v>
      </c>
      <c r="IC24" s="439">
        <v>0</v>
      </c>
      <c r="ID24" s="169">
        <v>9</v>
      </c>
      <c r="IE24" s="169">
        <v>5</v>
      </c>
      <c r="IF24" s="169">
        <v>3</v>
      </c>
      <c r="IG24" s="169">
        <v>3</v>
      </c>
      <c r="IH24" s="169">
        <v>1</v>
      </c>
      <c r="II24" s="170">
        <v>21</v>
      </c>
      <c r="IJ24" s="171">
        <v>30</v>
      </c>
      <c r="IK24" s="168">
        <v>10</v>
      </c>
      <c r="IL24" s="169">
        <v>13</v>
      </c>
      <c r="IM24" s="170">
        <v>23</v>
      </c>
      <c r="IN24" s="439">
        <v>0</v>
      </c>
      <c r="IO24" s="169">
        <v>14</v>
      </c>
      <c r="IP24" s="169">
        <v>7</v>
      </c>
      <c r="IQ24" s="169">
        <v>4</v>
      </c>
      <c r="IR24" s="169">
        <v>11</v>
      </c>
      <c r="IS24" s="169">
        <v>2</v>
      </c>
      <c r="IT24" s="170">
        <v>38</v>
      </c>
      <c r="IU24" s="171">
        <v>61</v>
      </c>
      <c r="IV24" s="168">
        <v>14</v>
      </c>
      <c r="IW24" s="169">
        <v>8</v>
      </c>
      <c r="IX24" s="170">
        <v>22</v>
      </c>
      <c r="IY24" s="439">
        <v>0</v>
      </c>
      <c r="IZ24" s="169">
        <v>19</v>
      </c>
      <c r="JA24" s="169">
        <v>14</v>
      </c>
      <c r="JB24" s="169">
        <v>7</v>
      </c>
      <c r="JC24" s="169">
        <v>12</v>
      </c>
      <c r="JD24" s="169">
        <v>6</v>
      </c>
      <c r="JE24" s="170">
        <v>58</v>
      </c>
      <c r="JF24" s="171">
        <v>80</v>
      </c>
      <c r="JG24" s="168">
        <v>9</v>
      </c>
      <c r="JH24" s="169">
        <v>9</v>
      </c>
      <c r="JI24" s="170">
        <v>18</v>
      </c>
      <c r="JJ24" s="439">
        <v>0</v>
      </c>
      <c r="JK24" s="169">
        <v>12</v>
      </c>
      <c r="JL24" s="169">
        <v>9</v>
      </c>
      <c r="JM24" s="169">
        <v>12</v>
      </c>
      <c r="JN24" s="169">
        <v>8</v>
      </c>
      <c r="JO24" s="169">
        <v>3</v>
      </c>
      <c r="JP24" s="170">
        <v>44</v>
      </c>
      <c r="JQ24" s="171">
        <v>62</v>
      </c>
      <c r="JR24" s="168">
        <v>0</v>
      </c>
      <c r="JS24" s="169">
        <v>0</v>
      </c>
      <c r="JT24" s="170">
        <v>0</v>
      </c>
      <c r="JU24" s="439">
        <v>0</v>
      </c>
      <c r="JV24" s="169">
        <v>0</v>
      </c>
      <c r="JW24" s="169">
        <v>0</v>
      </c>
      <c r="JX24" s="169">
        <v>0</v>
      </c>
      <c r="JY24" s="169">
        <v>0</v>
      </c>
      <c r="JZ24" s="169">
        <v>0</v>
      </c>
      <c r="KA24" s="170">
        <v>0</v>
      </c>
      <c r="KB24" s="171">
        <v>0</v>
      </c>
      <c r="KC24" s="168">
        <v>42</v>
      </c>
      <c r="KD24" s="169">
        <v>44</v>
      </c>
      <c r="KE24" s="170">
        <v>86</v>
      </c>
      <c r="KF24" s="439">
        <v>0</v>
      </c>
      <c r="KG24" s="169">
        <v>61</v>
      </c>
      <c r="KH24" s="169">
        <v>42</v>
      </c>
      <c r="KI24" s="169">
        <v>30</v>
      </c>
      <c r="KJ24" s="169">
        <v>38</v>
      </c>
      <c r="KK24" s="169">
        <v>17</v>
      </c>
      <c r="KL24" s="170">
        <v>188</v>
      </c>
      <c r="KM24" s="171">
        <v>274</v>
      </c>
    </row>
    <row r="25" spans="2:299" s="137" customFormat="1" ht="21" customHeight="1" x14ac:dyDescent="0.2">
      <c r="B25" s="173" t="s">
        <v>22</v>
      </c>
      <c r="C25" s="163">
        <v>13</v>
      </c>
      <c r="D25" s="164">
        <v>9</v>
      </c>
      <c r="E25" s="165">
        <v>22</v>
      </c>
      <c r="F25" s="439">
        <v>0</v>
      </c>
      <c r="G25" s="164">
        <v>24</v>
      </c>
      <c r="H25" s="164">
        <v>26</v>
      </c>
      <c r="I25" s="164">
        <v>11</v>
      </c>
      <c r="J25" s="164">
        <v>8</v>
      </c>
      <c r="K25" s="164">
        <v>5</v>
      </c>
      <c r="L25" s="166">
        <v>74</v>
      </c>
      <c r="M25" s="167">
        <v>96</v>
      </c>
      <c r="N25" s="168">
        <v>1</v>
      </c>
      <c r="O25" s="169">
        <v>1</v>
      </c>
      <c r="P25" s="170">
        <v>2</v>
      </c>
      <c r="Q25" s="439">
        <v>0</v>
      </c>
      <c r="R25" s="169">
        <v>0</v>
      </c>
      <c r="S25" s="169">
        <v>0</v>
      </c>
      <c r="T25" s="169">
        <v>1</v>
      </c>
      <c r="U25" s="169">
        <v>0</v>
      </c>
      <c r="V25" s="169">
        <v>0</v>
      </c>
      <c r="W25" s="170">
        <v>1</v>
      </c>
      <c r="X25" s="171">
        <v>3</v>
      </c>
      <c r="Y25" s="168">
        <v>1</v>
      </c>
      <c r="Z25" s="169">
        <v>1</v>
      </c>
      <c r="AA25" s="170">
        <v>2</v>
      </c>
      <c r="AB25" s="439">
        <v>0</v>
      </c>
      <c r="AC25" s="169">
        <v>1</v>
      </c>
      <c r="AD25" s="169">
        <v>1</v>
      </c>
      <c r="AE25" s="169">
        <v>1</v>
      </c>
      <c r="AF25" s="169">
        <v>0</v>
      </c>
      <c r="AG25" s="169">
        <v>1</v>
      </c>
      <c r="AH25" s="170">
        <v>4</v>
      </c>
      <c r="AI25" s="171">
        <v>6</v>
      </c>
      <c r="AJ25" s="168">
        <v>1</v>
      </c>
      <c r="AK25" s="169">
        <v>1</v>
      </c>
      <c r="AL25" s="170">
        <v>2</v>
      </c>
      <c r="AM25" s="439">
        <v>0</v>
      </c>
      <c r="AN25" s="169">
        <v>4</v>
      </c>
      <c r="AO25" s="169">
        <v>2</v>
      </c>
      <c r="AP25" s="169">
        <v>1</v>
      </c>
      <c r="AQ25" s="169">
        <v>1</v>
      </c>
      <c r="AR25" s="169">
        <v>1</v>
      </c>
      <c r="AS25" s="170">
        <v>9</v>
      </c>
      <c r="AT25" s="171">
        <v>11</v>
      </c>
      <c r="AU25" s="168">
        <v>9</v>
      </c>
      <c r="AV25" s="169">
        <v>4</v>
      </c>
      <c r="AW25" s="170">
        <v>13</v>
      </c>
      <c r="AX25" s="439">
        <v>0</v>
      </c>
      <c r="AY25" s="169">
        <v>5</v>
      </c>
      <c r="AZ25" s="169">
        <v>8</v>
      </c>
      <c r="BA25" s="169">
        <v>2</v>
      </c>
      <c r="BB25" s="169">
        <v>3</v>
      </c>
      <c r="BC25" s="169">
        <v>2</v>
      </c>
      <c r="BD25" s="170">
        <v>20</v>
      </c>
      <c r="BE25" s="171">
        <v>33</v>
      </c>
      <c r="BF25" s="168">
        <v>0</v>
      </c>
      <c r="BG25" s="169">
        <v>0</v>
      </c>
      <c r="BH25" s="170">
        <v>0</v>
      </c>
      <c r="BI25" s="439">
        <v>0</v>
      </c>
      <c r="BJ25" s="169">
        <v>5</v>
      </c>
      <c r="BK25" s="169">
        <v>6</v>
      </c>
      <c r="BL25" s="169">
        <v>4</v>
      </c>
      <c r="BM25" s="169">
        <v>1</v>
      </c>
      <c r="BN25" s="169">
        <v>0</v>
      </c>
      <c r="BO25" s="170">
        <v>16</v>
      </c>
      <c r="BP25" s="171">
        <v>16</v>
      </c>
      <c r="BQ25" s="168">
        <v>1</v>
      </c>
      <c r="BR25" s="169">
        <v>2</v>
      </c>
      <c r="BS25" s="170">
        <v>3</v>
      </c>
      <c r="BT25" s="439">
        <v>0</v>
      </c>
      <c r="BU25" s="169">
        <v>9</v>
      </c>
      <c r="BV25" s="169">
        <v>9</v>
      </c>
      <c r="BW25" s="169">
        <v>2</v>
      </c>
      <c r="BX25" s="169">
        <v>3</v>
      </c>
      <c r="BY25" s="169">
        <v>1</v>
      </c>
      <c r="BZ25" s="170">
        <v>24</v>
      </c>
      <c r="CA25" s="171">
        <v>27</v>
      </c>
      <c r="CB25" s="168">
        <v>0</v>
      </c>
      <c r="CC25" s="169">
        <v>0</v>
      </c>
      <c r="CD25" s="170">
        <v>0</v>
      </c>
      <c r="CE25" s="439">
        <v>0</v>
      </c>
      <c r="CF25" s="169">
        <v>0</v>
      </c>
      <c r="CG25" s="169">
        <v>0</v>
      </c>
      <c r="CH25" s="169">
        <v>0</v>
      </c>
      <c r="CI25" s="169">
        <v>0</v>
      </c>
      <c r="CJ25" s="169">
        <v>0</v>
      </c>
      <c r="CK25" s="170">
        <v>0</v>
      </c>
      <c r="CL25" s="171">
        <v>0</v>
      </c>
      <c r="CM25" s="168">
        <v>13</v>
      </c>
      <c r="CN25" s="169">
        <v>9</v>
      </c>
      <c r="CO25" s="170">
        <v>22</v>
      </c>
      <c r="CP25" s="439">
        <v>0</v>
      </c>
      <c r="CQ25" s="169">
        <v>24</v>
      </c>
      <c r="CR25" s="169">
        <v>26</v>
      </c>
      <c r="CS25" s="169">
        <v>11</v>
      </c>
      <c r="CT25" s="169">
        <v>8</v>
      </c>
      <c r="CU25" s="169">
        <v>5</v>
      </c>
      <c r="CV25" s="170">
        <v>74</v>
      </c>
      <c r="CW25" s="171">
        <v>96</v>
      </c>
      <c r="CX25" s="172">
        <v>2</v>
      </c>
      <c r="CY25" s="164">
        <v>5</v>
      </c>
      <c r="CZ25" s="165">
        <v>7</v>
      </c>
      <c r="DA25" s="439">
        <v>0</v>
      </c>
      <c r="DB25" s="164">
        <v>5</v>
      </c>
      <c r="DC25" s="164">
        <v>6</v>
      </c>
      <c r="DD25" s="164">
        <v>0</v>
      </c>
      <c r="DE25" s="164">
        <v>4</v>
      </c>
      <c r="DF25" s="164">
        <v>4</v>
      </c>
      <c r="DG25" s="166">
        <v>19</v>
      </c>
      <c r="DH25" s="167">
        <v>26</v>
      </c>
      <c r="DI25" s="168">
        <v>0</v>
      </c>
      <c r="DJ25" s="169">
        <v>0</v>
      </c>
      <c r="DK25" s="170">
        <v>0</v>
      </c>
      <c r="DL25" s="439">
        <v>0</v>
      </c>
      <c r="DM25" s="169">
        <v>0</v>
      </c>
      <c r="DN25" s="169">
        <v>0</v>
      </c>
      <c r="DO25" s="169">
        <v>0</v>
      </c>
      <c r="DP25" s="169">
        <v>0</v>
      </c>
      <c r="DQ25" s="169">
        <v>0</v>
      </c>
      <c r="DR25" s="170">
        <v>0</v>
      </c>
      <c r="DS25" s="171">
        <v>0</v>
      </c>
      <c r="DT25" s="168">
        <v>0</v>
      </c>
      <c r="DU25" s="169">
        <v>0</v>
      </c>
      <c r="DV25" s="170">
        <v>0</v>
      </c>
      <c r="DW25" s="439">
        <v>0</v>
      </c>
      <c r="DX25" s="169">
        <v>0</v>
      </c>
      <c r="DY25" s="169">
        <v>0</v>
      </c>
      <c r="DZ25" s="169">
        <v>0</v>
      </c>
      <c r="EA25" s="169">
        <v>0</v>
      </c>
      <c r="EB25" s="169">
        <v>0</v>
      </c>
      <c r="EC25" s="170">
        <v>0</v>
      </c>
      <c r="ED25" s="171">
        <v>0</v>
      </c>
      <c r="EE25" s="168">
        <v>1</v>
      </c>
      <c r="EF25" s="169">
        <v>2</v>
      </c>
      <c r="EG25" s="170">
        <v>3</v>
      </c>
      <c r="EH25" s="439">
        <v>0</v>
      </c>
      <c r="EI25" s="169">
        <v>0</v>
      </c>
      <c r="EJ25" s="169">
        <v>1</v>
      </c>
      <c r="EK25" s="169">
        <v>0</v>
      </c>
      <c r="EL25" s="169">
        <v>0</v>
      </c>
      <c r="EM25" s="169">
        <v>0</v>
      </c>
      <c r="EN25" s="170">
        <v>1</v>
      </c>
      <c r="EO25" s="171">
        <v>4</v>
      </c>
      <c r="EP25" s="168">
        <v>1</v>
      </c>
      <c r="EQ25" s="169">
        <v>0</v>
      </c>
      <c r="ER25" s="170">
        <v>1</v>
      </c>
      <c r="ES25" s="439">
        <v>0</v>
      </c>
      <c r="ET25" s="169">
        <v>2</v>
      </c>
      <c r="EU25" s="169">
        <v>1</v>
      </c>
      <c r="EV25" s="169">
        <v>0</v>
      </c>
      <c r="EW25" s="169">
        <v>0</v>
      </c>
      <c r="EX25" s="169">
        <v>1</v>
      </c>
      <c r="EY25" s="170">
        <v>4</v>
      </c>
      <c r="EZ25" s="171">
        <v>5</v>
      </c>
      <c r="FA25" s="168">
        <v>0</v>
      </c>
      <c r="FB25" s="169">
        <v>1</v>
      </c>
      <c r="FC25" s="170">
        <v>1</v>
      </c>
      <c r="FD25" s="439">
        <v>0</v>
      </c>
      <c r="FE25" s="169">
        <v>1</v>
      </c>
      <c r="FF25" s="169">
        <v>2</v>
      </c>
      <c r="FG25" s="169">
        <v>0</v>
      </c>
      <c r="FH25" s="169">
        <v>3</v>
      </c>
      <c r="FI25" s="169">
        <v>0</v>
      </c>
      <c r="FJ25" s="170">
        <v>6</v>
      </c>
      <c r="FK25" s="171">
        <v>7</v>
      </c>
      <c r="FL25" s="168">
        <v>0</v>
      </c>
      <c r="FM25" s="169">
        <v>2</v>
      </c>
      <c r="FN25" s="170">
        <v>2</v>
      </c>
      <c r="FO25" s="439">
        <v>0</v>
      </c>
      <c r="FP25" s="169">
        <v>2</v>
      </c>
      <c r="FQ25" s="169">
        <v>2</v>
      </c>
      <c r="FR25" s="169">
        <v>0</v>
      </c>
      <c r="FS25" s="169">
        <v>1</v>
      </c>
      <c r="FT25" s="169">
        <v>3</v>
      </c>
      <c r="FU25" s="170">
        <v>8</v>
      </c>
      <c r="FV25" s="171">
        <v>10</v>
      </c>
      <c r="FW25" s="168">
        <v>0</v>
      </c>
      <c r="FX25" s="169">
        <v>0</v>
      </c>
      <c r="FY25" s="170">
        <v>0</v>
      </c>
      <c r="FZ25" s="439">
        <v>0</v>
      </c>
      <c r="GA25" s="169">
        <v>0</v>
      </c>
      <c r="GB25" s="169">
        <v>0</v>
      </c>
      <c r="GC25" s="169">
        <v>0</v>
      </c>
      <c r="GD25" s="169">
        <v>0</v>
      </c>
      <c r="GE25" s="169">
        <v>0</v>
      </c>
      <c r="GF25" s="170">
        <v>0</v>
      </c>
      <c r="GG25" s="171">
        <v>0</v>
      </c>
      <c r="GH25" s="168">
        <v>2</v>
      </c>
      <c r="GI25" s="169">
        <v>5</v>
      </c>
      <c r="GJ25" s="170">
        <v>7</v>
      </c>
      <c r="GK25" s="439">
        <v>0</v>
      </c>
      <c r="GL25" s="169">
        <v>5</v>
      </c>
      <c r="GM25" s="169">
        <v>6</v>
      </c>
      <c r="GN25" s="169">
        <v>0</v>
      </c>
      <c r="GO25" s="169">
        <v>4</v>
      </c>
      <c r="GP25" s="169">
        <v>4</v>
      </c>
      <c r="GQ25" s="170">
        <v>19</v>
      </c>
      <c r="GR25" s="171">
        <v>26</v>
      </c>
      <c r="GS25" s="172">
        <v>15</v>
      </c>
      <c r="GT25" s="164">
        <v>14</v>
      </c>
      <c r="GU25" s="165">
        <v>29</v>
      </c>
      <c r="GV25" s="439">
        <v>0</v>
      </c>
      <c r="GW25" s="164">
        <v>29</v>
      </c>
      <c r="GX25" s="164">
        <v>32</v>
      </c>
      <c r="GY25" s="164">
        <v>11</v>
      </c>
      <c r="GZ25" s="164">
        <v>12</v>
      </c>
      <c r="HA25" s="164">
        <v>9</v>
      </c>
      <c r="HB25" s="166">
        <v>93</v>
      </c>
      <c r="HC25" s="167">
        <v>122</v>
      </c>
      <c r="HD25" s="168">
        <v>1</v>
      </c>
      <c r="HE25" s="169">
        <v>1</v>
      </c>
      <c r="HF25" s="170">
        <v>2</v>
      </c>
      <c r="HG25" s="439">
        <v>0</v>
      </c>
      <c r="HH25" s="169">
        <v>0</v>
      </c>
      <c r="HI25" s="169">
        <v>0</v>
      </c>
      <c r="HJ25" s="169">
        <v>1</v>
      </c>
      <c r="HK25" s="169">
        <v>0</v>
      </c>
      <c r="HL25" s="169">
        <v>0</v>
      </c>
      <c r="HM25" s="170">
        <v>1</v>
      </c>
      <c r="HN25" s="171">
        <v>3</v>
      </c>
      <c r="HO25" s="168">
        <v>1</v>
      </c>
      <c r="HP25" s="169">
        <v>1</v>
      </c>
      <c r="HQ25" s="170">
        <v>2</v>
      </c>
      <c r="HR25" s="439">
        <v>0</v>
      </c>
      <c r="HS25" s="169">
        <v>1</v>
      </c>
      <c r="HT25" s="169">
        <v>1</v>
      </c>
      <c r="HU25" s="169">
        <v>1</v>
      </c>
      <c r="HV25" s="169">
        <v>0</v>
      </c>
      <c r="HW25" s="169">
        <v>1</v>
      </c>
      <c r="HX25" s="170">
        <v>4</v>
      </c>
      <c r="HY25" s="171">
        <v>6</v>
      </c>
      <c r="HZ25" s="168">
        <v>2</v>
      </c>
      <c r="IA25" s="169">
        <v>3</v>
      </c>
      <c r="IB25" s="170">
        <v>5</v>
      </c>
      <c r="IC25" s="439">
        <v>0</v>
      </c>
      <c r="ID25" s="169">
        <v>4</v>
      </c>
      <c r="IE25" s="169">
        <v>3</v>
      </c>
      <c r="IF25" s="169">
        <v>1</v>
      </c>
      <c r="IG25" s="169">
        <v>1</v>
      </c>
      <c r="IH25" s="169">
        <v>1</v>
      </c>
      <c r="II25" s="170">
        <v>10</v>
      </c>
      <c r="IJ25" s="171">
        <v>15</v>
      </c>
      <c r="IK25" s="168">
        <v>10</v>
      </c>
      <c r="IL25" s="169">
        <v>4</v>
      </c>
      <c r="IM25" s="170">
        <v>14</v>
      </c>
      <c r="IN25" s="439">
        <v>0</v>
      </c>
      <c r="IO25" s="169">
        <v>7</v>
      </c>
      <c r="IP25" s="169">
        <v>9</v>
      </c>
      <c r="IQ25" s="169">
        <v>2</v>
      </c>
      <c r="IR25" s="169">
        <v>3</v>
      </c>
      <c r="IS25" s="169">
        <v>3</v>
      </c>
      <c r="IT25" s="170">
        <v>24</v>
      </c>
      <c r="IU25" s="171">
        <v>38</v>
      </c>
      <c r="IV25" s="168">
        <v>0</v>
      </c>
      <c r="IW25" s="169">
        <v>1</v>
      </c>
      <c r="IX25" s="170">
        <v>1</v>
      </c>
      <c r="IY25" s="439">
        <v>0</v>
      </c>
      <c r="IZ25" s="169">
        <v>6</v>
      </c>
      <c r="JA25" s="169">
        <v>8</v>
      </c>
      <c r="JB25" s="169">
        <v>4</v>
      </c>
      <c r="JC25" s="169">
        <v>4</v>
      </c>
      <c r="JD25" s="169">
        <v>0</v>
      </c>
      <c r="JE25" s="170">
        <v>22</v>
      </c>
      <c r="JF25" s="171">
        <v>23</v>
      </c>
      <c r="JG25" s="168">
        <v>1</v>
      </c>
      <c r="JH25" s="169">
        <v>4</v>
      </c>
      <c r="JI25" s="170">
        <v>5</v>
      </c>
      <c r="JJ25" s="439">
        <v>0</v>
      </c>
      <c r="JK25" s="169">
        <v>11</v>
      </c>
      <c r="JL25" s="169">
        <v>11</v>
      </c>
      <c r="JM25" s="169">
        <v>2</v>
      </c>
      <c r="JN25" s="169">
        <v>4</v>
      </c>
      <c r="JO25" s="169">
        <v>4</v>
      </c>
      <c r="JP25" s="170">
        <v>32</v>
      </c>
      <c r="JQ25" s="171">
        <v>37</v>
      </c>
      <c r="JR25" s="168">
        <v>0</v>
      </c>
      <c r="JS25" s="169">
        <v>0</v>
      </c>
      <c r="JT25" s="170">
        <v>0</v>
      </c>
      <c r="JU25" s="439">
        <v>0</v>
      </c>
      <c r="JV25" s="169">
        <v>0</v>
      </c>
      <c r="JW25" s="169">
        <v>0</v>
      </c>
      <c r="JX25" s="169">
        <v>0</v>
      </c>
      <c r="JY25" s="169">
        <v>0</v>
      </c>
      <c r="JZ25" s="169">
        <v>0</v>
      </c>
      <c r="KA25" s="170">
        <v>0</v>
      </c>
      <c r="KB25" s="171">
        <v>0</v>
      </c>
      <c r="KC25" s="168">
        <v>15</v>
      </c>
      <c r="KD25" s="169">
        <v>14</v>
      </c>
      <c r="KE25" s="170">
        <v>29</v>
      </c>
      <c r="KF25" s="439">
        <v>0</v>
      </c>
      <c r="KG25" s="169">
        <v>29</v>
      </c>
      <c r="KH25" s="169">
        <v>32</v>
      </c>
      <c r="KI25" s="169">
        <v>11</v>
      </c>
      <c r="KJ25" s="169">
        <v>12</v>
      </c>
      <c r="KK25" s="169">
        <v>9</v>
      </c>
      <c r="KL25" s="170">
        <v>93</v>
      </c>
      <c r="KM25" s="171">
        <v>122</v>
      </c>
    </row>
    <row r="26" spans="2:299" s="137" customFormat="1" ht="21" customHeight="1" x14ac:dyDescent="0.2">
      <c r="B26" s="173" t="s">
        <v>23</v>
      </c>
      <c r="C26" s="163">
        <v>18</v>
      </c>
      <c r="D26" s="164">
        <v>19</v>
      </c>
      <c r="E26" s="165">
        <v>37</v>
      </c>
      <c r="F26" s="439">
        <v>0</v>
      </c>
      <c r="G26" s="164">
        <v>21</v>
      </c>
      <c r="H26" s="164">
        <v>23</v>
      </c>
      <c r="I26" s="164">
        <v>22</v>
      </c>
      <c r="J26" s="164">
        <v>15</v>
      </c>
      <c r="K26" s="164">
        <v>14</v>
      </c>
      <c r="L26" s="166">
        <v>95</v>
      </c>
      <c r="M26" s="167">
        <v>132</v>
      </c>
      <c r="N26" s="168">
        <v>0</v>
      </c>
      <c r="O26" s="169">
        <v>2</v>
      </c>
      <c r="P26" s="170">
        <v>2</v>
      </c>
      <c r="Q26" s="439">
        <v>0</v>
      </c>
      <c r="R26" s="169">
        <v>0</v>
      </c>
      <c r="S26" s="169">
        <v>1</v>
      </c>
      <c r="T26" s="169">
        <v>0</v>
      </c>
      <c r="U26" s="169">
        <v>0</v>
      </c>
      <c r="V26" s="169">
        <v>0</v>
      </c>
      <c r="W26" s="170">
        <v>1</v>
      </c>
      <c r="X26" s="171">
        <v>3</v>
      </c>
      <c r="Y26" s="168">
        <v>1</v>
      </c>
      <c r="Z26" s="169">
        <v>1</v>
      </c>
      <c r="AA26" s="170">
        <v>2</v>
      </c>
      <c r="AB26" s="439">
        <v>0</v>
      </c>
      <c r="AC26" s="169">
        <v>0</v>
      </c>
      <c r="AD26" s="169">
        <v>3</v>
      </c>
      <c r="AE26" s="169">
        <v>2</v>
      </c>
      <c r="AF26" s="169">
        <v>1</v>
      </c>
      <c r="AG26" s="169">
        <v>3</v>
      </c>
      <c r="AH26" s="170">
        <v>9</v>
      </c>
      <c r="AI26" s="171">
        <v>11</v>
      </c>
      <c r="AJ26" s="168">
        <v>4</v>
      </c>
      <c r="AK26" s="169">
        <v>0</v>
      </c>
      <c r="AL26" s="170">
        <v>4</v>
      </c>
      <c r="AM26" s="439">
        <v>0</v>
      </c>
      <c r="AN26" s="169">
        <v>3</v>
      </c>
      <c r="AO26" s="169">
        <v>2</v>
      </c>
      <c r="AP26" s="169">
        <v>3</v>
      </c>
      <c r="AQ26" s="169">
        <v>0</v>
      </c>
      <c r="AR26" s="169">
        <v>4</v>
      </c>
      <c r="AS26" s="170">
        <v>12</v>
      </c>
      <c r="AT26" s="171">
        <v>16</v>
      </c>
      <c r="AU26" s="168">
        <v>6</v>
      </c>
      <c r="AV26" s="169">
        <v>7</v>
      </c>
      <c r="AW26" s="170">
        <v>13</v>
      </c>
      <c r="AX26" s="439">
        <v>0</v>
      </c>
      <c r="AY26" s="169">
        <v>8</v>
      </c>
      <c r="AZ26" s="169">
        <v>2</v>
      </c>
      <c r="BA26" s="169">
        <v>6</v>
      </c>
      <c r="BB26" s="169">
        <v>6</v>
      </c>
      <c r="BC26" s="169">
        <v>1</v>
      </c>
      <c r="BD26" s="170">
        <v>23</v>
      </c>
      <c r="BE26" s="171">
        <v>36</v>
      </c>
      <c r="BF26" s="168">
        <v>6</v>
      </c>
      <c r="BG26" s="169">
        <v>4</v>
      </c>
      <c r="BH26" s="170">
        <v>10</v>
      </c>
      <c r="BI26" s="439">
        <v>0</v>
      </c>
      <c r="BJ26" s="169">
        <v>6</v>
      </c>
      <c r="BK26" s="169">
        <v>6</v>
      </c>
      <c r="BL26" s="169">
        <v>7</v>
      </c>
      <c r="BM26" s="169">
        <v>4</v>
      </c>
      <c r="BN26" s="169">
        <v>5</v>
      </c>
      <c r="BO26" s="170">
        <v>28</v>
      </c>
      <c r="BP26" s="171">
        <v>38</v>
      </c>
      <c r="BQ26" s="168">
        <v>1</v>
      </c>
      <c r="BR26" s="169">
        <v>5</v>
      </c>
      <c r="BS26" s="170">
        <v>6</v>
      </c>
      <c r="BT26" s="439">
        <v>0</v>
      </c>
      <c r="BU26" s="169">
        <v>4</v>
      </c>
      <c r="BV26" s="169">
        <v>9</v>
      </c>
      <c r="BW26" s="169">
        <v>4</v>
      </c>
      <c r="BX26" s="169">
        <v>4</v>
      </c>
      <c r="BY26" s="169">
        <v>1</v>
      </c>
      <c r="BZ26" s="170">
        <v>22</v>
      </c>
      <c r="CA26" s="171">
        <v>28</v>
      </c>
      <c r="CB26" s="168">
        <v>0</v>
      </c>
      <c r="CC26" s="169">
        <v>0</v>
      </c>
      <c r="CD26" s="170">
        <v>0</v>
      </c>
      <c r="CE26" s="439">
        <v>0</v>
      </c>
      <c r="CF26" s="169">
        <v>0</v>
      </c>
      <c r="CG26" s="169">
        <v>0</v>
      </c>
      <c r="CH26" s="169">
        <v>0</v>
      </c>
      <c r="CI26" s="169">
        <v>0</v>
      </c>
      <c r="CJ26" s="169">
        <v>0</v>
      </c>
      <c r="CK26" s="170">
        <v>0</v>
      </c>
      <c r="CL26" s="171">
        <v>0</v>
      </c>
      <c r="CM26" s="168">
        <v>18</v>
      </c>
      <c r="CN26" s="169">
        <v>19</v>
      </c>
      <c r="CO26" s="170">
        <v>37</v>
      </c>
      <c r="CP26" s="439">
        <v>0</v>
      </c>
      <c r="CQ26" s="169">
        <v>21</v>
      </c>
      <c r="CR26" s="169">
        <v>23</v>
      </c>
      <c r="CS26" s="169">
        <v>22</v>
      </c>
      <c r="CT26" s="169">
        <v>15</v>
      </c>
      <c r="CU26" s="169">
        <v>14</v>
      </c>
      <c r="CV26" s="170">
        <v>95</v>
      </c>
      <c r="CW26" s="171">
        <v>132</v>
      </c>
      <c r="CX26" s="172">
        <v>8</v>
      </c>
      <c r="CY26" s="164">
        <v>8</v>
      </c>
      <c r="CZ26" s="165">
        <v>16</v>
      </c>
      <c r="DA26" s="439">
        <v>0</v>
      </c>
      <c r="DB26" s="164">
        <v>10</v>
      </c>
      <c r="DC26" s="164">
        <v>10</v>
      </c>
      <c r="DD26" s="164">
        <v>4</v>
      </c>
      <c r="DE26" s="164">
        <v>6</v>
      </c>
      <c r="DF26" s="164">
        <v>5</v>
      </c>
      <c r="DG26" s="166">
        <v>35</v>
      </c>
      <c r="DH26" s="167">
        <v>51</v>
      </c>
      <c r="DI26" s="168">
        <v>1</v>
      </c>
      <c r="DJ26" s="169">
        <v>1</v>
      </c>
      <c r="DK26" s="170">
        <v>2</v>
      </c>
      <c r="DL26" s="439">
        <v>0</v>
      </c>
      <c r="DM26" s="169">
        <v>0</v>
      </c>
      <c r="DN26" s="169">
        <v>0</v>
      </c>
      <c r="DO26" s="169">
        <v>0</v>
      </c>
      <c r="DP26" s="169">
        <v>0</v>
      </c>
      <c r="DQ26" s="169">
        <v>0</v>
      </c>
      <c r="DR26" s="170">
        <v>0</v>
      </c>
      <c r="DS26" s="171">
        <v>2</v>
      </c>
      <c r="DT26" s="168">
        <v>0</v>
      </c>
      <c r="DU26" s="169">
        <v>0</v>
      </c>
      <c r="DV26" s="170">
        <v>0</v>
      </c>
      <c r="DW26" s="439">
        <v>0</v>
      </c>
      <c r="DX26" s="169">
        <v>1</v>
      </c>
      <c r="DY26" s="169">
        <v>0</v>
      </c>
      <c r="DZ26" s="169">
        <v>0</v>
      </c>
      <c r="EA26" s="169">
        <v>0</v>
      </c>
      <c r="EB26" s="169">
        <v>0</v>
      </c>
      <c r="EC26" s="170">
        <v>1</v>
      </c>
      <c r="ED26" s="171">
        <v>1</v>
      </c>
      <c r="EE26" s="168">
        <v>1</v>
      </c>
      <c r="EF26" s="169">
        <v>2</v>
      </c>
      <c r="EG26" s="170">
        <v>3</v>
      </c>
      <c r="EH26" s="439">
        <v>0</v>
      </c>
      <c r="EI26" s="169">
        <v>0</v>
      </c>
      <c r="EJ26" s="169">
        <v>1</v>
      </c>
      <c r="EK26" s="169">
        <v>0</v>
      </c>
      <c r="EL26" s="169">
        <v>0</v>
      </c>
      <c r="EM26" s="169">
        <v>1</v>
      </c>
      <c r="EN26" s="170">
        <v>2</v>
      </c>
      <c r="EO26" s="171">
        <v>5</v>
      </c>
      <c r="EP26" s="168">
        <v>4</v>
      </c>
      <c r="EQ26" s="169">
        <v>3</v>
      </c>
      <c r="ER26" s="170">
        <v>7</v>
      </c>
      <c r="ES26" s="439">
        <v>0</v>
      </c>
      <c r="ET26" s="169">
        <v>2</v>
      </c>
      <c r="EU26" s="169">
        <v>1</v>
      </c>
      <c r="EV26" s="169">
        <v>2</v>
      </c>
      <c r="EW26" s="169">
        <v>1</v>
      </c>
      <c r="EX26" s="169">
        <v>1</v>
      </c>
      <c r="EY26" s="170">
        <v>7</v>
      </c>
      <c r="EZ26" s="171">
        <v>14</v>
      </c>
      <c r="FA26" s="168">
        <v>1</v>
      </c>
      <c r="FB26" s="169">
        <v>1</v>
      </c>
      <c r="FC26" s="170">
        <v>2</v>
      </c>
      <c r="FD26" s="439">
        <v>0</v>
      </c>
      <c r="FE26" s="169">
        <v>2</v>
      </c>
      <c r="FF26" s="169">
        <v>3</v>
      </c>
      <c r="FG26" s="169">
        <v>1</v>
      </c>
      <c r="FH26" s="169">
        <v>1</v>
      </c>
      <c r="FI26" s="169">
        <v>0</v>
      </c>
      <c r="FJ26" s="170">
        <v>7</v>
      </c>
      <c r="FK26" s="171">
        <v>9</v>
      </c>
      <c r="FL26" s="168">
        <v>1</v>
      </c>
      <c r="FM26" s="169">
        <v>1</v>
      </c>
      <c r="FN26" s="170">
        <v>2</v>
      </c>
      <c r="FO26" s="439">
        <v>0</v>
      </c>
      <c r="FP26" s="169">
        <v>5</v>
      </c>
      <c r="FQ26" s="169">
        <v>5</v>
      </c>
      <c r="FR26" s="169">
        <v>1</v>
      </c>
      <c r="FS26" s="169">
        <v>4</v>
      </c>
      <c r="FT26" s="169">
        <v>3</v>
      </c>
      <c r="FU26" s="170">
        <v>18</v>
      </c>
      <c r="FV26" s="171">
        <v>20</v>
      </c>
      <c r="FW26" s="168">
        <v>0</v>
      </c>
      <c r="FX26" s="169">
        <v>0</v>
      </c>
      <c r="FY26" s="170">
        <v>0</v>
      </c>
      <c r="FZ26" s="439">
        <v>0</v>
      </c>
      <c r="GA26" s="169">
        <v>0</v>
      </c>
      <c r="GB26" s="169">
        <v>0</v>
      </c>
      <c r="GC26" s="169">
        <v>0</v>
      </c>
      <c r="GD26" s="169">
        <v>0</v>
      </c>
      <c r="GE26" s="169">
        <v>0</v>
      </c>
      <c r="GF26" s="170">
        <v>0</v>
      </c>
      <c r="GG26" s="171">
        <v>0</v>
      </c>
      <c r="GH26" s="168">
        <v>8</v>
      </c>
      <c r="GI26" s="169">
        <v>8</v>
      </c>
      <c r="GJ26" s="170">
        <v>16</v>
      </c>
      <c r="GK26" s="439">
        <v>0</v>
      </c>
      <c r="GL26" s="169">
        <v>10</v>
      </c>
      <c r="GM26" s="169">
        <v>10</v>
      </c>
      <c r="GN26" s="169">
        <v>4</v>
      </c>
      <c r="GO26" s="169">
        <v>6</v>
      </c>
      <c r="GP26" s="169">
        <v>5</v>
      </c>
      <c r="GQ26" s="170">
        <v>35</v>
      </c>
      <c r="GR26" s="171">
        <v>51</v>
      </c>
      <c r="GS26" s="172">
        <v>26</v>
      </c>
      <c r="GT26" s="164">
        <v>27</v>
      </c>
      <c r="GU26" s="165">
        <v>53</v>
      </c>
      <c r="GV26" s="439">
        <v>0</v>
      </c>
      <c r="GW26" s="164">
        <v>31</v>
      </c>
      <c r="GX26" s="164">
        <v>33</v>
      </c>
      <c r="GY26" s="164">
        <v>26</v>
      </c>
      <c r="GZ26" s="164">
        <v>21</v>
      </c>
      <c r="HA26" s="164">
        <v>19</v>
      </c>
      <c r="HB26" s="166">
        <v>130</v>
      </c>
      <c r="HC26" s="167">
        <v>183</v>
      </c>
      <c r="HD26" s="168">
        <v>1</v>
      </c>
      <c r="HE26" s="169">
        <v>3</v>
      </c>
      <c r="HF26" s="170">
        <v>4</v>
      </c>
      <c r="HG26" s="439">
        <v>0</v>
      </c>
      <c r="HH26" s="169">
        <v>0</v>
      </c>
      <c r="HI26" s="169">
        <v>1</v>
      </c>
      <c r="HJ26" s="169">
        <v>0</v>
      </c>
      <c r="HK26" s="169">
        <v>0</v>
      </c>
      <c r="HL26" s="169">
        <v>0</v>
      </c>
      <c r="HM26" s="170">
        <v>1</v>
      </c>
      <c r="HN26" s="171">
        <v>5</v>
      </c>
      <c r="HO26" s="168">
        <v>1</v>
      </c>
      <c r="HP26" s="169">
        <v>1</v>
      </c>
      <c r="HQ26" s="170">
        <v>2</v>
      </c>
      <c r="HR26" s="439">
        <v>0</v>
      </c>
      <c r="HS26" s="169">
        <v>1</v>
      </c>
      <c r="HT26" s="169">
        <v>3</v>
      </c>
      <c r="HU26" s="169">
        <v>2</v>
      </c>
      <c r="HV26" s="169">
        <v>1</v>
      </c>
      <c r="HW26" s="169">
        <v>3</v>
      </c>
      <c r="HX26" s="170">
        <v>10</v>
      </c>
      <c r="HY26" s="171">
        <v>12</v>
      </c>
      <c r="HZ26" s="168">
        <v>5</v>
      </c>
      <c r="IA26" s="169">
        <v>2</v>
      </c>
      <c r="IB26" s="170">
        <v>7</v>
      </c>
      <c r="IC26" s="439">
        <v>0</v>
      </c>
      <c r="ID26" s="169">
        <v>3</v>
      </c>
      <c r="IE26" s="169">
        <v>3</v>
      </c>
      <c r="IF26" s="169">
        <v>3</v>
      </c>
      <c r="IG26" s="169">
        <v>0</v>
      </c>
      <c r="IH26" s="169">
        <v>5</v>
      </c>
      <c r="II26" s="170">
        <v>14</v>
      </c>
      <c r="IJ26" s="171">
        <v>21</v>
      </c>
      <c r="IK26" s="168">
        <v>10</v>
      </c>
      <c r="IL26" s="169">
        <v>10</v>
      </c>
      <c r="IM26" s="170">
        <v>20</v>
      </c>
      <c r="IN26" s="439">
        <v>0</v>
      </c>
      <c r="IO26" s="169">
        <v>10</v>
      </c>
      <c r="IP26" s="169">
        <v>3</v>
      </c>
      <c r="IQ26" s="169">
        <v>8</v>
      </c>
      <c r="IR26" s="169">
        <v>7</v>
      </c>
      <c r="IS26" s="169">
        <v>2</v>
      </c>
      <c r="IT26" s="170">
        <v>30</v>
      </c>
      <c r="IU26" s="171">
        <v>50</v>
      </c>
      <c r="IV26" s="168">
        <v>7</v>
      </c>
      <c r="IW26" s="169">
        <v>5</v>
      </c>
      <c r="IX26" s="170">
        <v>12</v>
      </c>
      <c r="IY26" s="439">
        <v>0</v>
      </c>
      <c r="IZ26" s="169">
        <v>8</v>
      </c>
      <c r="JA26" s="169">
        <v>9</v>
      </c>
      <c r="JB26" s="169">
        <v>8</v>
      </c>
      <c r="JC26" s="169">
        <v>5</v>
      </c>
      <c r="JD26" s="169">
        <v>5</v>
      </c>
      <c r="JE26" s="170">
        <v>35</v>
      </c>
      <c r="JF26" s="171">
        <v>47</v>
      </c>
      <c r="JG26" s="168">
        <v>2</v>
      </c>
      <c r="JH26" s="169">
        <v>6</v>
      </c>
      <c r="JI26" s="170">
        <v>8</v>
      </c>
      <c r="JJ26" s="439">
        <v>0</v>
      </c>
      <c r="JK26" s="169">
        <v>9</v>
      </c>
      <c r="JL26" s="169">
        <v>14</v>
      </c>
      <c r="JM26" s="169">
        <v>5</v>
      </c>
      <c r="JN26" s="169">
        <v>8</v>
      </c>
      <c r="JO26" s="169">
        <v>4</v>
      </c>
      <c r="JP26" s="170">
        <v>40</v>
      </c>
      <c r="JQ26" s="171">
        <v>48</v>
      </c>
      <c r="JR26" s="168">
        <v>0</v>
      </c>
      <c r="JS26" s="169">
        <v>0</v>
      </c>
      <c r="JT26" s="170">
        <v>0</v>
      </c>
      <c r="JU26" s="439">
        <v>0</v>
      </c>
      <c r="JV26" s="169">
        <v>0</v>
      </c>
      <c r="JW26" s="169">
        <v>0</v>
      </c>
      <c r="JX26" s="169">
        <v>0</v>
      </c>
      <c r="JY26" s="169">
        <v>0</v>
      </c>
      <c r="JZ26" s="169">
        <v>0</v>
      </c>
      <c r="KA26" s="170">
        <v>0</v>
      </c>
      <c r="KB26" s="171">
        <v>0</v>
      </c>
      <c r="KC26" s="168">
        <v>26</v>
      </c>
      <c r="KD26" s="169">
        <v>27</v>
      </c>
      <c r="KE26" s="170">
        <v>53</v>
      </c>
      <c r="KF26" s="439">
        <v>0</v>
      </c>
      <c r="KG26" s="169">
        <v>31</v>
      </c>
      <c r="KH26" s="169">
        <v>33</v>
      </c>
      <c r="KI26" s="169">
        <v>26</v>
      </c>
      <c r="KJ26" s="169">
        <v>21</v>
      </c>
      <c r="KK26" s="169">
        <v>19</v>
      </c>
      <c r="KL26" s="170">
        <v>130</v>
      </c>
      <c r="KM26" s="171">
        <v>183</v>
      </c>
    </row>
    <row r="27" spans="2:299" s="137" customFormat="1" ht="21" customHeight="1" x14ac:dyDescent="0.2">
      <c r="B27" s="173" t="s">
        <v>24</v>
      </c>
      <c r="C27" s="163">
        <v>22</v>
      </c>
      <c r="D27" s="164">
        <v>21</v>
      </c>
      <c r="E27" s="165">
        <v>43</v>
      </c>
      <c r="F27" s="439">
        <v>0</v>
      </c>
      <c r="G27" s="164">
        <v>33</v>
      </c>
      <c r="H27" s="164">
        <v>19</v>
      </c>
      <c r="I27" s="164">
        <v>15</v>
      </c>
      <c r="J27" s="164">
        <v>12</v>
      </c>
      <c r="K27" s="164">
        <v>11</v>
      </c>
      <c r="L27" s="166">
        <v>90</v>
      </c>
      <c r="M27" s="167">
        <v>133</v>
      </c>
      <c r="N27" s="168">
        <v>0</v>
      </c>
      <c r="O27" s="169">
        <v>0</v>
      </c>
      <c r="P27" s="170">
        <v>0</v>
      </c>
      <c r="Q27" s="439">
        <v>0</v>
      </c>
      <c r="R27" s="169">
        <v>1</v>
      </c>
      <c r="S27" s="169">
        <v>0</v>
      </c>
      <c r="T27" s="169">
        <v>0</v>
      </c>
      <c r="U27" s="169">
        <v>0</v>
      </c>
      <c r="V27" s="169">
        <v>1</v>
      </c>
      <c r="W27" s="170">
        <v>2</v>
      </c>
      <c r="X27" s="171">
        <v>2</v>
      </c>
      <c r="Y27" s="168">
        <v>1</v>
      </c>
      <c r="Z27" s="169">
        <v>1</v>
      </c>
      <c r="AA27" s="170">
        <v>2</v>
      </c>
      <c r="AB27" s="439">
        <v>0</v>
      </c>
      <c r="AC27" s="169">
        <v>0</v>
      </c>
      <c r="AD27" s="169">
        <v>1</v>
      </c>
      <c r="AE27" s="169">
        <v>1</v>
      </c>
      <c r="AF27" s="169">
        <v>1</v>
      </c>
      <c r="AG27" s="169">
        <v>1</v>
      </c>
      <c r="AH27" s="170">
        <v>4</v>
      </c>
      <c r="AI27" s="171">
        <v>6</v>
      </c>
      <c r="AJ27" s="168">
        <v>1</v>
      </c>
      <c r="AK27" s="169">
        <v>0</v>
      </c>
      <c r="AL27" s="170">
        <v>1</v>
      </c>
      <c r="AM27" s="439">
        <v>0</v>
      </c>
      <c r="AN27" s="169">
        <v>3</v>
      </c>
      <c r="AO27" s="169">
        <v>2</v>
      </c>
      <c r="AP27" s="169">
        <v>2</v>
      </c>
      <c r="AQ27" s="169">
        <v>1</v>
      </c>
      <c r="AR27" s="169">
        <v>1</v>
      </c>
      <c r="AS27" s="170">
        <v>9</v>
      </c>
      <c r="AT27" s="171">
        <v>10</v>
      </c>
      <c r="AU27" s="168">
        <v>4</v>
      </c>
      <c r="AV27" s="169">
        <v>5</v>
      </c>
      <c r="AW27" s="170">
        <v>9</v>
      </c>
      <c r="AX27" s="439">
        <v>0</v>
      </c>
      <c r="AY27" s="169">
        <v>7</v>
      </c>
      <c r="AZ27" s="169">
        <v>3</v>
      </c>
      <c r="BA27" s="169">
        <v>2</v>
      </c>
      <c r="BB27" s="169">
        <v>3</v>
      </c>
      <c r="BC27" s="169">
        <v>2</v>
      </c>
      <c r="BD27" s="170">
        <v>17</v>
      </c>
      <c r="BE27" s="171">
        <v>26</v>
      </c>
      <c r="BF27" s="168">
        <v>8</v>
      </c>
      <c r="BG27" s="169">
        <v>5</v>
      </c>
      <c r="BH27" s="170">
        <v>13</v>
      </c>
      <c r="BI27" s="439">
        <v>0</v>
      </c>
      <c r="BJ27" s="169">
        <v>14</v>
      </c>
      <c r="BK27" s="169">
        <v>5</v>
      </c>
      <c r="BL27" s="169">
        <v>7</v>
      </c>
      <c r="BM27" s="169">
        <v>2</v>
      </c>
      <c r="BN27" s="169">
        <v>2</v>
      </c>
      <c r="BO27" s="170">
        <v>30</v>
      </c>
      <c r="BP27" s="171">
        <v>43</v>
      </c>
      <c r="BQ27" s="168">
        <v>8</v>
      </c>
      <c r="BR27" s="169">
        <v>10</v>
      </c>
      <c r="BS27" s="170">
        <v>18</v>
      </c>
      <c r="BT27" s="439">
        <v>0</v>
      </c>
      <c r="BU27" s="169">
        <v>8</v>
      </c>
      <c r="BV27" s="169">
        <v>8</v>
      </c>
      <c r="BW27" s="169">
        <v>3</v>
      </c>
      <c r="BX27" s="169">
        <v>5</v>
      </c>
      <c r="BY27" s="169">
        <v>4</v>
      </c>
      <c r="BZ27" s="170">
        <v>28</v>
      </c>
      <c r="CA27" s="171">
        <v>46</v>
      </c>
      <c r="CB27" s="168">
        <v>0</v>
      </c>
      <c r="CC27" s="169">
        <v>0</v>
      </c>
      <c r="CD27" s="170">
        <v>0</v>
      </c>
      <c r="CE27" s="439">
        <v>0</v>
      </c>
      <c r="CF27" s="169">
        <v>0</v>
      </c>
      <c r="CG27" s="169">
        <v>0</v>
      </c>
      <c r="CH27" s="169">
        <v>0</v>
      </c>
      <c r="CI27" s="169">
        <v>0</v>
      </c>
      <c r="CJ27" s="169">
        <v>0</v>
      </c>
      <c r="CK27" s="170">
        <v>0</v>
      </c>
      <c r="CL27" s="171">
        <v>0</v>
      </c>
      <c r="CM27" s="168">
        <v>22</v>
      </c>
      <c r="CN27" s="169">
        <v>21</v>
      </c>
      <c r="CO27" s="170">
        <v>43</v>
      </c>
      <c r="CP27" s="439">
        <v>0</v>
      </c>
      <c r="CQ27" s="169">
        <v>33</v>
      </c>
      <c r="CR27" s="169">
        <v>19</v>
      </c>
      <c r="CS27" s="169">
        <v>15</v>
      </c>
      <c r="CT27" s="169">
        <v>12</v>
      </c>
      <c r="CU27" s="169">
        <v>11</v>
      </c>
      <c r="CV27" s="170">
        <v>90</v>
      </c>
      <c r="CW27" s="171">
        <v>133</v>
      </c>
      <c r="CX27" s="172">
        <v>8</v>
      </c>
      <c r="CY27" s="164">
        <v>8</v>
      </c>
      <c r="CZ27" s="165">
        <v>16</v>
      </c>
      <c r="DA27" s="439">
        <v>0</v>
      </c>
      <c r="DB27" s="164">
        <v>9</v>
      </c>
      <c r="DC27" s="164">
        <v>7</v>
      </c>
      <c r="DD27" s="164">
        <v>3</v>
      </c>
      <c r="DE27" s="164">
        <v>5</v>
      </c>
      <c r="DF27" s="164">
        <v>3</v>
      </c>
      <c r="DG27" s="166">
        <v>27</v>
      </c>
      <c r="DH27" s="167">
        <v>43</v>
      </c>
      <c r="DI27" s="168">
        <v>0</v>
      </c>
      <c r="DJ27" s="169">
        <v>0</v>
      </c>
      <c r="DK27" s="170">
        <v>0</v>
      </c>
      <c r="DL27" s="439">
        <v>0</v>
      </c>
      <c r="DM27" s="169">
        <v>0</v>
      </c>
      <c r="DN27" s="169">
        <v>0</v>
      </c>
      <c r="DO27" s="169">
        <v>0</v>
      </c>
      <c r="DP27" s="169">
        <v>0</v>
      </c>
      <c r="DQ27" s="169">
        <v>0</v>
      </c>
      <c r="DR27" s="170">
        <v>0</v>
      </c>
      <c r="DS27" s="171">
        <v>0</v>
      </c>
      <c r="DT27" s="168">
        <v>1</v>
      </c>
      <c r="DU27" s="169">
        <v>0</v>
      </c>
      <c r="DV27" s="170">
        <v>1</v>
      </c>
      <c r="DW27" s="439">
        <v>0</v>
      </c>
      <c r="DX27" s="169">
        <v>0</v>
      </c>
      <c r="DY27" s="169">
        <v>0</v>
      </c>
      <c r="DZ27" s="169">
        <v>0</v>
      </c>
      <c r="EA27" s="169">
        <v>0</v>
      </c>
      <c r="EB27" s="169">
        <v>0</v>
      </c>
      <c r="EC27" s="170">
        <v>0</v>
      </c>
      <c r="ED27" s="171">
        <v>1</v>
      </c>
      <c r="EE27" s="168">
        <v>1</v>
      </c>
      <c r="EF27" s="169">
        <v>1</v>
      </c>
      <c r="EG27" s="170">
        <v>2</v>
      </c>
      <c r="EH27" s="439">
        <v>0</v>
      </c>
      <c r="EI27" s="169">
        <v>2</v>
      </c>
      <c r="EJ27" s="169">
        <v>1</v>
      </c>
      <c r="EK27" s="169">
        <v>0</v>
      </c>
      <c r="EL27" s="169">
        <v>0</v>
      </c>
      <c r="EM27" s="169">
        <v>0</v>
      </c>
      <c r="EN27" s="170">
        <v>3</v>
      </c>
      <c r="EO27" s="171">
        <v>5</v>
      </c>
      <c r="EP27" s="168">
        <v>3</v>
      </c>
      <c r="EQ27" s="169">
        <v>2</v>
      </c>
      <c r="ER27" s="170">
        <v>5</v>
      </c>
      <c r="ES27" s="439">
        <v>0</v>
      </c>
      <c r="ET27" s="169">
        <v>3</v>
      </c>
      <c r="EU27" s="169">
        <v>2</v>
      </c>
      <c r="EV27" s="169">
        <v>1</v>
      </c>
      <c r="EW27" s="169">
        <v>1</v>
      </c>
      <c r="EX27" s="169">
        <v>1</v>
      </c>
      <c r="EY27" s="170">
        <v>8</v>
      </c>
      <c r="EZ27" s="171">
        <v>13</v>
      </c>
      <c r="FA27" s="168">
        <v>2</v>
      </c>
      <c r="FB27" s="169">
        <v>2</v>
      </c>
      <c r="FC27" s="170">
        <v>4</v>
      </c>
      <c r="FD27" s="439">
        <v>0</v>
      </c>
      <c r="FE27" s="169">
        <v>3</v>
      </c>
      <c r="FF27" s="169">
        <v>2</v>
      </c>
      <c r="FG27" s="169">
        <v>0</v>
      </c>
      <c r="FH27" s="169">
        <v>0</v>
      </c>
      <c r="FI27" s="169">
        <v>1</v>
      </c>
      <c r="FJ27" s="170">
        <v>6</v>
      </c>
      <c r="FK27" s="171">
        <v>10</v>
      </c>
      <c r="FL27" s="168">
        <v>1</v>
      </c>
      <c r="FM27" s="169">
        <v>3</v>
      </c>
      <c r="FN27" s="170">
        <v>4</v>
      </c>
      <c r="FO27" s="439">
        <v>0</v>
      </c>
      <c r="FP27" s="169">
        <v>1</v>
      </c>
      <c r="FQ27" s="169">
        <v>2</v>
      </c>
      <c r="FR27" s="169">
        <v>2</v>
      </c>
      <c r="FS27" s="169">
        <v>4</v>
      </c>
      <c r="FT27" s="169">
        <v>1</v>
      </c>
      <c r="FU27" s="170">
        <v>10</v>
      </c>
      <c r="FV27" s="171">
        <v>14</v>
      </c>
      <c r="FW27" s="168">
        <v>0</v>
      </c>
      <c r="FX27" s="169">
        <v>0</v>
      </c>
      <c r="FY27" s="170">
        <v>0</v>
      </c>
      <c r="FZ27" s="439">
        <v>0</v>
      </c>
      <c r="GA27" s="169">
        <v>0</v>
      </c>
      <c r="GB27" s="169">
        <v>0</v>
      </c>
      <c r="GC27" s="169">
        <v>0</v>
      </c>
      <c r="GD27" s="169">
        <v>0</v>
      </c>
      <c r="GE27" s="169">
        <v>0</v>
      </c>
      <c r="GF27" s="170">
        <v>0</v>
      </c>
      <c r="GG27" s="171">
        <v>0</v>
      </c>
      <c r="GH27" s="168">
        <v>8</v>
      </c>
      <c r="GI27" s="169">
        <v>8</v>
      </c>
      <c r="GJ27" s="170">
        <v>16</v>
      </c>
      <c r="GK27" s="439">
        <v>0</v>
      </c>
      <c r="GL27" s="169">
        <v>9</v>
      </c>
      <c r="GM27" s="169">
        <v>7</v>
      </c>
      <c r="GN27" s="169">
        <v>3</v>
      </c>
      <c r="GO27" s="169">
        <v>5</v>
      </c>
      <c r="GP27" s="169">
        <v>3</v>
      </c>
      <c r="GQ27" s="170">
        <v>27</v>
      </c>
      <c r="GR27" s="171">
        <v>43</v>
      </c>
      <c r="GS27" s="172">
        <v>30</v>
      </c>
      <c r="GT27" s="164">
        <v>29</v>
      </c>
      <c r="GU27" s="165">
        <v>59</v>
      </c>
      <c r="GV27" s="439">
        <v>0</v>
      </c>
      <c r="GW27" s="164">
        <v>42</v>
      </c>
      <c r="GX27" s="164">
        <v>26</v>
      </c>
      <c r="GY27" s="164">
        <v>18</v>
      </c>
      <c r="GZ27" s="164">
        <v>17</v>
      </c>
      <c r="HA27" s="164">
        <v>14</v>
      </c>
      <c r="HB27" s="166">
        <v>117</v>
      </c>
      <c r="HC27" s="167">
        <v>176</v>
      </c>
      <c r="HD27" s="168">
        <v>0</v>
      </c>
      <c r="HE27" s="169">
        <v>0</v>
      </c>
      <c r="HF27" s="170">
        <v>0</v>
      </c>
      <c r="HG27" s="439">
        <v>0</v>
      </c>
      <c r="HH27" s="169">
        <v>1</v>
      </c>
      <c r="HI27" s="169">
        <v>0</v>
      </c>
      <c r="HJ27" s="169">
        <v>0</v>
      </c>
      <c r="HK27" s="169">
        <v>0</v>
      </c>
      <c r="HL27" s="169">
        <v>1</v>
      </c>
      <c r="HM27" s="170">
        <v>2</v>
      </c>
      <c r="HN27" s="171">
        <v>2</v>
      </c>
      <c r="HO27" s="168">
        <v>2</v>
      </c>
      <c r="HP27" s="169">
        <v>1</v>
      </c>
      <c r="HQ27" s="170">
        <v>3</v>
      </c>
      <c r="HR27" s="439">
        <v>0</v>
      </c>
      <c r="HS27" s="169">
        <v>0</v>
      </c>
      <c r="HT27" s="169">
        <v>1</v>
      </c>
      <c r="HU27" s="169">
        <v>1</v>
      </c>
      <c r="HV27" s="169">
        <v>1</v>
      </c>
      <c r="HW27" s="169">
        <v>1</v>
      </c>
      <c r="HX27" s="170">
        <v>4</v>
      </c>
      <c r="HY27" s="171">
        <v>7</v>
      </c>
      <c r="HZ27" s="168">
        <v>2</v>
      </c>
      <c r="IA27" s="169">
        <v>1</v>
      </c>
      <c r="IB27" s="170">
        <v>3</v>
      </c>
      <c r="IC27" s="439">
        <v>0</v>
      </c>
      <c r="ID27" s="169">
        <v>5</v>
      </c>
      <c r="IE27" s="169">
        <v>3</v>
      </c>
      <c r="IF27" s="169">
        <v>2</v>
      </c>
      <c r="IG27" s="169">
        <v>1</v>
      </c>
      <c r="IH27" s="169">
        <v>1</v>
      </c>
      <c r="II27" s="170">
        <v>12</v>
      </c>
      <c r="IJ27" s="171">
        <v>15</v>
      </c>
      <c r="IK27" s="168">
        <v>7</v>
      </c>
      <c r="IL27" s="169">
        <v>7</v>
      </c>
      <c r="IM27" s="170">
        <v>14</v>
      </c>
      <c r="IN27" s="439">
        <v>0</v>
      </c>
      <c r="IO27" s="169">
        <v>10</v>
      </c>
      <c r="IP27" s="169">
        <v>5</v>
      </c>
      <c r="IQ27" s="169">
        <v>3</v>
      </c>
      <c r="IR27" s="169">
        <v>4</v>
      </c>
      <c r="IS27" s="169">
        <v>3</v>
      </c>
      <c r="IT27" s="170">
        <v>25</v>
      </c>
      <c r="IU27" s="171">
        <v>39</v>
      </c>
      <c r="IV27" s="168">
        <v>10</v>
      </c>
      <c r="IW27" s="169">
        <v>7</v>
      </c>
      <c r="IX27" s="170">
        <v>17</v>
      </c>
      <c r="IY27" s="439">
        <v>0</v>
      </c>
      <c r="IZ27" s="169">
        <v>17</v>
      </c>
      <c r="JA27" s="169">
        <v>7</v>
      </c>
      <c r="JB27" s="169">
        <v>7</v>
      </c>
      <c r="JC27" s="169">
        <v>2</v>
      </c>
      <c r="JD27" s="169">
        <v>3</v>
      </c>
      <c r="JE27" s="170">
        <v>36</v>
      </c>
      <c r="JF27" s="171">
        <v>53</v>
      </c>
      <c r="JG27" s="168">
        <v>9</v>
      </c>
      <c r="JH27" s="169">
        <v>13</v>
      </c>
      <c r="JI27" s="170">
        <v>22</v>
      </c>
      <c r="JJ27" s="439">
        <v>0</v>
      </c>
      <c r="JK27" s="169">
        <v>9</v>
      </c>
      <c r="JL27" s="169">
        <v>10</v>
      </c>
      <c r="JM27" s="169">
        <v>5</v>
      </c>
      <c r="JN27" s="169">
        <v>9</v>
      </c>
      <c r="JO27" s="169">
        <v>5</v>
      </c>
      <c r="JP27" s="170">
        <v>38</v>
      </c>
      <c r="JQ27" s="171">
        <v>60</v>
      </c>
      <c r="JR27" s="168">
        <v>0</v>
      </c>
      <c r="JS27" s="169">
        <v>0</v>
      </c>
      <c r="JT27" s="170">
        <v>0</v>
      </c>
      <c r="JU27" s="439">
        <v>0</v>
      </c>
      <c r="JV27" s="169">
        <v>0</v>
      </c>
      <c r="JW27" s="169">
        <v>0</v>
      </c>
      <c r="JX27" s="169">
        <v>0</v>
      </c>
      <c r="JY27" s="169">
        <v>0</v>
      </c>
      <c r="JZ27" s="169">
        <v>0</v>
      </c>
      <c r="KA27" s="170">
        <v>0</v>
      </c>
      <c r="KB27" s="171">
        <v>0</v>
      </c>
      <c r="KC27" s="168">
        <v>30</v>
      </c>
      <c r="KD27" s="169">
        <v>29</v>
      </c>
      <c r="KE27" s="170">
        <v>59</v>
      </c>
      <c r="KF27" s="439">
        <v>0</v>
      </c>
      <c r="KG27" s="169">
        <v>42</v>
      </c>
      <c r="KH27" s="169">
        <v>26</v>
      </c>
      <c r="KI27" s="169">
        <v>18</v>
      </c>
      <c r="KJ27" s="169">
        <v>17</v>
      </c>
      <c r="KK27" s="169">
        <v>14</v>
      </c>
      <c r="KL27" s="170">
        <v>117</v>
      </c>
      <c r="KM27" s="171">
        <v>176</v>
      </c>
    </row>
    <row r="28" spans="2:299" s="137" customFormat="1" ht="21" customHeight="1" x14ac:dyDescent="0.2">
      <c r="B28" s="173" t="s">
        <v>25</v>
      </c>
      <c r="C28" s="163">
        <v>12</v>
      </c>
      <c r="D28" s="164">
        <v>16</v>
      </c>
      <c r="E28" s="165">
        <v>28</v>
      </c>
      <c r="F28" s="439">
        <v>0</v>
      </c>
      <c r="G28" s="164">
        <v>7</v>
      </c>
      <c r="H28" s="164">
        <v>9</v>
      </c>
      <c r="I28" s="164">
        <v>8</v>
      </c>
      <c r="J28" s="164">
        <v>2</v>
      </c>
      <c r="K28" s="164">
        <v>5</v>
      </c>
      <c r="L28" s="166">
        <v>31</v>
      </c>
      <c r="M28" s="167">
        <v>59</v>
      </c>
      <c r="N28" s="168">
        <v>0</v>
      </c>
      <c r="O28" s="169">
        <v>2</v>
      </c>
      <c r="P28" s="170">
        <v>2</v>
      </c>
      <c r="Q28" s="439">
        <v>0</v>
      </c>
      <c r="R28" s="169">
        <v>0</v>
      </c>
      <c r="S28" s="169">
        <v>0</v>
      </c>
      <c r="T28" s="169">
        <v>0</v>
      </c>
      <c r="U28" s="169">
        <v>0</v>
      </c>
      <c r="V28" s="169">
        <v>0</v>
      </c>
      <c r="W28" s="170">
        <v>0</v>
      </c>
      <c r="X28" s="171">
        <v>2</v>
      </c>
      <c r="Y28" s="168">
        <v>3</v>
      </c>
      <c r="Z28" s="169">
        <v>1</v>
      </c>
      <c r="AA28" s="170">
        <v>4</v>
      </c>
      <c r="AB28" s="439">
        <v>0</v>
      </c>
      <c r="AC28" s="169">
        <v>1</v>
      </c>
      <c r="AD28" s="169">
        <v>1</v>
      </c>
      <c r="AE28" s="169">
        <v>2</v>
      </c>
      <c r="AF28" s="169">
        <v>0</v>
      </c>
      <c r="AG28" s="169">
        <v>1</v>
      </c>
      <c r="AH28" s="170">
        <v>5</v>
      </c>
      <c r="AI28" s="171">
        <v>9</v>
      </c>
      <c r="AJ28" s="168">
        <v>0</v>
      </c>
      <c r="AK28" s="169">
        <v>0</v>
      </c>
      <c r="AL28" s="170">
        <v>0</v>
      </c>
      <c r="AM28" s="439">
        <v>0</v>
      </c>
      <c r="AN28" s="169">
        <v>0</v>
      </c>
      <c r="AO28" s="169">
        <v>0</v>
      </c>
      <c r="AP28" s="169">
        <v>0</v>
      </c>
      <c r="AQ28" s="169">
        <v>0</v>
      </c>
      <c r="AR28" s="169">
        <v>0</v>
      </c>
      <c r="AS28" s="170">
        <v>0</v>
      </c>
      <c r="AT28" s="171">
        <v>0</v>
      </c>
      <c r="AU28" s="168">
        <v>4</v>
      </c>
      <c r="AV28" s="169">
        <v>6</v>
      </c>
      <c r="AW28" s="170">
        <v>10</v>
      </c>
      <c r="AX28" s="439">
        <v>0</v>
      </c>
      <c r="AY28" s="169">
        <v>3</v>
      </c>
      <c r="AZ28" s="169">
        <v>2</v>
      </c>
      <c r="BA28" s="169">
        <v>1</v>
      </c>
      <c r="BB28" s="169">
        <v>1</v>
      </c>
      <c r="BC28" s="169">
        <v>1</v>
      </c>
      <c r="BD28" s="170">
        <v>8</v>
      </c>
      <c r="BE28" s="171">
        <v>18</v>
      </c>
      <c r="BF28" s="168">
        <v>3</v>
      </c>
      <c r="BG28" s="169">
        <v>4</v>
      </c>
      <c r="BH28" s="170">
        <v>7</v>
      </c>
      <c r="BI28" s="439">
        <v>0</v>
      </c>
      <c r="BJ28" s="169">
        <v>1</v>
      </c>
      <c r="BK28" s="169">
        <v>0</v>
      </c>
      <c r="BL28" s="169">
        <v>4</v>
      </c>
      <c r="BM28" s="169">
        <v>1</v>
      </c>
      <c r="BN28" s="169">
        <v>2</v>
      </c>
      <c r="BO28" s="170">
        <v>8</v>
      </c>
      <c r="BP28" s="171">
        <v>15</v>
      </c>
      <c r="BQ28" s="168">
        <v>2</v>
      </c>
      <c r="BR28" s="169">
        <v>3</v>
      </c>
      <c r="BS28" s="170">
        <v>5</v>
      </c>
      <c r="BT28" s="439">
        <v>0</v>
      </c>
      <c r="BU28" s="169">
        <v>2</v>
      </c>
      <c r="BV28" s="169">
        <v>6</v>
      </c>
      <c r="BW28" s="169">
        <v>1</v>
      </c>
      <c r="BX28" s="169">
        <v>0</v>
      </c>
      <c r="BY28" s="169">
        <v>1</v>
      </c>
      <c r="BZ28" s="170">
        <v>10</v>
      </c>
      <c r="CA28" s="171">
        <v>15</v>
      </c>
      <c r="CB28" s="168">
        <v>0</v>
      </c>
      <c r="CC28" s="169">
        <v>0</v>
      </c>
      <c r="CD28" s="170">
        <v>0</v>
      </c>
      <c r="CE28" s="439">
        <v>0</v>
      </c>
      <c r="CF28" s="169">
        <v>0</v>
      </c>
      <c r="CG28" s="169">
        <v>0</v>
      </c>
      <c r="CH28" s="169">
        <v>0</v>
      </c>
      <c r="CI28" s="169">
        <v>0</v>
      </c>
      <c r="CJ28" s="169">
        <v>0</v>
      </c>
      <c r="CK28" s="170">
        <v>0</v>
      </c>
      <c r="CL28" s="171">
        <v>0</v>
      </c>
      <c r="CM28" s="168">
        <v>12</v>
      </c>
      <c r="CN28" s="169">
        <v>16</v>
      </c>
      <c r="CO28" s="170">
        <v>28</v>
      </c>
      <c r="CP28" s="439">
        <v>0</v>
      </c>
      <c r="CQ28" s="169">
        <v>7</v>
      </c>
      <c r="CR28" s="169">
        <v>9</v>
      </c>
      <c r="CS28" s="169">
        <v>8</v>
      </c>
      <c r="CT28" s="169">
        <v>2</v>
      </c>
      <c r="CU28" s="169">
        <v>5</v>
      </c>
      <c r="CV28" s="170">
        <v>31</v>
      </c>
      <c r="CW28" s="171">
        <v>59</v>
      </c>
      <c r="CX28" s="172">
        <v>6</v>
      </c>
      <c r="CY28" s="164">
        <v>10</v>
      </c>
      <c r="CZ28" s="165">
        <v>16</v>
      </c>
      <c r="DA28" s="439">
        <v>0</v>
      </c>
      <c r="DB28" s="164">
        <v>8</v>
      </c>
      <c r="DC28" s="164">
        <v>6</v>
      </c>
      <c r="DD28" s="164">
        <v>6</v>
      </c>
      <c r="DE28" s="164">
        <v>3</v>
      </c>
      <c r="DF28" s="164">
        <v>3</v>
      </c>
      <c r="DG28" s="166">
        <v>26</v>
      </c>
      <c r="DH28" s="167">
        <v>42</v>
      </c>
      <c r="DI28" s="168">
        <v>0</v>
      </c>
      <c r="DJ28" s="169">
        <v>0</v>
      </c>
      <c r="DK28" s="170">
        <v>0</v>
      </c>
      <c r="DL28" s="439">
        <v>0</v>
      </c>
      <c r="DM28" s="169">
        <v>0</v>
      </c>
      <c r="DN28" s="169">
        <v>0</v>
      </c>
      <c r="DO28" s="169">
        <v>0</v>
      </c>
      <c r="DP28" s="169">
        <v>0</v>
      </c>
      <c r="DQ28" s="169">
        <v>0</v>
      </c>
      <c r="DR28" s="170">
        <v>0</v>
      </c>
      <c r="DS28" s="171">
        <v>0</v>
      </c>
      <c r="DT28" s="168">
        <v>1</v>
      </c>
      <c r="DU28" s="169">
        <v>0</v>
      </c>
      <c r="DV28" s="170">
        <v>1</v>
      </c>
      <c r="DW28" s="439">
        <v>0</v>
      </c>
      <c r="DX28" s="169">
        <v>1</v>
      </c>
      <c r="DY28" s="169">
        <v>1</v>
      </c>
      <c r="DZ28" s="169">
        <v>0</v>
      </c>
      <c r="EA28" s="169">
        <v>0</v>
      </c>
      <c r="EB28" s="169">
        <v>1</v>
      </c>
      <c r="EC28" s="170">
        <v>3</v>
      </c>
      <c r="ED28" s="171">
        <v>4</v>
      </c>
      <c r="EE28" s="168">
        <v>1</v>
      </c>
      <c r="EF28" s="169">
        <v>1</v>
      </c>
      <c r="EG28" s="170">
        <v>2</v>
      </c>
      <c r="EH28" s="439">
        <v>0</v>
      </c>
      <c r="EI28" s="169">
        <v>0</v>
      </c>
      <c r="EJ28" s="169">
        <v>0</v>
      </c>
      <c r="EK28" s="169">
        <v>0</v>
      </c>
      <c r="EL28" s="169">
        <v>0</v>
      </c>
      <c r="EM28" s="169">
        <v>0</v>
      </c>
      <c r="EN28" s="170">
        <v>0</v>
      </c>
      <c r="EO28" s="171">
        <v>2</v>
      </c>
      <c r="EP28" s="168">
        <v>0</v>
      </c>
      <c r="EQ28" s="169">
        <v>3</v>
      </c>
      <c r="ER28" s="170">
        <v>3</v>
      </c>
      <c r="ES28" s="439">
        <v>0</v>
      </c>
      <c r="ET28" s="169">
        <v>1</v>
      </c>
      <c r="EU28" s="169">
        <v>1</v>
      </c>
      <c r="EV28" s="169">
        <v>0</v>
      </c>
      <c r="EW28" s="169">
        <v>0</v>
      </c>
      <c r="EX28" s="169">
        <v>0</v>
      </c>
      <c r="EY28" s="170">
        <v>2</v>
      </c>
      <c r="EZ28" s="171">
        <v>5</v>
      </c>
      <c r="FA28" s="168">
        <v>2</v>
      </c>
      <c r="FB28" s="169">
        <v>3</v>
      </c>
      <c r="FC28" s="170">
        <v>5</v>
      </c>
      <c r="FD28" s="439">
        <v>0</v>
      </c>
      <c r="FE28" s="169">
        <v>2</v>
      </c>
      <c r="FF28" s="169">
        <v>2</v>
      </c>
      <c r="FG28" s="169">
        <v>1</v>
      </c>
      <c r="FH28" s="169">
        <v>2</v>
      </c>
      <c r="FI28" s="169">
        <v>0</v>
      </c>
      <c r="FJ28" s="170">
        <v>7</v>
      </c>
      <c r="FK28" s="171">
        <v>12</v>
      </c>
      <c r="FL28" s="168">
        <v>2</v>
      </c>
      <c r="FM28" s="169">
        <v>3</v>
      </c>
      <c r="FN28" s="170">
        <v>5</v>
      </c>
      <c r="FO28" s="439">
        <v>0</v>
      </c>
      <c r="FP28" s="169">
        <v>4</v>
      </c>
      <c r="FQ28" s="169">
        <v>2</v>
      </c>
      <c r="FR28" s="169">
        <v>5</v>
      </c>
      <c r="FS28" s="169">
        <v>1</v>
      </c>
      <c r="FT28" s="169">
        <v>2</v>
      </c>
      <c r="FU28" s="170">
        <v>14</v>
      </c>
      <c r="FV28" s="171">
        <v>19</v>
      </c>
      <c r="FW28" s="168">
        <v>0</v>
      </c>
      <c r="FX28" s="169">
        <v>0</v>
      </c>
      <c r="FY28" s="170">
        <v>0</v>
      </c>
      <c r="FZ28" s="439">
        <v>0</v>
      </c>
      <c r="GA28" s="169">
        <v>0</v>
      </c>
      <c r="GB28" s="169">
        <v>0</v>
      </c>
      <c r="GC28" s="169">
        <v>0</v>
      </c>
      <c r="GD28" s="169">
        <v>0</v>
      </c>
      <c r="GE28" s="169">
        <v>0</v>
      </c>
      <c r="GF28" s="170">
        <v>0</v>
      </c>
      <c r="GG28" s="171">
        <v>0</v>
      </c>
      <c r="GH28" s="168">
        <v>6</v>
      </c>
      <c r="GI28" s="169">
        <v>10</v>
      </c>
      <c r="GJ28" s="170">
        <v>16</v>
      </c>
      <c r="GK28" s="439">
        <v>0</v>
      </c>
      <c r="GL28" s="169">
        <v>8</v>
      </c>
      <c r="GM28" s="169">
        <v>6</v>
      </c>
      <c r="GN28" s="169">
        <v>6</v>
      </c>
      <c r="GO28" s="169">
        <v>3</v>
      </c>
      <c r="GP28" s="169">
        <v>3</v>
      </c>
      <c r="GQ28" s="170">
        <v>26</v>
      </c>
      <c r="GR28" s="171">
        <v>42</v>
      </c>
      <c r="GS28" s="172">
        <v>18</v>
      </c>
      <c r="GT28" s="164">
        <v>26</v>
      </c>
      <c r="GU28" s="165">
        <v>44</v>
      </c>
      <c r="GV28" s="439">
        <v>0</v>
      </c>
      <c r="GW28" s="164">
        <v>15</v>
      </c>
      <c r="GX28" s="164">
        <v>15</v>
      </c>
      <c r="GY28" s="164">
        <v>14</v>
      </c>
      <c r="GZ28" s="164">
        <v>5</v>
      </c>
      <c r="HA28" s="164">
        <v>8</v>
      </c>
      <c r="HB28" s="166">
        <v>57</v>
      </c>
      <c r="HC28" s="167">
        <v>101</v>
      </c>
      <c r="HD28" s="168">
        <v>0</v>
      </c>
      <c r="HE28" s="169">
        <v>2</v>
      </c>
      <c r="HF28" s="170">
        <v>2</v>
      </c>
      <c r="HG28" s="439">
        <v>0</v>
      </c>
      <c r="HH28" s="169">
        <v>0</v>
      </c>
      <c r="HI28" s="169">
        <v>0</v>
      </c>
      <c r="HJ28" s="169">
        <v>0</v>
      </c>
      <c r="HK28" s="169">
        <v>0</v>
      </c>
      <c r="HL28" s="169">
        <v>0</v>
      </c>
      <c r="HM28" s="170">
        <v>0</v>
      </c>
      <c r="HN28" s="171">
        <v>2</v>
      </c>
      <c r="HO28" s="168">
        <v>4</v>
      </c>
      <c r="HP28" s="169">
        <v>1</v>
      </c>
      <c r="HQ28" s="170">
        <v>5</v>
      </c>
      <c r="HR28" s="439">
        <v>0</v>
      </c>
      <c r="HS28" s="169">
        <v>2</v>
      </c>
      <c r="HT28" s="169">
        <v>2</v>
      </c>
      <c r="HU28" s="169">
        <v>2</v>
      </c>
      <c r="HV28" s="169">
        <v>0</v>
      </c>
      <c r="HW28" s="169">
        <v>2</v>
      </c>
      <c r="HX28" s="170">
        <v>8</v>
      </c>
      <c r="HY28" s="171">
        <v>13</v>
      </c>
      <c r="HZ28" s="168">
        <v>1</v>
      </c>
      <c r="IA28" s="169">
        <v>1</v>
      </c>
      <c r="IB28" s="170">
        <v>2</v>
      </c>
      <c r="IC28" s="439">
        <v>0</v>
      </c>
      <c r="ID28" s="169">
        <v>0</v>
      </c>
      <c r="IE28" s="169">
        <v>0</v>
      </c>
      <c r="IF28" s="169">
        <v>0</v>
      </c>
      <c r="IG28" s="169">
        <v>0</v>
      </c>
      <c r="IH28" s="169">
        <v>0</v>
      </c>
      <c r="II28" s="170">
        <v>0</v>
      </c>
      <c r="IJ28" s="171">
        <v>2</v>
      </c>
      <c r="IK28" s="168">
        <v>4</v>
      </c>
      <c r="IL28" s="169">
        <v>9</v>
      </c>
      <c r="IM28" s="170">
        <v>13</v>
      </c>
      <c r="IN28" s="439">
        <v>0</v>
      </c>
      <c r="IO28" s="169">
        <v>4</v>
      </c>
      <c r="IP28" s="169">
        <v>3</v>
      </c>
      <c r="IQ28" s="169">
        <v>1</v>
      </c>
      <c r="IR28" s="169">
        <v>1</v>
      </c>
      <c r="IS28" s="169">
        <v>1</v>
      </c>
      <c r="IT28" s="170">
        <v>10</v>
      </c>
      <c r="IU28" s="171">
        <v>23</v>
      </c>
      <c r="IV28" s="168">
        <v>5</v>
      </c>
      <c r="IW28" s="169">
        <v>7</v>
      </c>
      <c r="IX28" s="170">
        <v>12</v>
      </c>
      <c r="IY28" s="439">
        <v>0</v>
      </c>
      <c r="IZ28" s="169">
        <v>3</v>
      </c>
      <c r="JA28" s="169">
        <v>2</v>
      </c>
      <c r="JB28" s="169">
        <v>5</v>
      </c>
      <c r="JC28" s="169">
        <v>3</v>
      </c>
      <c r="JD28" s="169">
        <v>2</v>
      </c>
      <c r="JE28" s="170">
        <v>15</v>
      </c>
      <c r="JF28" s="171">
        <v>27</v>
      </c>
      <c r="JG28" s="168">
        <v>4</v>
      </c>
      <c r="JH28" s="169">
        <v>6</v>
      </c>
      <c r="JI28" s="170">
        <v>10</v>
      </c>
      <c r="JJ28" s="439">
        <v>0</v>
      </c>
      <c r="JK28" s="169">
        <v>6</v>
      </c>
      <c r="JL28" s="169">
        <v>8</v>
      </c>
      <c r="JM28" s="169">
        <v>6</v>
      </c>
      <c r="JN28" s="169">
        <v>1</v>
      </c>
      <c r="JO28" s="169">
        <v>3</v>
      </c>
      <c r="JP28" s="170">
        <v>24</v>
      </c>
      <c r="JQ28" s="171">
        <v>34</v>
      </c>
      <c r="JR28" s="168">
        <v>0</v>
      </c>
      <c r="JS28" s="169">
        <v>0</v>
      </c>
      <c r="JT28" s="170">
        <v>0</v>
      </c>
      <c r="JU28" s="439">
        <v>0</v>
      </c>
      <c r="JV28" s="169">
        <v>0</v>
      </c>
      <c r="JW28" s="169">
        <v>0</v>
      </c>
      <c r="JX28" s="169">
        <v>0</v>
      </c>
      <c r="JY28" s="169">
        <v>0</v>
      </c>
      <c r="JZ28" s="169">
        <v>0</v>
      </c>
      <c r="KA28" s="170">
        <v>0</v>
      </c>
      <c r="KB28" s="171">
        <v>0</v>
      </c>
      <c r="KC28" s="168">
        <v>18</v>
      </c>
      <c r="KD28" s="169">
        <v>26</v>
      </c>
      <c r="KE28" s="170">
        <v>44</v>
      </c>
      <c r="KF28" s="439">
        <v>0</v>
      </c>
      <c r="KG28" s="169">
        <v>15</v>
      </c>
      <c r="KH28" s="169">
        <v>15</v>
      </c>
      <c r="KI28" s="169">
        <v>14</v>
      </c>
      <c r="KJ28" s="169">
        <v>5</v>
      </c>
      <c r="KK28" s="169">
        <v>8</v>
      </c>
      <c r="KL28" s="170">
        <v>57</v>
      </c>
      <c r="KM28" s="171">
        <v>101</v>
      </c>
    </row>
    <row r="29" spans="2:299" s="137" customFormat="1" ht="21" customHeight="1" x14ac:dyDescent="0.2">
      <c r="B29" s="173" t="s">
        <v>26</v>
      </c>
      <c r="C29" s="163">
        <v>7</v>
      </c>
      <c r="D29" s="164">
        <v>12</v>
      </c>
      <c r="E29" s="165">
        <v>19</v>
      </c>
      <c r="F29" s="439">
        <v>0</v>
      </c>
      <c r="G29" s="164">
        <v>25</v>
      </c>
      <c r="H29" s="164">
        <v>19</v>
      </c>
      <c r="I29" s="164">
        <v>9</v>
      </c>
      <c r="J29" s="164">
        <v>4</v>
      </c>
      <c r="K29" s="164">
        <v>7</v>
      </c>
      <c r="L29" s="166">
        <v>64</v>
      </c>
      <c r="M29" s="167">
        <v>83</v>
      </c>
      <c r="N29" s="168">
        <v>0</v>
      </c>
      <c r="O29" s="169">
        <v>0</v>
      </c>
      <c r="P29" s="170">
        <v>0</v>
      </c>
      <c r="Q29" s="439">
        <v>0</v>
      </c>
      <c r="R29" s="169">
        <v>1</v>
      </c>
      <c r="S29" s="169">
        <v>0</v>
      </c>
      <c r="T29" s="169">
        <v>1</v>
      </c>
      <c r="U29" s="169">
        <v>0</v>
      </c>
      <c r="V29" s="169">
        <v>0</v>
      </c>
      <c r="W29" s="170">
        <v>2</v>
      </c>
      <c r="X29" s="171">
        <v>2</v>
      </c>
      <c r="Y29" s="168">
        <v>0</v>
      </c>
      <c r="Z29" s="169">
        <v>2</v>
      </c>
      <c r="AA29" s="170">
        <v>2</v>
      </c>
      <c r="AB29" s="439">
        <v>0</v>
      </c>
      <c r="AC29" s="169">
        <v>2</v>
      </c>
      <c r="AD29" s="169">
        <v>2</v>
      </c>
      <c r="AE29" s="169">
        <v>0</v>
      </c>
      <c r="AF29" s="169">
        <v>0</v>
      </c>
      <c r="AG29" s="169">
        <v>1</v>
      </c>
      <c r="AH29" s="170">
        <v>5</v>
      </c>
      <c r="AI29" s="171">
        <v>7</v>
      </c>
      <c r="AJ29" s="168">
        <v>0</v>
      </c>
      <c r="AK29" s="169">
        <v>1</v>
      </c>
      <c r="AL29" s="170">
        <v>1</v>
      </c>
      <c r="AM29" s="439">
        <v>0</v>
      </c>
      <c r="AN29" s="169">
        <v>4</v>
      </c>
      <c r="AO29" s="169">
        <v>4</v>
      </c>
      <c r="AP29" s="169">
        <v>0</v>
      </c>
      <c r="AQ29" s="169">
        <v>0</v>
      </c>
      <c r="AR29" s="169">
        <v>1</v>
      </c>
      <c r="AS29" s="170">
        <v>9</v>
      </c>
      <c r="AT29" s="171">
        <v>10</v>
      </c>
      <c r="AU29" s="168">
        <v>3</v>
      </c>
      <c r="AV29" s="169">
        <v>2</v>
      </c>
      <c r="AW29" s="170">
        <v>5</v>
      </c>
      <c r="AX29" s="439">
        <v>0</v>
      </c>
      <c r="AY29" s="169">
        <v>4</v>
      </c>
      <c r="AZ29" s="169">
        <v>6</v>
      </c>
      <c r="BA29" s="169">
        <v>3</v>
      </c>
      <c r="BB29" s="169">
        <v>2</v>
      </c>
      <c r="BC29" s="169">
        <v>1</v>
      </c>
      <c r="BD29" s="170">
        <v>16</v>
      </c>
      <c r="BE29" s="171">
        <v>21</v>
      </c>
      <c r="BF29" s="168">
        <v>2</v>
      </c>
      <c r="BG29" s="169">
        <v>2</v>
      </c>
      <c r="BH29" s="170">
        <v>4</v>
      </c>
      <c r="BI29" s="439">
        <v>0</v>
      </c>
      <c r="BJ29" s="169">
        <v>7</v>
      </c>
      <c r="BK29" s="169">
        <v>2</v>
      </c>
      <c r="BL29" s="169">
        <v>3</v>
      </c>
      <c r="BM29" s="169">
        <v>2</v>
      </c>
      <c r="BN29" s="169">
        <v>2</v>
      </c>
      <c r="BO29" s="170">
        <v>16</v>
      </c>
      <c r="BP29" s="171">
        <v>20</v>
      </c>
      <c r="BQ29" s="168">
        <v>2</v>
      </c>
      <c r="BR29" s="169">
        <v>5</v>
      </c>
      <c r="BS29" s="170">
        <v>7</v>
      </c>
      <c r="BT29" s="439">
        <v>0</v>
      </c>
      <c r="BU29" s="169">
        <v>7</v>
      </c>
      <c r="BV29" s="169">
        <v>5</v>
      </c>
      <c r="BW29" s="169">
        <v>2</v>
      </c>
      <c r="BX29" s="169">
        <v>0</v>
      </c>
      <c r="BY29" s="169">
        <v>2</v>
      </c>
      <c r="BZ29" s="170">
        <v>16</v>
      </c>
      <c r="CA29" s="171">
        <v>23</v>
      </c>
      <c r="CB29" s="168">
        <v>0</v>
      </c>
      <c r="CC29" s="169">
        <v>0</v>
      </c>
      <c r="CD29" s="170">
        <v>0</v>
      </c>
      <c r="CE29" s="439">
        <v>0</v>
      </c>
      <c r="CF29" s="169">
        <v>0</v>
      </c>
      <c r="CG29" s="169">
        <v>0</v>
      </c>
      <c r="CH29" s="169">
        <v>0</v>
      </c>
      <c r="CI29" s="169">
        <v>0</v>
      </c>
      <c r="CJ29" s="169">
        <v>0</v>
      </c>
      <c r="CK29" s="170">
        <v>0</v>
      </c>
      <c r="CL29" s="171">
        <v>0</v>
      </c>
      <c r="CM29" s="168">
        <v>7</v>
      </c>
      <c r="CN29" s="169">
        <v>12</v>
      </c>
      <c r="CO29" s="170">
        <v>19</v>
      </c>
      <c r="CP29" s="439">
        <v>0</v>
      </c>
      <c r="CQ29" s="169">
        <v>25</v>
      </c>
      <c r="CR29" s="169">
        <v>19</v>
      </c>
      <c r="CS29" s="169">
        <v>9</v>
      </c>
      <c r="CT29" s="169">
        <v>4</v>
      </c>
      <c r="CU29" s="169">
        <v>7</v>
      </c>
      <c r="CV29" s="170">
        <v>64</v>
      </c>
      <c r="CW29" s="171">
        <v>83</v>
      </c>
      <c r="CX29" s="172">
        <v>4</v>
      </c>
      <c r="CY29" s="164">
        <v>5</v>
      </c>
      <c r="CZ29" s="165">
        <v>9</v>
      </c>
      <c r="DA29" s="439">
        <v>0</v>
      </c>
      <c r="DB29" s="164">
        <v>8</v>
      </c>
      <c r="DC29" s="164">
        <v>5</v>
      </c>
      <c r="DD29" s="164">
        <v>6</v>
      </c>
      <c r="DE29" s="164">
        <v>3</v>
      </c>
      <c r="DF29" s="164">
        <v>2</v>
      </c>
      <c r="DG29" s="166">
        <v>24</v>
      </c>
      <c r="DH29" s="167">
        <v>33</v>
      </c>
      <c r="DI29" s="168">
        <v>1</v>
      </c>
      <c r="DJ29" s="169">
        <v>0</v>
      </c>
      <c r="DK29" s="170">
        <v>1</v>
      </c>
      <c r="DL29" s="439">
        <v>0</v>
      </c>
      <c r="DM29" s="169">
        <v>0</v>
      </c>
      <c r="DN29" s="169">
        <v>0</v>
      </c>
      <c r="DO29" s="169">
        <v>0</v>
      </c>
      <c r="DP29" s="169">
        <v>0</v>
      </c>
      <c r="DQ29" s="169">
        <v>0</v>
      </c>
      <c r="DR29" s="170">
        <v>0</v>
      </c>
      <c r="DS29" s="171">
        <v>1</v>
      </c>
      <c r="DT29" s="168">
        <v>0</v>
      </c>
      <c r="DU29" s="169">
        <v>0</v>
      </c>
      <c r="DV29" s="170">
        <v>0</v>
      </c>
      <c r="DW29" s="439">
        <v>0</v>
      </c>
      <c r="DX29" s="169">
        <v>0</v>
      </c>
      <c r="DY29" s="169">
        <v>0</v>
      </c>
      <c r="DZ29" s="169">
        <v>0</v>
      </c>
      <c r="EA29" s="169">
        <v>1</v>
      </c>
      <c r="EB29" s="169">
        <v>0</v>
      </c>
      <c r="EC29" s="170">
        <v>1</v>
      </c>
      <c r="ED29" s="171">
        <v>1</v>
      </c>
      <c r="EE29" s="168">
        <v>0</v>
      </c>
      <c r="EF29" s="169">
        <v>3</v>
      </c>
      <c r="EG29" s="170">
        <v>3</v>
      </c>
      <c r="EH29" s="439">
        <v>0</v>
      </c>
      <c r="EI29" s="169">
        <v>1</v>
      </c>
      <c r="EJ29" s="169">
        <v>0</v>
      </c>
      <c r="EK29" s="169">
        <v>1</v>
      </c>
      <c r="EL29" s="169">
        <v>0</v>
      </c>
      <c r="EM29" s="169">
        <v>0</v>
      </c>
      <c r="EN29" s="170">
        <v>2</v>
      </c>
      <c r="EO29" s="171">
        <v>5</v>
      </c>
      <c r="EP29" s="168">
        <v>1</v>
      </c>
      <c r="EQ29" s="169">
        <v>0</v>
      </c>
      <c r="ER29" s="170">
        <v>1</v>
      </c>
      <c r="ES29" s="439">
        <v>0</v>
      </c>
      <c r="ET29" s="169">
        <v>0</v>
      </c>
      <c r="EU29" s="169">
        <v>0</v>
      </c>
      <c r="EV29" s="169">
        <v>1</v>
      </c>
      <c r="EW29" s="169">
        <v>0</v>
      </c>
      <c r="EX29" s="169">
        <v>0</v>
      </c>
      <c r="EY29" s="170">
        <v>1</v>
      </c>
      <c r="EZ29" s="171">
        <v>2</v>
      </c>
      <c r="FA29" s="168">
        <v>2</v>
      </c>
      <c r="FB29" s="169">
        <v>1</v>
      </c>
      <c r="FC29" s="170">
        <v>3</v>
      </c>
      <c r="FD29" s="439">
        <v>0</v>
      </c>
      <c r="FE29" s="169">
        <v>5</v>
      </c>
      <c r="FF29" s="169">
        <v>1</v>
      </c>
      <c r="FG29" s="169">
        <v>2</v>
      </c>
      <c r="FH29" s="169">
        <v>0</v>
      </c>
      <c r="FI29" s="169">
        <v>0</v>
      </c>
      <c r="FJ29" s="170">
        <v>8</v>
      </c>
      <c r="FK29" s="171">
        <v>11</v>
      </c>
      <c r="FL29" s="168">
        <v>0</v>
      </c>
      <c r="FM29" s="169">
        <v>1</v>
      </c>
      <c r="FN29" s="170">
        <v>1</v>
      </c>
      <c r="FO29" s="439">
        <v>0</v>
      </c>
      <c r="FP29" s="169">
        <v>2</v>
      </c>
      <c r="FQ29" s="169">
        <v>4</v>
      </c>
      <c r="FR29" s="169">
        <v>2</v>
      </c>
      <c r="FS29" s="169">
        <v>2</v>
      </c>
      <c r="FT29" s="169">
        <v>2</v>
      </c>
      <c r="FU29" s="170">
        <v>12</v>
      </c>
      <c r="FV29" s="171">
        <v>13</v>
      </c>
      <c r="FW29" s="168">
        <v>0</v>
      </c>
      <c r="FX29" s="169">
        <v>0</v>
      </c>
      <c r="FY29" s="170">
        <v>0</v>
      </c>
      <c r="FZ29" s="439">
        <v>0</v>
      </c>
      <c r="GA29" s="169">
        <v>0</v>
      </c>
      <c r="GB29" s="169">
        <v>0</v>
      </c>
      <c r="GC29" s="169">
        <v>0</v>
      </c>
      <c r="GD29" s="169">
        <v>0</v>
      </c>
      <c r="GE29" s="169">
        <v>0</v>
      </c>
      <c r="GF29" s="170">
        <v>0</v>
      </c>
      <c r="GG29" s="171">
        <v>0</v>
      </c>
      <c r="GH29" s="168">
        <v>4</v>
      </c>
      <c r="GI29" s="169">
        <v>5</v>
      </c>
      <c r="GJ29" s="170">
        <v>9</v>
      </c>
      <c r="GK29" s="439">
        <v>0</v>
      </c>
      <c r="GL29" s="169">
        <v>8</v>
      </c>
      <c r="GM29" s="169">
        <v>5</v>
      </c>
      <c r="GN29" s="169">
        <v>6</v>
      </c>
      <c r="GO29" s="169">
        <v>3</v>
      </c>
      <c r="GP29" s="169">
        <v>2</v>
      </c>
      <c r="GQ29" s="170">
        <v>24</v>
      </c>
      <c r="GR29" s="171">
        <v>33</v>
      </c>
      <c r="GS29" s="172">
        <v>11</v>
      </c>
      <c r="GT29" s="164">
        <v>17</v>
      </c>
      <c r="GU29" s="165">
        <v>28</v>
      </c>
      <c r="GV29" s="439">
        <v>0</v>
      </c>
      <c r="GW29" s="164">
        <v>33</v>
      </c>
      <c r="GX29" s="164">
        <v>24</v>
      </c>
      <c r="GY29" s="164">
        <v>15</v>
      </c>
      <c r="GZ29" s="164">
        <v>7</v>
      </c>
      <c r="HA29" s="164">
        <v>9</v>
      </c>
      <c r="HB29" s="166">
        <v>88</v>
      </c>
      <c r="HC29" s="167">
        <v>116</v>
      </c>
      <c r="HD29" s="168">
        <v>1</v>
      </c>
      <c r="HE29" s="169">
        <v>0</v>
      </c>
      <c r="HF29" s="170">
        <v>1</v>
      </c>
      <c r="HG29" s="439">
        <v>0</v>
      </c>
      <c r="HH29" s="169">
        <v>1</v>
      </c>
      <c r="HI29" s="169">
        <v>0</v>
      </c>
      <c r="HJ29" s="169">
        <v>1</v>
      </c>
      <c r="HK29" s="169">
        <v>0</v>
      </c>
      <c r="HL29" s="169">
        <v>0</v>
      </c>
      <c r="HM29" s="170">
        <v>2</v>
      </c>
      <c r="HN29" s="171">
        <v>3</v>
      </c>
      <c r="HO29" s="168">
        <v>0</v>
      </c>
      <c r="HP29" s="169">
        <v>2</v>
      </c>
      <c r="HQ29" s="170">
        <v>2</v>
      </c>
      <c r="HR29" s="439">
        <v>0</v>
      </c>
      <c r="HS29" s="169">
        <v>2</v>
      </c>
      <c r="HT29" s="169">
        <v>2</v>
      </c>
      <c r="HU29" s="169">
        <v>0</v>
      </c>
      <c r="HV29" s="169">
        <v>1</v>
      </c>
      <c r="HW29" s="169">
        <v>1</v>
      </c>
      <c r="HX29" s="170">
        <v>6</v>
      </c>
      <c r="HY29" s="171">
        <v>8</v>
      </c>
      <c r="HZ29" s="168">
        <v>0</v>
      </c>
      <c r="IA29" s="169">
        <v>4</v>
      </c>
      <c r="IB29" s="170">
        <v>4</v>
      </c>
      <c r="IC29" s="439">
        <v>0</v>
      </c>
      <c r="ID29" s="169">
        <v>5</v>
      </c>
      <c r="IE29" s="169">
        <v>4</v>
      </c>
      <c r="IF29" s="169">
        <v>1</v>
      </c>
      <c r="IG29" s="169">
        <v>0</v>
      </c>
      <c r="IH29" s="169">
        <v>1</v>
      </c>
      <c r="II29" s="170">
        <v>11</v>
      </c>
      <c r="IJ29" s="171">
        <v>15</v>
      </c>
      <c r="IK29" s="168">
        <v>4</v>
      </c>
      <c r="IL29" s="169">
        <v>2</v>
      </c>
      <c r="IM29" s="170">
        <v>6</v>
      </c>
      <c r="IN29" s="439">
        <v>0</v>
      </c>
      <c r="IO29" s="169">
        <v>4</v>
      </c>
      <c r="IP29" s="169">
        <v>6</v>
      </c>
      <c r="IQ29" s="169">
        <v>4</v>
      </c>
      <c r="IR29" s="169">
        <v>2</v>
      </c>
      <c r="IS29" s="169">
        <v>1</v>
      </c>
      <c r="IT29" s="170">
        <v>17</v>
      </c>
      <c r="IU29" s="171">
        <v>23</v>
      </c>
      <c r="IV29" s="168">
        <v>4</v>
      </c>
      <c r="IW29" s="169">
        <v>3</v>
      </c>
      <c r="IX29" s="170">
        <v>7</v>
      </c>
      <c r="IY29" s="439">
        <v>0</v>
      </c>
      <c r="IZ29" s="169">
        <v>12</v>
      </c>
      <c r="JA29" s="169">
        <v>3</v>
      </c>
      <c r="JB29" s="169">
        <v>5</v>
      </c>
      <c r="JC29" s="169">
        <v>2</v>
      </c>
      <c r="JD29" s="169">
        <v>2</v>
      </c>
      <c r="JE29" s="170">
        <v>24</v>
      </c>
      <c r="JF29" s="171">
        <v>31</v>
      </c>
      <c r="JG29" s="168">
        <v>2</v>
      </c>
      <c r="JH29" s="169">
        <v>6</v>
      </c>
      <c r="JI29" s="170">
        <v>8</v>
      </c>
      <c r="JJ29" s="439">
        <v>0</v>
      </c>
      <c r="JK29" s="169">
        <v>9</v>
      </c>
      <c r="JL29" s="169">
        <v>9</v>
      </c>
      <c r="JM29" s="169">
        <v>4</v>
      </c>
      <c r="JN29" s="169">
        <v>2</v>
      </c>
      <c r="JO29" s="169">
        <v>4</v>
      </c>
      <c r="JP29" s="170">
        <v>28</v>
      </c>
      <c r="JQ29" s="171">
        <v>36</v>
      </c>
      <c r="JR29" s="168">
        <v>0</v>
      </c>
      <c r="JS29" s="169">
        <v>0</v>
      </c>
      <c r="JT29" s="170">
        <v>0</v>
      </c>
      <c r="JU29" s="439">
        <v>0</v>
      </c>
      <c r="JV29" s="169">
        <v>0</v>
      </c>
      <c r="JW29" s="169">
        <v>0</v>
      </c>
      <c r="JX29" s="169">
        <v>0</v>
      </c>
      <c r="JY29" s="169">
        <v>0</v>
      </c>
      <c r="JZ29" s="169">
        <v>0</v>
      </c>
      <c r="KA29" s="170">
        <v>0</v>
      </c>
      <c r="KB29" s="171">
        <v>0</v>
      </c>
      <c r="KC29" s="168">
        <v>11</v>
      </c>
      <c r="KD29" s="169">
        <v>17</v>
      </c>
      <c r="KE29" s="170">
        <v>28</v>
      </c>
      <c r="KF29" s="439">
        <v>0</v>
      </c>
      <c r="KG29" s="169">
        <v>33</v>
      </c>
      <c r="KH29" s="169">
        <v>24</v>
      </c>
      <c r="KI29" s="169">
        <v>15</v>
      </c>
      <c r="KJ29" s="169">
        <v>7</v>
      </c>
      <c r="KK29" s="169">
        <v>9</v>
      </c>
      <c r="KL29" s="170">
        <v>88</v>
      </c>
      <c r="KM29" s="171">
        <v>116</v>
      </c>
    </row>
    <row r="30" spans="2:299" s="137" customFormat="1" ht="21" customHeight="1" x14ac:dyDescent="0.2">
      <c r="B30" s="173" t="s">
        <v>27</v>
      </c>
      <c r="C30" s="163">
        <v>16</v>
      </c>
      <c r="D30" s="164">
        <v>19</v>
      </c>
      <c r="E30" s="165">
        <v>35</v>
      </c>
      <c r="F30" s="439">
        <v>0</v>
      </c>
      <c r="G30" s="164">
        <v>14</v>
      </c>
      <c r="H30" s="164">
        <v>14</v>
      </c>
      <c r="I30" s="164">
        <v>13</v>
      </c>
      <c r="J30" s="164">
        <v>6</v>
      </c>
      <c r="K30" s="164">
        <v>4</v>
      </c>
      <c r="L30" s="166">
        <v>51</v>
      </c>
      <c r="M30" s="167">
        <v>86</v>
      </c>
      <c r="N30" s="168">
        <v>0</v>
      </c>
      <c r="O30" s="169">
        <v>2</v>
      </c>
      <c r="P30" s="170">
        <v>2</v>
      </c>
      <c r="Q30" s="439">
        <v>0</v>
      </c>
      <c r="R30" s="169">
        <v>0</v>
      </c>
      <c r="S30" s="169">
        <v>0</v>
      </c>
      <c r="T30" s="169">
        <v>0</v>
      </c>
      <c r="U30" s="169">
        <v>0</v>
      </c>
      <c r="V30" s="169">
        <v>0</v>
      </c>
      <c r="W30" s="170">
        <v>0</v>
      </c>
      <c r="X30" s="171">
        <v>2</v>
      </c>
      <c r="Y30" s="168">
        <v>0</v>
      </c>
      <c r="Z30" s="169">
        <v>2</v>
      </c>
      <c r="AA30" s="170">
        <v>2</v>
      </c>
      <c r="AB30" s="439">
        <v>0</v>
      </c>
      <c r="AC30" s="169">
        <v>0</v>
      </c>
      <c r="AD30" s="169">
        <v>1</v>
      </c>
      <c r="AE30" s="169">
        <v>1</v>
      </c>
      <c r="AF30" s="169">
        <v>0</v>
      </c>
      <c r="AG30" s="169">
        <v>1</v>
      </c>
      <c r="AH30" s="170">
        <v>3</v>
      </c>
      <c r="AI30" s="171">
        <v>5</v>
      </c>
      <c r="AJ30" s="168">
        <v>2</v>
      </c>
      <c r="AK30" s="169">
        <v>2</v>
      </c>
      <c r="AL30" s="170">
        <v>4</v>
      </c>
      <c r="AM30" s="439">
        <v>0</v>
      </c>
      <c r="AN30" s="169">
        <v>1</v>
      </c>
      <c r="AO30" s="169">
        <v>1</v>
      </c>
      <c r="AP30" s="169">
        <v>0</v>
      </c>
      <c r="AQ30" s="169">
        <v>0</v>
      </c>
      <c r="AR30" s="169">
        <v>0</v>
      </c>
      <c r="AS30" s="170">
        <v>2</v>
      </c>
      <c r="AT30" s="171">
        <v>6</v>
      </c>
      <c r="AU30" s="168">
        <v>7</v>
      </c>
      <c r="AV30" s="169">
        <v>5</v>
      </c>
      <c r="AW30" s="170">
        <v>12</v>
      </c>
      <c r="AX30" s="439">
        <v>0</v>
      </c>
      <c r="AY30" s="169">
        <v>3</v>
      </c>
      <c r="AZ30" s="169">
        <v>6</v>
      </c>
      <c r="BA30" s="169">
        <v>4</v>
      </c>
      <c r="BB30" s="169">
        <v>0</v>
      </c>
      <c r="BC30" s="169">
        <v>2</v>
      </c>
      <c r="BD30" s="170">
        <v>15</v>
      </c>
      <c r="BE30" s="171">
        <v>27</v>
      </c>
      <c r="BF30" s="168">
        <v>5</v>
      </c>
      <c r="BG30" s="169">
        <v>5</v>
      </c>
      <c r="BH30" s="170">
        <v>10</v>
      </c>
      <c r="BI30" s="439">
        <v>0</v>
      </c>
      <c r="BJ30" s="169">
        <v>3</v>
      </c>
      <c r="BK30" s="169">
        <v>2</v>
      </c>
      <c r="BL30" s="169">
        <v>4</v>
      </c>
      <c r="BM30" s="169">
        <v>3</v>
      </c>
      <c r="BN30" s="169">
        <v>1</v>
      </c>
      <c r="BO30" s="170">
        <v>13</v>
      </c>
      <c r="BP30" s="171">
        <v>23</v>
      </c>
      <c r="BQ30" s="168">
        <v>2</v>
      </c>
      <c r="BR30" s="169">
        <v>3</v>
      </c>
      <c r="BS30" s="170">
        <v>5</v>
      </c>
      <c r="BT30" s="439">
        <v>0</v>
      </c>
      <c r="BU30" s="169">
        <v>7</v>
      </c>
      <c r="BV30" s="169">
        <v>4</v>
      </c>
      <c r="BW30" s="169">
        <v>4</v>
      </c>
      <c r="BX30" s="169">
        <v>3</v>
      </c>
      <c r="BY30" s="169">
        <v>0</v>
      </c>
      <c r="BZ30" s="170">
        <v>18</v>
      </c>
      <c r="CA30" s="171">
        <v>23</v>
      </c>
      <c r="CB30" s="168">
        <v>0</v>
      </c>
      <c r="CC30" s="169">
        <v>0</v>
      </c>
      <c r="CD30" s="170">
        <v>0</v>
      </c>
      <c r="CE30" s="439">
        <v>0</v>
      </c>
      <c r="CF30" s="169">
        <v>0</v>
      </c>
      <c r="CG30" s="169">
        <v>0</v>
      </c>
      <c r="CH30" s="169">
        <v>0</v>
      </c>
      <c r="CI30" s="169">
        <v>0</v>
      </c>
      <c r="CJ30" s="169">
        <v>0</v>
      </c>
      <c r="CK30" s="170">
        <v>0</v>
      </c>
      <c r="CL30" s="171">
        <v>0</v>
      </c>
      <c r="CM30" s="168">
        <v>16</v>
      </c>
      <c r="CN30" s="169">
        <v>19</v>
      </c>
      <c r="CO30" s="170">
        <v>35</v>
      </c>
      <c r="CP30" s="439">
        <v>0</v>
      </c>
      <c r="CQ30" s="169">
        <v>14</v>
      </c>
      <c r="CR30" s="169">
        <v>14</v>
      </c>
      <c r="CS30" s="169">
        <v>13</v>
      </c>
      <c r="CT30" s="169">
        <v>6</v>
      </c>
      <c r="CU30" s="169">
        <v>4</v>
      </c>
      <c r="CV30" s="170">
        <v>51</v>
      </c>
      <c r="CW30" s="171">
        <v>86</v>
      </c>
      <c r="CX30" s="172">
        <v>7</v>
      </c>
      <c r="CY30" s="164">
        <v>3</v>
      </c>
      <c r="CZ30" s="165">
        <v>10</v>
      </c>
      <c r="DA30" s="439">
        <v>0</v>
      </c>
      <c r="DB30" s="164">
        <v>10</v>
      </c>
      <c r="DC30" s="164">
        <v>3</v>
      </c>
      <c r="DD30" s="164">
        <v>4</v>
      </c>
      <c r="DE30" s="164">
        <v>1</v>
      </c>
      <c r="DF30" s="164">
        <v>1</v>
      </c>
      <c r="DG30" s="166">
        <v>19</v>
      </c>
      <c r="DH30" s="167">
        <v>29</v>
      </c>
      <c r="DI30" s="168">
        <v>1</v>
      </c>
      <c r="DJ30" s="169">
        <v>0</v>
      </c>
      <c r="DK30" s="170">
        <v>1</v>
      </c>
      <c r="DL30" s="439">
        <v>0</v>
      </c>
      <c r="DM30" s="169">
        <v>0</v>
      </c>
      <c r="DN30" s="169">
        <v>0</v>
      </c>
      <c r="DO30" s="169">
        <v>0</v>
      </c>
      <c r="DP30" s="169">
        <v>0</v>
      </c>
      <c r="DQ30" s="169">
        <v>0</v>
      </c>
      <c r="DR30" s="170">
        <v>0</v>
      </c>
      <c r="DS30" s="171">
        <v>1</v>
      </c>
      <c r="DT30" s="168">
        <v>0</v>
      </c>
      <c r="DU30" s="169">
        <v>0</v>
      </c>
      <c r="DV30" s="170">
        <v>0</v>
      </c>
      <c r="DW30" s="439">
        <v>0</v>
      </c>
      <c r="DX30" s="169">
        <v>0</v>
      </c>
      <c r="DY30" s="169">
        <v>0</v>
      </c>
      <c r="DZ30" s="169">
        <v>0</v>
      </c>
      <c r="EA30" s="169">
        <v>0</v>
      </c>
      <c r="EB30" s="169">
        <v>0</v>
      </c>
      <c r="EC30" s="170">
        <v>0</v>
      </c>
      <c r="ED30" s="171">
        <v>0</v>
      </c>
      <c r="EE30" s="168">
        <v>0</v>
      </c>
      <c r="EF30" s="169">
        <v>0</v>
      </c>
      <c r="EG30" s="170">
        <v>0</v>
      </c>
      <c r="EH30" s="439">
        <v>0</v>
      </c>
      <c r="EI30" s="169">
        <v>0</v>
      </c>
      <c r="EJ30" s="169">
        <v>1</v>
      </c>
      <c r="EK30" s="169">
        <v>0</v>
      </c>
      <c r="EL30" s="169">
        <v>0</v>
      </c>
      <c r="EM30" s="169">
        <v>0</v>
      </c>
      <c r="EN30" s="170">
        <v>1</v>
      </c>
      <c r="EO30" s="171">
        <v>1</v>
      </c>
      <c r="EP30" s="168">
        <v>5</v>
      </c>
      <c r="EQ30" s="169">
        <v>0</v>
      </c>
      <c r="ER30" s="170">
        <v>5</v>
      </c>
      <c r="ES30" s="439">
        <v>0</v>
      </c>
      <c r="ET30" s="169">
        <v>2</v>
      </c>
      <c r="EU30" s="169">
        <v>1</v>
      </c>
      <c r="EV30" s="169">
        <v>0</v>
      </c>
      <c r="EW30" s="169">
        <v>0</v>
      </c>
      <c r="EX30" s="169">
        <v>0</v>
      </c>
      <c r="EY30" s="170">
        <v>3</v>
      </c>
      <c r="EZ30" s="171">
        <v>8</v>
      </c>
      <c r="FA30" s="168">
        <v>1</v>
      </c>
      <c r="FB30" s="169">
        <v>1</v>
      </c>
      <c r="FC30" s="170">
        <v>2</v>
      </c>
      <c r="FD30" s="439">
        <v>0</v>
      </c>
      <c r="FE30" s="169">
        <v>4</v>
      </c>
      <c r="FF30" s="169">
        <v>0</v>
      </c>
      <c r="FG30" s="169">
        <v>1</v>
      </c>
      <c r="FH30" s="169">
        <v>1</v>
      </c>
      <c r="FI30" s="169">
        <v>0</v>
      </c>
      <c r="FJ30" s="170">
        <v>6</v>
      </c>
      <c r="FK30" s="171">
        <v>8</v>
      </c>
      <c r="FL30" s="168">
        <v>0</v>
      </c>
      <c r="FM30" s="169">
        <v>2</v>
      </c>
      <c r="FN30" s="170">
        <v>2</v>
      </c>
      <c r="FO30" s="439">
        <v>0</v>
      </c>
      <c r="FP30" s="169">
        <v>4</v>
      </c>
      <c r="FQ30" s="169">
        <v>1</v>
      </c>
      <c r="FR30" s="169">
        <v>3</v>
      </c>
      <c r="FS30" s="169">
        <v>0</v>
      </c>
      <c r="FT30" s="169">
        <v>1</v>
      </c>
      <c r="FU30" s="170">
        <v>9</v>
      </c>
      <c r="FV30" s="171">
        <v>11</v>
      </c>
      <c r="FW30" s="168">
        <v>0</v>
      </c>
      <c r="FX30" s="169">
        <v>0</v>
      </c>
      <c r="FY30" s="170">
        <v>0</v>
      </c>
      <c r="FZ30" s="439">
        <v>0</v>
      </c>
      <c r="GA30" s="169">
        <v>0</v>
      </c>
      <c r="GB30" s="169">
        <v>0</v>
      </c>
      <c r="GC30" s="169">
        <v>0</v>
      </c>
      <c r="GD30" s="169">
        <v>0</v>
      </c>
      <c r="GE30" s="169">
        <v>0</v>
      </c>
      <c r="GF30" s="170">
        <v>0</v>
      </c>
      <c r="GG30" s="171">
        <v>0</v>
      </c>
      <c r="GH30" s="168">
        <v>7</v>
      </c>
      <c r="GI30" s="169">
        <v>3</v>
      </c>
      <c r="GJ30" s="170">
        <v>10</v>
      </c>
      <c r="GK30" s="439">
        <v>0</v>
      </c>
      <c r="GL30" s="169">
        <v>10</v>
      </c>
      <c r="GM30" s="169">
        <v>3</v>
      </c>
      <c r="GN30" s="169">
        <v>4</v>
      </c>
      <c r="GO30" s="169">
        <v>1</v>
      </c>
      <c r="GP30" s="169">
        <v>1</v>
      </c>
      <c r="GQ30" s="170">
        <v>19</v>
      </c>
      <c r="GR30" s="171">
        <v>29</v>
      </c>
      <c r="GS30" s="172">
        <v>23</v>
      </c>
      <c r="GT30" s="164">
        <v>22</v>
      </c>
      <c r="GU30" s="165">
        <v>45</v>
      </c>
      <c r="GV30" s="439">
        <v>0</v>
      </c>
      <c r="GW30" s="164">
        <v>24</v>
      </c>
      <c r="GX30" s="164">
        <v>17</v>
      </c>
      <c r="GY30" s="164">
        <v>17</v>
      </c>
      <c r="GZ30" s="164">
        <v>7</v>
      </c>
      <c r="HA30" s="164">
        <v>5</v>
      </c>
      <c r="HB30" s="166">
        <v>70</v>
      </c>
      <c r="HC30" s="167">
        <v>115</v>
      </c>
      <c r="HD30" s="168">
        <v>1</v>
      </c>
      <c r="HE30" s="169">
        <v>2</v>
      </c>
      <c r="HF30" s="170">
        <v>3</v>
      </c>
      <c r="HG30" s="439">
        <v>0</v>
      </c>
      <c r="HH30" s="169">
        <v>0</v>
      </c>
      <c r="HI30" s="169">
        <v>0</v>
      </c>
      <c r="HJ30" s="169">
        <v>0</v>
      </c>
      <c r="HK30" s="169">
        <v>0</v>
      </c>
      <c r="HL30" s="169">
        <v>0</v>
      </c>
      <c r="HM30" s="170">
        <v>0</v>
      </c>
      <c r="HN30" s="171">
        <v>3</v>
      </c>
      <c r="HO30" s="168">
        <v>0</v>
      </c>
      <c r="HP30" s="169">
        <v>2</v>
      </c>
      <c r="HQ30" s="170">
        <v>2</v>
      </c>
      <c r="HR30" s="439">
        <v>0</v>
      </c>
      <c r="HS30" s="169">
        <v>0</v>
      </c>
      <c r="HT30" s="169">
        <v>1</v>
      </c>
      <c r="HU30" s="169">
        <v>1</v>
      </c>
      <c r="HV30" s="169">
        <v>0</v>
      </c>
      <c r="HW30" s="169">
        <v>1</v>
      </c>
      <c r="HX30" s="170">
        <v>3</v>
      </c>
      <c r="HY30" s="171">
        <v>5</v>
      </c>
      <c r="HZ30" s="168">
        <v>2</v>
      </c>
      <c r="IA30" s="169">
        <v>2</v>
      </c>
      <c r="IB30" s="170">
        <v>4</v>
      </c>
      <c r="IC30" s="439">
        <v>0</v>
      </c>
      <c r="ID30" s="169">
        <v>1</v>
      </c>
      <c r="IE30" s="169">
        <v>2</v>
      </c>
      <c r="IF30" s="169">
        <v>0</v>
      </c>
      <c r="IG30" s="169">
        <v>0</v>
      </c>
      <c r="IH30" s="169">
        <v>0</v>
      </c>
      <c r="II30" s="170">
        <v>3</v>
      </c>
      <c r="IJ30" s="171">
        <v>7</v>
      </c>
      <c r="IK30" s="168">
        <v>12</v>
      </c>
      <c r="IL30" s="169">
        <v>5</v>
      </c>
      <c r="IM30" s="170">
        <v>17</v>
      </c>
      <c r="IN30" s="439">
        <v>0</v>
      </c>
      <c r="IO30" s="169">
        <v>5</v>
      </c>
      <c r="IP30" s="169">
        <v>7</v>
      </c>
      <c r="IQ30" s="169">
        <v>4</v>
      </c>
      <c r="IR30" s="169">
        <v>0</v>
      </c>
      <c r="IS30" s="169">
        <v>2</v>
      </c>
      <c r="IT30" s="170">
        <v>18</v>
      </c>
      <c r="IU30" s="171">
        <v>35</v>
      </c>
      <c r="IV30" s="168">
        <v>6</v>
      </c>
      <c r="IW30" s="169">
        <v>6</v>
      </c>
      <c r="IX30" s="170">
        <v>12</v>
      </c>
      <c r="IY30" s="439">
        <v>0</v>
      </c>
      <c r="IZ30" s="169">
        <v>7</v>
      </c>
      <c r="JA30" s="169">
        <v>2</v>
      </c>
      <c r="JB30" s="169">
        <v>5</v>
      </c>
      <c r="JC30" s="169">
        <v>4</v>
      </c>
      <c r="JD30" s="169">
        <v>1</v>
      </c>
      <c r="JE30" s="170">
        <v>19</v>
      </c>
      <c r="JF30" s="171">
        <v>31</v>
      </c>
      <c r="JG30" s="168">
        <v>2</v>
      </c>
      <c r="JH30" s="169">
        <v>5</v>
      </c>
      <c r="JI30" s="170">
        <v>7</v>
      </c>
      <c r="JJ30" s="439">
        <v>0</v>
      </c>
      <c r="JK30" s="169">
        <v>11</v>
      </c>
      <c r="JL30" s="169">
        <v>5</v>
      </c>
      <c r="JM30" s="169">
        <v>7</v>
      </c>
      <c r="JN30" s="169">
        <v>3</v>
      </c>
      <c r="JO30" s="169">
        <v>1</v>
      </c>
      <c r="JP30" s="170">
        <v>27</v>
      </c>
      <c r="JQ30" s="171">
        <v>34</v>
      </c>
      <c r="JR30" s="168">
        <v>0</v>
      </c>
      <c r="JS30" s="169">
        <v>0</v>
      </c>
      <c r="JT30" s="170">
        <v>0</v>
      </c>
      <c r="JU30" s="439">
        <v>0</v>
      </c>
      <c r="JV30" s="169">
        <v>0</v>
      </c>
      <c r="JW30" s="169">
        <v>0</v>
      </c>
      <c r="JX30" s="169">
        <v>0</v>
      </c>
      <c r="JY30" s="169">
        <v>0</v>
      </c>
      <c r="JZ30" s="169">
        <v>0</v>
      </c>
      <c r="KA30" s="170">
        <v>0</v>
      </c>
      <c r="KB30" s="171">
        <v>0</v>
      </c>
      <c r="KC30" s="168">
        <v>23</v>
      </c>
      <c r="KD30" s="169">
        <v>22</v>
      </c>
      <c r="KE30" s="170">
        <v>45</v>
      </c>
      <c r="KF30" s="439">
        <v>0</v>
      </c>
      <c r="KG30" s="169">
        <v>24</v>
      </c>
      <c r="KH30" s="169">
        <v>17</v>
      </c>
      <c r="KI30" s="169">
        <v>17</v>
      </c>
      <c r="KJ30" s="169">
        <v>7</v>
      </c>
      <c r="KK30" s="169">
        <v>5</v>
      </c>
      <c r="KL30" s="170">
        <v>70</v>
      </c>
      <c r="KM30" s="171">
        <v>115</v>
      </c>
    </row>
    <row r="31" spans="2:299" s="137" customFormat="1" ht="21" customHeight="1" x14ac:dyDescent="0.2">
      <c r="B31" s="173" t="s">
        <v>28</v>
      </c>
      <c r="C31" s="163">
        <v>0</v>
      </c>
      <c r="D31" s="164">
        <v>2</v>
      </c>
      <c r="E31" s="165">
        <v>2</v>
      </c>
      <c r="F31" s="439">
        <v>0</v>
      </c>
      <c r="G31" s="164">
        <v>7</v>
      </c>
      <c r="H31" s="164">
        <v>3</v>
      </c>
      <c r="I31" s="164">
        <v>4</v>
      </c>
      <c r="J31" s="164">
        <v>2</v>
      </c>
      <c r="K31" s="164">
        <v>1</v>
      </c>
      <c r="L31" s="166">
        <v>17</v>
      </c>
      <c r="M31" s="167">
        <v>19</v>
      </c>
      <c r="N31" s="168">
        <v>0</v>
      </c>
      <c r="O31" s="169">
        <v>1</v>
      </c>
      <c r="P31" s="170">
        <v>1</v>
      </c>
      <c r="Q31" s="439">
        <v>0</v>
      </c>
      <c r="R31" s="169">
        <v>1</v>
      </c>
      <c r="S31" s="169">
        <v>0</v>
      </c>
      <c r="T31" s="169">
        <v>1</v>
      </c>
      <c r="U31" s="169">
        <v>0</v>
      </c>
      <c r="V31" s="169">
        <v>0</v>
      </c>
      <c r="W31" s="170">
        <v>2</v>
      </c>
      <c r="X31" s="171">
        <v>3</v>
      </c>
      <c r="Y31" s="168">
        <v>0</v>
      </c>
      <c r="Z31" s="169">
        <v>1</v>
      </c>
      <c r="AA31" s="170">
        <v>1</v>
      </c>
      <c r="AB31" s="439">
        <v>0</v>
      </c>
      <c r="AC31" s="169">
        <v>2</v>
      </c>
      <c r="AD31" s="169">
        <v>0</v>
      </c>
      <c r="AE31" s="169">
        <v>0</v>
      </c>
      <c r="AF31" s="169">
        <v>0</v>
      </c>
      <c r="AG31" s="169">
        <v>0</v>
      </c>
      <c r="AH31" s="170">
        <v>2</v>
      </c>
      <c r="AI31" s="171">
        <v>3</v>
      </c>
      <c r="AJ31" s="168">
        <v>0</v>
      </c>
      <c r="AK31" s="169">
        <v>0</v>
      </c>
      <c r="AL31" s="170">
        <v>0</v>
      </c>
      <c r="AM31" s="439">
        <v>0</v>
      </c>
      <c r="AN31" s="169">
        <v>1</v>
      </c>
      <c r="AO31" s="169">
        <v>0</v>
      </c>
      <c r="AP31" s="169">
        <v>1</v>
      </c>
      <c r="AQ31" s="169">
        <v>0</v>
      </c>
      <c r="AR31" s="169">
        <v>0</v>
      </c>
      <c r="AS31" s="170">
        <v>2</v>
      </c>
      <c r="AT31" s="171">
        <v>2</v>
      </c>
      <c r="AU31" s="168">
        <v>0</v>
      </c>
      <c r="AV31" s="169">
        <v>0</v>
      </c>
      <c r="AW31" s="170">
        <v>0</v>
      </c>
      <c r="AX31" s="439">
        <v>0</v>
      </c>
      <c r="AY31" s="169">
        <v>2</v>
      </c>
      <c r="AZ31" s="169">
        <v>2</v>
      </c>
      <c r="BA31" s="169">
        <v>0</v>
      </c>
      <c r="BB31" s="169">
        <v>1</v>
      </c>
      <c r="BC31" s="169">
        <v>0</v>
      </c>
      <c r="BD31" s="170">
        <v>5</v>
      </c>
      <c r="BE31" s="171">
        <v>5</v>
      </c>
      <c r="BF31" s="168">
        <v>0</v>
      </c>
      <c r="BG31" s="169">
        <v>0</v>
      </c>
      <c r="BH31" s="170">
        <v>0</v>
      </c>
      <c r="BI31" s="439">
        <v>0</v>
      </c>
      <c r="BJ31" s="169">
        <v>1</v>
      </c>
      <c r="BK31" s="169">
        <v>1</v>
      </c>
      <c r="BL31" s="169">
        <v>1</v>
      </c>
      <c r="BM31" s="169">
        <v>0</v>
      </c>
      <c r="BN31" s="169">
        <v>0</v>
      </c>
      <c r="BO31" s="170">
        <v>3</v>
      </c>
      <c r="BP31" s="171">
        <v>3</v>
      </c>
      <c r="BQ31" s="168">
        <v>0</v>
      </c>
      <c r="BR31" s="169">
        <v>0</v>
      </c>
      <c r="BS31" s="170">
        <v>0</v>
      </c>
      <c r="BT31" s="439">
        <v>0</v>
      </c>
      <c r="BU31" s="169">
        <v>0</v>
      </c>
      <c r="BV31" s="169">
        <v>0</v>
      </c>
      <c r="BW31" s="169">
        <v>1</v>
      </c>
      <c r="BX31" s="169">
        <v>1</v>
      </c>
      <c r="BY31" s="169">
        <v>1</v>
      </c>
      <c r="BZ31" s="170">
        <v>3</v>
      </c>
      <c r="CA31" s="171">
        <v>3</v>
      </c>
      <c r="CB31" s="168">
        <v>0</v>
      </c>
      <c r="CC31" s="169">
        <v>0</v>
      </c>
      <c r="CD31" s="170">
        <v>0</v>
      </c>
      <c r="CE31" s="439">
        <v>0</v>
      </c>
      <c r="CF31" s="169">
        <v>0</v>
      </c>
      <c r="CG31" s="169">
        <v>0</v>
      </c>
      <c r="CH31" s="169">
        <v>0</v>
      </c>
      <c r="CI31" s="169">
        <v>0</v>
      </c>
      <c r="CJ31" s="169">
        <v>0</v>
      </c>
      <c r="CK31" s="170">
        <v>0</v>
      </c>
      <c r="CL31" s="171">
        <v>0</v>
      </c>
      <c r="CM31" s="168">
        <v>0</v>
      </c>
      <c r="CN31" s="169">
        <v>2</v>
      </c>
      <c r="CO31" s="170">
        <v>2</v>
      </c>
      <c r="CP31" s="439">
        <v>0</v>
      </c>
      <c r="CQ31" s="169">
        <v>7</v>
      </c>
      <c r="CR31" s="169">
        <v>3</v>
      </c>
      <c r="CS31" s="169">
        <v>4</v>
      </c>
      <c r="CT31" s="169">
        <v>2</v>
      </c>
      <c r="CU31" s="169">
        <v>1</v>
      </c>
      <c r="CV31" s="170">
        <v>17</v>
      </c>
      <c r="CW31" s="171">
        <v>19</v>
      </c>
      <c r="CX31" s="172">
        <v>0</v>
      </c>
      <c r="CY31" s="164">
        <v>1</v>
      </c>
      <c r="CZ31" s="165">
        <v>1</v>
      </c>
      <c r="DA31" s="439">
        <v>0</v>
      </c>
      <c r="DB31" s="164">
        <v>1</v>
      </c>
      <c r="DC31" s="164">
        <v>2</v>
      </c>
      <c r="DD31" s="164">
        <v>2</v>
      </c>
      <c r="DE31" s="164">
        <v>1</v>
      </c>
      <c r="DF31" s="164">
        <v>0</v>
      </c>
      <c r="DG31" s="166">
        <v>6</v>
      </c>
      <c r="DH31" s="167">
        <v>7</v>
      </c>
      <c r="DI31" s="168">
        <v>0</v>
      </c>
      <c r="DJ31" s="169">
        <v>0</v>
      </c>
      <c r="DK31" s="170">
        <v>0</v>
      </c>
      <c r="DL31" s="439">
        <v>0</v>
      </c>
      <c r="DM31" s="169">
        <v>0</v>
      </c>
      <c r="DN31" s="169">
        <v>0</v>
      </c>
      <c r="DO31" s="169">
        <v>0</v>
      </c>
      <c r="DP31" s="169">
        <v>0</v>
      </c>
      <c r="DQ31" s="169">
        <v>0</v>
      </c>
      <c r="DR31" s="170">
        <v>0</v>
      </c>
      <c r="DS31" s="171">
        <v>0</v>
      </c>
      <c r="DT31" s="168">
        <v>0</v>
      </c>
      <c r="DU31" s="169">
        <v>1</v>
      </c>
      <c r="DV31" s="170">
        <v>1</v>
      </c>
      <c r="DW31" s="439">
        <v>0</v>
      </c>
      <c r="DX31" s="169">
        <v>0</v>
      </c>
      <c r="DY31" s="169">
        <v>0</v>
      </c>
      <c r="DZ31" s="169">
        <v>1</v>
      </c>
      <c r="EA31" s="169">
        <v>0</v>
      </c>
      <c r="EB31" s="169">
        <v>0</v>
      </c>
      <c r="EC31" s="170">
        <v>1</v>
      </c>
      <c r="ED31" s="171">
        <v>2</v>
      </c>
      <c r="EE31" s="168">
        <v>0</v>
      </c>
      <c r="EF31" s="169">
        <v>0</v>
      </c>
      <c r="EG31" s="170">
        <v>0</v>
      </c>
      <c r="EH31" s="439">
        <v>0</v>
      </c>
      <c r="EI31" s="169">
        <v>0</v>
      </c>
      <c r="EJ31" s="169">
        <v>0</v>
      </c>
      <c r="EK31" s="169">
        <v>0</v>
      </c>
      <c r="EL31" s="169">
        <v>0</v>
      </c>
      <c r="EM31" s="169">
        <v>0</v>
      </c>
      <c r="EN31" s="170">
        <v>0</v>
      </c>
      <c r="EO31" s="171">
        <v>0</v>
      </c>
      <c r="EP31" s="168">
        <v>0</v>
      </c>
      <c r="EQ31" s="169">
        <v>0</v>
      </c>
      <c r="ER31" s="170">
        <v>0</v>
      </c>
      <c r="ES31" s="439">
        <v>0</v>
      </c>
      <c r="ET31" s="169">
        <v>0</v>
      </c>
      <c r="EU31" s="169">
        <v>1</v>
      </c>
      <c r="EV31" s="169">
        <v>0</v>
      </c>
      <c r="EW31" s="169">
        <v>0</v>
      </c>
      <c r="EX31" s="169">
        <v>0</v>
      </c>
      <c r="EY31" s="170">
        <v>1</v>
      </c>
      <c r="EZ31" s="171">
        <v>1</v>
      </c>
      <c r="FA31" s="168">
        <v>0</v>
      </c>
      <c r="FB31" s="169">
        <v>0</v>
      </c>
      <c r="FC31" s="170">
        <v>0</v>
      </c>
      <c r="FD31" s="439">
        <v>0</v>
      </c>
      <c r="FE31" s="169">
        <v>1</v>
      </c>
      <c r="FF31" s="169">
        <v>0</v>
      </c>
      <c r="FG31" s="169">
        <v>1</v>
      </c>
      <c r="FH31" s="169">
        <v>1</v>
      </c>
      <c r="FI31" s="169">
        <v>0</v>
      </c>
      <c r="FJ31" s="170">
        <v>3</v>
      </c>
      <c r="FK31" s="171">
        <v>3</v>
      </c>
      <c r="FL31" s="168">
        <v>0</v>
      </c>
      <c r="FM31" s="169">
        <v>0</v>
      </c>
      <c r="FN31" s="170">
        <v>0</v>
      </c>
      <c r="FO31" s="439">
        <v>0</v>
      </c>
      <c r="FP31" s="169">
        <v>0</v>
      </c>
      <c r="FQ31" s="169">
        <v>1</v>
      </c>
      <c r="FR31" s="169">
        <v>0</v>
      </c>
      <c r="FS31" s="169">
        <v>0</v>
      </c>
      <c r="FT31" s="169">
        <v>0</v>
      </c>
      <c r="FU31" s="170">
        <v>1</v>
      </c>
      <c r="FV31" s="171">
        <v>1</v>
      </c>
      <c r="FW31" s="168">
        <v>0</v>
      </c>
      <c r="FX31" s="169">
        <v>0</v>
      </c>
      <c r="FY31" s="170">
        <v>0</v>
      </c>
      <c r="FZ31" s="439">
        <v>0</v>
      </c>
      <c r="GA31" s="169">
        <v>0</v>
      </c>
      <c r="GB31" s="169">
        <v>0</v>
      </c>
      <c r="GC31" s="169">
        <v>0</v>
      </c>
      <c r="GD31" s="169">
        <v>0</v>
      </c>
      <c r="GE31" s="169">
        <v>0</v>
      </c>
      <c r="GF31" s="170">
        <v>0</v>
      </c>
      <c r="GG31" s="171">
        <v>0</v>
      </c>
      <c r="GH31" s="168">
        <v>0</v>
      </c>
      <c r="GI31" s="169">
        <v>1</v>
      </c>
      <c r="GJ31" s="170">
        <v>1</v>
      </c>
      <c r="GK31" s="439">
        <v>0</v>
      </c>
      <c r="GL31" s="169">
        <v>1</v>
      </c>
      <c r="GM31" s="169">
        <v>2</v>
      </c>
      <c r="GN31" s="169">
        <v>2</v>
      </c>
      <c r="GO31" s="169">
        <v>1</v>
      </c>
      <c r="GP31" s="169">
        <v>0</v>
      </c>
      <c r="GQ31" s="170">
        <v>6</v>
      </c>
      <c r="GR31" s="171">
        <v>7</v>
      </c>
      <c r="GS31" s="172">
        <v>0</v>
      </c>
      <c r="GT31" s="164">
        <v>3</v>
      </c>
      <c r="GU31" s="165">
        <v>3</v>
      </c>
      <c r="GV31" s="439">
        <v>0</v>
      </c>
      <c r="GW31" s="164">
        <v>8</v>
      </c>
      <c r="GX31" s="164">
        <v>5</v>
      </c>
      <c r="GY31" s="164">
        <v>6</v>
      </c>
      <c r="GZ31" s="164">
        <v>3</v>
      </c>
      <c r="HA31" s="164">
        <v>1</v>
      </c>
      <c r="HB31" s="166">
        <v>23</v>
      </c>
      <c r="HC31" s="167">
        <v>26</v>
      </c>
      <c r="HD31" s="168">
        <v>0</v>
      </c>
      <c r="HE31" s="169">
        <v>1</v>
      </c>
      <c r="HF31" s="170">
        <v>1</v>
      </c>
      <c r="HG31" s="439">
        <v>0</v>
      </c>
      <c r="HH31" s="169">
        <v>1</v>
      </c>
      <c r="HI31" s="169">
        <v>0</v>
      </c>
      <c r="HJ31" s="169">
        <v>1</v>
      </c>
      <c r="HK31" s="169">
        <v>0</v>
      </c>
      <c r="HL31" s="169">
        <v>0</v>
      </c>
      <c r="HM31" s="170">
        <v>2</v>
      </c>
      <c r="HN31" s="171">
        <v>3</v>
      </c>
      <c r="HO31" s="168">
        <v>0</v>
      </c>
      <c r="HP31" s="169">
        <v>2</v>
      </c>
      <c r="HQ31" s="170">
        <v>2</v>
      </c>
      <c r="HR31" s="439">
        <v>0</v>
      </c>
      <c r="HS31" s="169">
        <v>2</v>
      </c>
      <c r="HT31" s="169">
        <v>0</v>
      </c>
      <c r="HU31" s="169">
        <v>1</v>
      </c>
      <c r="HV31" s="169">
        <v>0</v>
      </c>
      <c r="HW31" s="169">
        <v>0</v>
      </c>
      <c r="HX31" s="170">
        <v>3</v>
      </c>
      <c r="HY31" s="171">
        <v>5</v>
      </c>
      <c r="HZ31" s="168">
        <v>0</v>
      </c>
      <c r="IA31" s="169">
        <v>0</v>
      </c>
      <c r="IB31" s="170">
        <v>0</v>
      </c>
      <c r="IC31" s="439">
        <v>0</v>
      </c>
      <c r="ID31" s="169">
        <v>1</v>
      </c>
      <c r="IE31" s="169">
        <v>0</v>
      </c>
      <c r="IF31" s="169">
        <v>1</v>
      </c>
      <c r="IG31" s="169">
        <v>0</v>
      </c>
      <c r="IH31" s="169">
        <v>0</v>
      </c>
      <c r="II31" s="170">
        <v>2</v>
      </c>
      <c r="IJ31" s="171">
        <v>2</v>
      </c>
      <c r="IK31" s="168">
        <v>0</v>
      </c>
      <c r="IL31" s="169">
        <v>0</v>
      </c>
      <c r="IM31" s="170">
        <v>0</v>
      </c>
      <c r="IN31" s="439">
        <v>0</v>
      </c>
      <c r="IO31" s="169">
        <v>2</v>
      </c>
      <c r="IP31" s="169">
        <v>3</v>
      </c>
      <c r="IQ31" s="169">
        <v>0</v>
      </c>
      <c r="IR31" s="169">
        <v>1</v>
      </c>
      <c r="IS31" s="169">
        <v>0</v>
      </c>
      <c r="IT31" s="170">
        <v>6</v>
      </c>
      <c r="IU31" s="171">
        <v>6</v>
      </c>
      <c r="IV31" s="168">
        <v>0</v>
      </c>
      <c r="IW31" s="169">
        <v>0</v>
      </c>
      <c r="IX31" s="170">
        <v>0</v>
      </c>
      <c r="IY31" s="439">
        <v>0</v>
      </c>
      <c r="IZ31" s="169">
        <v>2</v>
      </c>
      <c r="JA31" s="169">
        <v>1</v>
      </c>
      <c r="JB31" s="169">
        <v>2</v>
      </c>
      <c r="JC31" s="169">
        <v>1</v>
      </c>
      <c r="JD31" s="169">
        <v>0</v>
      </c>
      <c r="JE31" s="170">
        <v>6</v>
      </c>
      <c r="JF31" s="171">
        <v>6</v>
      </c>
      <c r="JG31" s="168">
        <v>0</v>
      </c>
      <c r="JH31" s="169">
        <v>0</v>
      </c>
      <c r="JI31" s="170">
        <v>0</v>
      </c>
      <c r="JJ31" s="439">
        <v>0</v>
      </c>
      <c r="JK31" s="169">
        <v>0</v>
      </c>
      <c r="JL31" s="169">
        <v>1</v>
      </c>
      <c r="JM31" s="169">
        <v>1</v>
      </c>
      <c r="JN31" s="169">
        <v>1</v>
      </c>
      <c r="JO31" s="169">
        <v>1</v>
      </c>
      <c r="JP31" s="170">
        <v>4</v>
      </c>
      <c r="JQ31" s="171">
        <v>4</v>
      </c>
      <c r="JR31" s="168">
        <v>0</v>
      </c>
      <c r="JS31" s="169">
        <v>0</v>
      </c>
      <c r="JT31" s="170">
        <v>0</v>
      </c>
      <c r="JU31" s="439">
        <v>0</v>
      </c>
      <c r="JV31" s="169">
        <v>0</v>
      </c>
      <c r="JW31" s="169">
        <v>0</v>
      </c>
      <c r="JX31" s="169">
        <v>0</v>
      </c>
      <c r="JY31" s="169">
        <v>0</v>
      </c>
      <c r="JZ31" s="169">
        <v>0</v>
      </c>
      <c r="KA31" s="170">
        <v>0</v>
      </c>
      <c r="KB31" s="171">
        <v>0</v>
      </c>
      <c r="KC31" s="168">
        <v>0</v>
      </c>
      <c r="KD31" s="169">
        <v>3</v>
      </c>
      <c r="KE31" s="170">
        <v>3</v>
      </c>
      <c r="KF31" s="439">
        <v>0</v>
      </c>
      <c r="KG31" s="169">
        <v>8</v>
      </c>
      <c r="KH31" s="169">
        <v>5</v>
      </c>
      <c r="KI31" s="169">
        <v>6</v>
      </c>
      <c r="KJ31" s="169">
        <v>3</v>
      </c>
      <c r="KK31" s="169">
        <v>1</v>
      </c>
      <c r="KL31" s="170">
        <v>23</v>
      </c>
      <c r="KM31" s="171">
        <v>26</v>
      </c>
    </row>
    <row r="32" spans="2:299" s="137" customFormat="1" ht="21" customHeight="1" x14ac:dyDescent="0.2">
      <c r="B32" s="173" t="s">
        <v>29</v>
      </c>
      <c r="C32" s="163">
        <v>3</v>
      </c>
      <c r="D32" s="164">
        <v>3</v>
      </c>
      <c r="E32" s="165">
        <v>6</v>
      </c>
      <c r="F32" s="439">
        <v>0</v>
      </c>
      <c r="G32" s="164">
        <v>4</v>
      </c>
      <c r="H32" s="164">
        <v>4</v>
      </c>
      <c r="I32" s="164">
        <v>3</v>
      </c>
      <c r="J32" s="164">
        <v>4</v>
      </c>
      <c r="K32" s="164">
        <v>3</v>
      </c>
      <c r="L32" s="166">
        <v>18</v>
      </c>
      <c r="M32" s="167">
        <v>24</v>
      </c>
      <c r="N32" s="168">
        <v>0</v>
      </c>
      <c r="O32" s="169">
        <v>0</v>
      </c>
      <c r="P32" s="170">
        <v>0</v>
      </c>
      <c r="Q32" s="439">
        <v>0</v>
      </c>
      <c r="R32" s="169">
        <v>0</v>
      </c>
      <c r="S32" s="169">
        <v>0</v>
      </c>
      <c r="T32" s="169">
        <v>1</v>
      </c>
      <c r="U32" s="169">
        <v>0</v>
      </c>
      <c r="V32" s="169">
        <v>0</v>
      </c>
      <c r="W32" s="170">
        <v>1</v>
      </c>
      <c r="X32" s="171">
        <v>1</v>
      </c>
      <c r="Y32" s="168">
        <v>0</v>
      </c>
      <c r="Z32" s="169">
        <v>0</v>
      </c>
      <c r="AA32" s="170">
        <v>0</v>
      </c>
      <c r="AB32" s="439">
        <v>0</v>
      </c>
      <c r="AC32" s="169">
        <v>0</v>
      </c>
      <c r="AD32" s="169">
        <v>0</v>
      </c>
      <c r="AE32" s="169">
        <v>0</v>
      </c>
      <c r="AF32" s="169">
        <v>0</v>
      </c>
      <c r="AG32" s="169">
        <v>0</v>
      </c>
      <c r="AH32" s="170">
        <v>0</v>
      </c>
      <c r="AI32" s="171">
        <v>0</v>
      </c>
      <c r="AJ32" s="168">
        <v>0</v>
      </c>
      <c r="AK32" s="169">
        <v>0</v>
      </c>
      <c r="AL32" s="170">
        <v>0</v>
      </c>
      <c r="AM32" s="439">
        <v>0</v>
      </c>
      <c r="AN32" s="169">
        <v>1</v>
      </c>
      <c r="AO32" s="169">
        <v>0</v>
      </c>
      <c r="AP32" s="169">
        <v>0</v>
      </c>
      <c r="AQ32" s="169">
        <v>1</v>
      </c>
      <c r="AR32" s="169">
        <v>0</v>
      </c>
      <c r="AS32" s="170">
        <v>2</v>
      </c>
      <c r="AT32" s="171">
        <v>2</v>
      </c>
      <c r="AU32" s="168">
        <v>0</v>
      </c>
      <c r="AV32" s="169">
        <v>2</v>
      </c>
      <c r="AW32" s="170">
        <v>2</v>
      </c>
      <c r="AX32" s="439">
        <v>0</v>
      </c>
      <c r="AY32" s="169">
        <v>2</v>
      </c>
      <c r="AZ32" s="169">
        <v>0</v>
      </c>
      <c r="BA32" s="169">
        <v>0</v>
      </c>
      <c r="BB32" s="169">
        <v>2</v>
      </c>
      <c r="BC32" s="169">
        <v>0</v>
      </c>
      <c r="BD32" s="170">
        <v>4</v>
      </c>
      <c r="BE32" s="171">
        <v>6</v>
      </c>
      <c r="BF32" s="168">
        <v>3</v>
      </c>
      <c r="BG32" s="169">
        <v>0</v>
      </c>
      <c r="BH32" s="170">
        <v>3</v>
      </c>
      <c r="BI32" s="439">
        <v>0</v>
      </c>
      <c r="BJ32" s="169">
        <v>1</v>
      </c>
      <c r="BK32" s="169">
        <v>0</v>
      </c>
      <c r="BL32" s="169">
        <v>2</v>
      </c>
      <c r="BM32" s="169">
        <v>0</v>
      </c>
      <c r="BN32" s="169">
        <v>0</v>
      </c>
      <c r="BO32" s="170">
        <v>3</v>
      </c>
      <c r="BP32" s="171">
        <v>6</v>
      </c>
      <c r="BQ32" s="168">
        <v>0</v>
      </c>
      <c r="BR32" s="169">
        <v>1</v>
      </c>
      <c r="BS32" s="170">
        <v>1</v>
      </c>
      <c r="BT32" s="439">
        <v>0</v>
      </c>
      <c r="BU32" s="169">
        <v>0</v>
      </c>
      <c r="BV32" s="169">
        <v>4</v>
      </c>
      <c r="BW32" s="169">
        <v>0</v>
      </c>
      <c r="BX32" s="169">
        <v>1</v>
      </c>
      <c r="BY32" s="169">
        <v>3</v>
      </c>
      <c r="BZ32" s="170">
        <v>8</v>
      </c>
      <c r="CA32" s="171">
        <v>9</v>
      </c>
      <c r="CB32" s="168">
        <v>0</v>
      </c>
      <c r="CC32" s="169">
        <v>0</v>
      </c>
      <c r="CD32" s="170">
        <v>0</v>
      </c>
      <c r="CE32" s="439">
        <v>0</v>
      </c>
      <c r="CF32" s="169">
        <v>0</v>
      </c>
      <c r="CG32" s="169">
        <v>0</v>
      </c>
      <c r="CH32" s="169">
        <v>0</v>
      </c>
      <c r="CI32" s="169">
        <v>0</v>
      </c>
      <c r="CJ32" s="169">
        <v>0</v>
      </c>
      <c r="CK32" s="170">
        <v>0</v>
      </c>
      <c r="CL32" s="171">
        <v>0</v>
      </c>
      <c r="CM32" s="168">
        <v>3</v>
      </c>
      <c r="CN32" s="169">
        <v>3</v>
      </c>
      <c r="CO32" s="170">
        <v>6</v>
      </c>
      <c r="CP32" s="439">
        <v>0</v>
      </c>
      <c r="CQ32" s="169">
        <v>4</v>
      </c>
      <c r="CR32" s="169">
        <v>4</v>
      </c>
      <c r="CS32" s="169">
        <v>3</v>
      </c>
      <c r="CT32" s="169">
        <v>4</v>
      </c>
      <c r="CU32" s="169">
        <v>3</v>
      </c>
      <c r="CV32" s="170">
        <v>18</v>
      </c>
      <c r="CW32" s="171">
        <v>24</v>
      </c>
      <c r="CX32" s="172">
        <v>1</v>
      </c>
      <c r="CY32" s="164">
        <v>2</v>
      </c>
      <c r="CZ32" s="165">
        <v>3</v>
      </c>
      <c r="DA32" s="439">
        <v>0</v>
      </c>
      <c r="DB32" s="164">
        <v>6</v>
      </c>
      <c r="DC32" s="164">
        <v>4</v>
      </c>
      <c r="DD32" s="164">
        <v>0</v>
      </c>
      <c r="DE32" s="164">
        <v>2</v>
      </c>
      <c r="DF32" s="164">
        <v>0</v>
      </c>
      <c r="DG32" s="166">
        <v>12</v>
      </c>
      <c r="DH32" s="167">
        <v>15</v>
      </c>
      <c r="DI32" s="168">
        <v>0</v>
      </c>
      <c r="DJ32" s="169">
        <v>0</v>
      </c>
      <c r="DK32" s="170">
        <v>0</v>
      </c>
      <c r="DL32" s="439">
        <v>0</v>
      </c>
      <c r="DM32" s="169">
        <v>0</v>
      </c>
      <c r="DN32" s="169">
        <v>0</v>
      </c>
      <c r="DO32" s="169">
        <v>0</v>
      </c>
      <c r="DP32" s="169">
        <v>0</v>
      </c>
      <c r="DQ32" s="169">
        <v>0</v>
      </c>
      <c r="DR32" s="170">
        <v>0</v>
      </c>
      <c r="DS32" s="171">
        <v>0</v>
      </c>
      <c r="DT32" s="168">
        <v>0</v>
      </c>
      <c r="DU32" s="169">
        <v>0</v>
      </c>
      <c r="DV32" s="170">
        <v>0</v>
      </c>
      <c r="DW32" s="439">
        <v>0</v>
      </c>
      <c r="DX32" s="169">
        <v>0</v>
      </c>
      <c r="DY32" s="169">
        <v>1</v>
      </c>
      <c r="DZ32" s="169">
        <v>0</v>
      </c>
      <c r="EA32" s="169">
        <v>0</v>
      </c>
      <c r="EB32" s="169">
        <v>0</v>
      </c>
      <c r="EC32" s="170">
        <v>1</v>
      </c>
      <c r="ED32" s="171">
        <v>1</v>
      </c>
      <c r="EE32" s="168">
        <v>1</v>
      </c>
      <c r="EF32" s="169">
        <v>0</v>
      </c>
      <c r="EG32" s="170">
        <v>1</v>
      </c>
      <c r="EH32" s="439">
        <v>0</v>
      </c>
      <c r="EI32" s="169">
        <v>0</v>
      </c>
      <c r="EJ32" s="169">
        <v>2</v>
      </c>
      <c r="EK32" s="169">
        <v>0</v>
      </c>
      <c r="EL32" s="169">
        <v>0</v>
      </c>
      <c r="EM32" s="169">
        <v>0</v>
      </c>
      <c r="EN32" s="170">
        <v>2</v>
      </c>
      <c r="EO32" s="171">
        <v>3</v>
      </c>
      <c r="EP32" s="168">
        <v>0</v>
      </c>
      <c r="EQ32" s="169">
        <v>0</v>
      </c>
      <c r="ER32" s="170">
        <v>0</v>
      </c>
      <c r="ES32" s="439">
        <v>0</v>
      </c>
      <c r="ET32" s="169">
        <v>3</v>
      </c>
      <c r="EU32" s="169">
        <v>0</v>
      </c>
      <c r="EV32" s="169">
        <v>0</v>
      </c>
      <c r="EW32" s="169">
        <v>1</v>
      </c>
      <c r="EX32" s="169">
        <v>0</v>
      </c>
      <c r="EY32" s="170">
        <v>4</v>
      </c>
      <c r="EZ32" s="171">
        <v>4</v>
      </c>
      <c r="FA32" s="168">
        <v>0</v>
      </c>
      <c r="FB32" s="169">
        <v>1</v>
      </c>
      <c r="FC32" s="170">
        <v>1</v>
      </c>
      <c r="FD32" s="439">
        <v>0</v>
      </c>
      <c r="FE32" s="169">
        <v>1</v>
      </c>
      <c r="FF32" s="169">
        <v>0</v>
      </c>
      <c r="FG32" s="169">
        <v>0</v>
      </c>
      <c r="FH32" s="169">
        <v>0</v>
      </c>
      <c r="FI32" s="169">
        <v>0</v>
      </c>
      <c r="FJ32" s="170">
        <v>1</v>
      </c>
      <c r="FK32" s="171">
        <v>2</v>
      </c>
      <c r="FL32" s="168">
        <v>0</v>
      </c>
      <c r="FM32" s="169">
        <v>1</v>
      </c>
      <c r="FN32" s="170">
        <v>1</v>
      </c>
      <c r="FO32" s="439">
        <v>0</v>
      </c>
      <c r="FP32" s="169">
        <v>2</v>
      </c>
      <c r="FQ32" s="169">
        <v>1</v>
      </c>
      <c r="FR32" s="169">
        <v>0</v>
      </c>
      <c r="FS32" s="169">
        <v>1</v>
      </c>
      <c r="FT32" s="169">
        <v>0</v>
      </c>
      <c r="FU32" s="170">
        <v>4</v>
      </c>
      <c r="FV32" s="171">
        <v>5</v>
      </c>
      <c r="FW32" s="168">
        <v>0</v>
      </c>
      <c r="FX32" s="169">
        <v>0</v>
      </c>
      <c r="FY32" s="170">
        <v>0</v>
      </c>
      <c r="FZ32" s="439">
        <v>0</v>
      </c>
      <c r="GA32" s="169">
        <v>0</v>
      </c>
      <c r="GB32" s="169">
        <v>0</v>
      </c>
      <c r="GC32" s="169">
        <v>0</v>
      </c>
      <c r="GD32" s="169">
        <v>0</v>
      </c>
      <c r="GE32" s="169">
        <v>0</v>
      </c>
      <c r="GF32" s="170">
        <v>0</v>
      </c>
      <c r="GG32" s="171">
        <v>0</v>
      </c>
      <c r="GH32" s="168">
        <v>1</v>
      </c>
      <c r="GI32" s="169">
        <v>2</v>
      </c>
      <c r="GJ32" s="170">
        <v>3</v>
      </c>
      <c r="GK32" s="439">
        <v>0</v>
      </c>
      <c r="GL32" s="169">
        <v>6</v>
      </c>
      <c r="GM32" s="169">
        <v>4</v>
      </c>
      <c r="GN32" s="169">
        <v>0</v>
      </c>
      <c r="GO32" s="169">
        <v>2</v>
      </c>
      <c r="GP32" s="169">
        <v>0</v>
      </c>
      <c r="GQ32" s="170">
        <v>12</v>
      </c>
      <c r="GR32" s="171">
        <v>15</v>
      </c>
      <c r="GS32" s="172">
        <v>4</v>
      </c>
      <c r="GT32" s="164">
        <v>5</v>
      </c>
      <c r="GU32" s="165">
        <v>9</v>
      </c>
      <c r="GV32" s="439">
        <v>0</v>
      </c>
      <c r="GW32" s="164">
        <v>10</v>
      </c>
      <c r="GX32" s="164">
        <v>8</v>
      </c>
      <c r="GY32" s="164">
        <v>3</v>
      </c>
      <c r="GZ32" s="164">
        <v>6</v>
      </c>
      <c r="HA32" s="164">
        <v>3</v>
      </c>
      <c r="HB32" s="166">
        <v>30</v>
      </c>
      <c r="HC32" s="167">
        <v>39</v>
      </c>
      <c r="HD32" s="168">
        <v>0</v>
      </c>
      <c r="HE32" s="169">
        <v>0</v>
      </c>
      <c r="HF32" s="170">
        <v>0</v>
      </c>
      <c r="HG32" s="439">
        <v>0</v>
      </c>
      <c r="HH32" s="169">
        <v>0</v>
      </c>
      <c r="HI32" s="169">
        <v>0</v>
      </c>
      <c r="HJ32" s="169">
        <v>1</v>
      </c>
      <c r="HK32" s="169">
        <v>0</v>
      </c>
      <c r="HL32" s="169">
        <v>0</v>
      </c>
      <c r="HM32" s="170">
        <v>1</v>
      </c>
      <c r="HN32" s="171">
        <v>1</v>
      </c>
      <c r="HO32" s="168">
        <v>0</v>
      </c>
      <c r="HP32" s="169">
        <v>0</v>
      </c>
      <c r="HQ32" s="170">
        <v>0</v>
      </c>
      <c r="HR32" s="439">
        <v>0</v>
      </c>
      <c r="HS32" s="169">
        <v>0</v>
      </c>
      <c r="HT32" s="169">
        <v>1</v>
      </c>
      <c r="HU32" s="169">
        <v>0</v>
      </c>
      <c r="HV32" s="169">
        <v>0</v>
      </c>
      <c r="HW32" s="169">
        <v>0</v>
      </c>
      <c r="HX32" s="170">
        <v>1</v>
      </c>
      <c r="HY32" s="171">
        <v>1</v>
      </c>
      <c r="HZ32" s="168">
        <v>1</v>
      </c>
      <c r="IA32" s="169">
        <v>0</v>
      </c>
      <c r="IB32" s="170">
        <v>1</v>
      </c>
      <c r="IC32" s="439">
        <v>0</v>
      </c>
      <c r="ID32" s="169">
        <v>1</v>
      </c>
      <c r="IE32" s="169">
        <v>2</v>
      </c>
      <c r="IF32" s="169">
        <v>0</v>
      </c>
      <c r="IG32" s="169">
        <v>1</v>
      </c>
      <c r="IH32" s="169">
        <v>0</v>
      </c>
      <c r="II32" s="170">
        <v>4</v>
      </c>
      <c r="IJ32" s="171">
        <v>5</v>
      </c>
      <c r="IK32" s="168">
        <v>0</v>
      </c>
      <c r="IL32" s="169">
        <v>2</v>
      </c>
      <c r="IM32" s="170">
        <v>2</v>
      </c>
      <c r="IN32" s="439">
        <v>0</v>
      </c>
      <c r="IO32" s="169">
        <v>5</v>
      </c>
      <c r="IP32" s="169">
        <v>0</v>
      </c>
      <c r="IQ32" s="169">
        <v>0</v>
      </c>
      <c r="IR32" s="169">
        <v>3</v>
      </c>
      <c r="IS32" s="169">
        <v>0</v>
      </c>
      <c r="IT32" s="170">
        <v>8</v>
      </c>
      <c r="IU32" s="171">
        <v>10</v>
      </c>
      <c r="IV32" s="168">
        <v>3</v>
      </c>
      <c r="IW32" s="169">
        <v>1</v>
      </c>
      <c r="IX32" s="170">
        <v>4</v>
      </c>
      <c r="IY32" s="439">
        <v>0</v>
      </c>
      <c r="IZ32" s="169">
        <v>2</v>
      </c>
      <c r="JA32" s="169">
        <v>0</v>
      </c>
      <c r="JB32" s="169">
        <v>2</v>
      </c>
      <c r="JC32" s="169">
        <v>0</v>
      </c>
      <c r="JD32" s="169">
        <v>0</v>
      </c>
      <c r="JE32" s="170">
        <v>4</v>
      </c>
      <c r="JF32" s="171">
        <v>8</v>
      </c>
      <c r="JG32" s="168">
        <v>0</v>
      </c>
      <c r="JH32" s="169">
        <v>2</v>
      </c>
      <c r="JI32" s="170">
        <v>2</v>
      </c>
      <c r="JJ32" s="439">
        <v>0</v>
      </c>
      <c r="JK32" s="169">
        <v>2</v>
      </c>
      <c r="JL32" s="169">
        <v>5</v>
      </c>
      <c r="JM32" s="169">
        <v>0</v>
      </c>
      <c r="JN32" s="169">
        <v>2</v>
      </c>
      <c r="JO32" s="169">
        <v>3</v>
      </c>
      <c r="JP32" s="170">
        <v>12</v>
      </c>
      <c r="JQ32" s="171">
        <v>14</v>
      </c>
      <c r="JR32" s="168">
        <v>0</v>
      </c>
      <c r="JS32" s="169">
        <v>0</v>
      </c>
      <c r="JT32" s="170">
        <v>0</v>
      </c>
      <c r="JU32" s="439">
        <v>0</v>
      </c>
      <c r="JV32" s="169">
        <v>0</v>
      </c>
      <c r="JW32" s="169">
        <v>0</v>
      </c>
      <c r="JX32" s="169">
        <v>0</v>
      </c>
      <c r="JY32" s="169">
        <v>0</v>
      </c>
      <c r="JZ32" s="169">
        <v>0</v>
      </c>
      <c r="KA32" s="170">
        <v>0</v>
      </c>
      <c r="KB32" s="171">
        <v>0</v>
      </c>
      <c r="KC32" s="168">
        <v>4</v>
      </c>
      <c r="KD32" s="169">
        <v>5</v>
      </c>
      <c r="KE32" s="170">
        <v>9</v>
      </c>
      <c r="KF32" s="439">
        <v>0</v>
      </c>
      <c r="KG32" s="169">
        <v>10</v>
      </c>
      <c r="KH32" s="169">
        <v>8</v>
      </c>
      <c r="KI32" s="169">
        <v>3</v>
      </c>
      <c r="KJ32" s="169">
        <v>6</v>
      </c>
      <c r="KK32" s="169">
        <v>3</v>
      </c>
      <c r="KL32" s="170">
        <v>30</v>
      </c>
      <c r="KM32" s="171">
        <v>39</v>
      </c>
    </row>
    <row r="33" spans="2:299" s="137" customFormat="1" ht="21" customHeight="1" x14ac:dyDescent="0.2">
      <c r="B33" s="173" t="s">
        <v>30</v>
      </c>
      <c r="C33" s="163">
        <v>2</v>
      </c>
      <c r="D33" s="164">
        <v>1</v>
      </c>
      <c r="E33" s="165">
        <v>3</v>
      </c>
      <c r="F33" s="439">
        <v>0</v>
      </c>
      <c r="G33" s="164">
        <v>5</v>
      </c>
      <c r="H33" s="164">
        <v>3</v>
      </c>
      <c r="I33" s="164">
        <v>4</v>
      </c>
      <c r="J33" s="164">
        <v>3</v>
      </c>
      <c r="K33" s="164">
        <v>2</v>
      </c>
      <c r="L33" s="166">
        <v>17</v>
      </c>
      <c r="M33" s="167">
        <v>20</v>
      </c>
      <c r="N33" s="168">
        <v>0</v>
      </c>
      <c r="O33" s="169">
        <v>0</v>
      </c>
      <c r="P33" s="170">
        <v>0</v>
      </c>
      <c r="Q33" s="439">
        <v>0</v>
      </c>
      <c r="R33" s="169">
        <v>0</v>
      </c>
      <c r="S33" s="169">
        <v>0</v>
      </c>
      <c r="T33" s="169">
        <v>0</v>
      </c>
      <c r="U33" s="169">
        <v>1</v>
      </c>
      <c r="V33" s="169">
        <v>0</v>
      </c>
      <c r="W33" s="170">
        <v>1</v>
      </c>
      <c r="X33" s="171">
        <v>1</v>
      </c>
      <c r="Y33" s="168">
        <v>0</v>
      </c>
      <c r="Z33" s="169">
        <v>0</v>
      </c>
      <c r="AA33" s="170">
        <v>0</v>
      </c>
      <c r="AB33" s="439">
        <v>0</v>
      </c>
      <c r="AC33" s="169">
        <v>0</v>
      </c>
      <c r="AD33" s="169">
        <v>0</v>
      </c>
      <c r="AE33" s="169">
        <v>1</v>
      </c>
      <c r="AF33" s="169">
        <v>0</v>
      </c>
      <c r="AG33" s="169">
        <v>0</v>
      </c>
      <c r="AH33" s="170">
        <v>1</v>
      </c>
      <c r="AI33" s="171">
        <v>1</v>
      </c>
      <c r="AJ33" s="168">
        <v>0</v>
      </c>
      <c r="AK33" s="169">
        <v>0</v>
      </c>
      <c r="AL33" s="170">
        <v>0</v>
      </c>
      <c r="AM33" s="439">
        <v>0</v>
      </c>
      <c r="AN33" s="169">
        <v>1</v>
      </c>
      <c r="AO33" s="169">
        <v>0</v>
      </c>
      <c r="AP33" s="169">
        <v>0</v>
      </c>
      <c r="AQ33" s="169">
        <v>0</v>
      </c>
      <c r="AR33" s="169">
        <v>0</v>
      </c>
      <c r="AS33" s="170">
        <v>1</v>
      </c>
      <c r="AT33" s="171">
        <v>1</v>
      </c>
      <c r="AU33" s="168">
        <v>0</v>
      </c>
      <c r="AV33" s="169">
        <v>0</v>
      </c>
      <c r="AW33" s="170">
        <v>0</v>
      </c>
      <c r="AX33" s="439">
        <v>0</v>
      </c>
      <c r="AY33" s="169">
        <v>3</v>
      </c>
      <c r="AZ33" s="169">
        <v>1</v>
      </c>
      <c r="BA33" s="169">
        <v>0</v>
      </c>
      <c r="BB33" s="169">
        <v>0</v>
      </c>
      <c r="BC33" s="169">
        <v>0</v>
      </c>
      <c r="BD33" s="170">
        <v>4</v>
      </c>
      <c r="BE33" s="171">
        <v>4</v>
      </c>
      <c r="BF33" s="168">
        <v>0</v>
      </c>
      <c r="BG33" s="169">
        <v>0</v>
      </c>
      <c r="BH33" s="170">
        <v>0</v>
      </c>
      <c r="BI33" s="439">
        <v>0</v>
      </c>
      <c r="BJ33" s="169">
        <v>0</v>
      </c>
      <c r="BK33" s="169">
        <v>1</v>
      </c>
      <c r="BL33" s="169">
        <v>3</v>
      </c>
      <c r="BM33" s="169">
        <v>0</v>
      </c>
      <c r="BN33" s="169">
        <v>1</v>
      </c>
      <c r="BO33" s="170">
        <v>5</v>
      </c>
      <c r="BP33" s="171">
        <v>5</v>
      </c>
      <c r="BQ33" s="168">
        <v>2</v>
      </c>
      <c r="BR33" s="169">
        <v>1</v>
      </c>
      <c r="BS33" s="170">
        <v>3</v>
      </c>
      <c r="BT33" s="439">
        <v>0</v>
      </c>
      <c r="BU33" s="169">
        <v>1</v>
      </c>
      <c r="BV33" s="169">
        <v>1</v>
      </c>
      <c r="BW33" s="169">
        <v>0</v>
      </c>
      <c r="BX33" s="169">
        <v>2</v>
      </c>
      <c r="BY33" s="169">
        <v>1</v>
      </c>
      <c r="BZ33" s="170">
        <v>5</v>
      </c>
      <c r="CA33" s="171">
        <v>8</v>
      </c>
      <c r="CB33" s="168">
        <v>0</v>
      </c>
      <c r="CC33" s="169">
        <v>0</v>
      </c>
      <c r="CD33" s="170">
        <v>0</v>
      </c>
      <c r="CE33" s="439">
        <v>0</v>
      </c>
      <c r="CF33" s="169">
        <v>0</v>
      </c>
      <c r="CG33" s="169">
        <v>0</v>
      </c>
      <c r="CH33" s="169">
        <v>0</v>
      </c>
      <c r="CI33" s="169">
        <v>0</v>
      </c>
      <c r="CJ33" s="169">
        <v>0</v>
      </c>
      <c r="CK33" s="170">
        <v>0</v>
      </c>
      <c r="CL33" s="171">
        <v>0</v>
      </c>
      <c r="CM33" s="168">
        <v>2</v>
      </c>
      <c r="CN33" s="169">
        <v>1</v>
      </c>
      <c r="CO33" s="170">
        <v>3</v>
      </c>
      <c r="CP33" s="439">
        <v>0</v>
      </c>
      <c r="CQ33" s="169">
        <v>5</v>
      </c>
      <c r="CR33" s="169">
        <v>3</v>
      </c>
      <c r="CS33" s="169">
        <v>4</v>
      </c>
      <c r="CT33" s="169">
        <v>3</v>
      </c>
      <c r="CU33" s="169">
        <v>2</v>
      </c>
      <c r="CV33" s="170">
        <v>17</v>
      </c>
      <c r="CW33" s="171">
        <v>20</v>
      </c>
      <c r="CX33" s="172">
        <v>0</v>
      </c>
      <c r="CY33" s="164">
        <v>2</v>
      </c>
      <c r="CZ33" s="165">
        <v>2</v>
      </c>
      <c r="DA33" s="439">
        <v>0</v>
      </c>
      <c r="DB33" s="164">
        <v>2</v>
      </c>
      <c r="DC33" s="164">
        <v>1</v>
      </c>
      <c r="DD33" s="164">
        <v>2</v>
      </c>
      <c r="DE33" s="164">
        <v>0</v>
      </c>
      <c r="DF33" s="164">
        <v>0</v>
      </c>
      <c r="DG33" s="166">
        <v>5</v>
      </c>
      <c r="DH33" s="167">
        <v>7</v>
      </c>
      <c r="DI33" s="168">
        <v>0</v>
      </c>
      <c r="DJ33" s="169">
        <v>0</v>
      </c>
      <c r="DK33" s="170">
        <v>0</v>
      </c>
      <c r="DL33" s="439">
        <v>0</v>
      </c>
      <c r="DM33" s="169">
        <v>0</v>
      </c>
      <c r="DN33" s="169">
        <v>0</v>
      </c>
      <c r="DO33" s="169">
        <v>0</v>
      </c>
      <c r="DP33" s="169">
        <v>0</v>
      </c>
      <c r="DQ33" s="169">
        <v>0</v>
      </c>
      <c r="DR33" s="170">
        <v>0</v>
      </c>
      <c r="DS33" s="171">
        <v>0</v>
      </c>
      <c r="DT33" s="168">
        <v>0</v>
      </c>
      <c r="DU33" s="169">
        <v>0</v>
      </c>
      <c r="DV33" s="170">
        <v>0</v>
      </c>
      <c r="DW33" s="439">
        <v>0</v>
      </c>
      <c r="DX33" s="169">
        <v>0</v>
      </c>
      <c r="DY33" s="169">
        <v>0</v>
      </c>
      <c r="DZ33" s="169">
        <v>1</v>
      </c>
      <c r="EA33" s="169">
        <v>0</v>
      </c>
      <c r="EB33" s="169">
        <v>0</v>
      </c>
      <c r="EC33" s="170">
        <v>1</v>
      </c>
      <c r="ED33" s="171">
        <v>1</v>
      </c>
      <c r="EE33" s="168">
        <v>0</v>
      </c>
      <c r="EF33" s="169">
        <v>0</v>
      </c>
      <c r="EG33" s="170">
        <v>0</v>
      </c>
      <c r="EH33" s="439">
        <v>0</v>
      </c>
      <c r="EI33" s="169">
        <v>0</v>
      </c>
      <c r="EJ33" s="169">
        <v>0</v>
      </c>
      <c r="EK33" s="169">
        <v>0</v>
      </c>
      <c r="EL33" s="169">
        <v>0</v>
      </c>
      <c r="EM33" s="169">
        <v>0</v>
      </c>
      <c r="EN33" s="170">
        <v>0</v>
      </c>
      <c r="EO33" s="171">
        <v>0</v>
      </c>
      <c r="EP33" s="168">
        <v>0</v>
      </c>
      <c r="EQ33" s="169">
        <v>1</v>
      </c>
      <c r="ER33" s="170">
        <v>1</v>
      </c>
      <c r="ES33" s="439">
        <v>0</v>
      </c>
      <c r="ET33" s="169">
        <v>0</v>
      </c>
      <c r="EU33" s="169">
        <v>0</v>
      </c>
      <c r="EV33" s="169">
        <v>0</v>
      </c>
      <c r="EW33" s="169">
        <v>0</v>
      </c>
      <c r="EX33" s="169">
        <v>0</v>
      </c>
      <c r="EY33" s="170">
        <v>0</v>
      </c>
      <c r="EZ33" s="171">
        <v>1</v>
      </c>
      <c r="FA33" s="168">
        <v>0</v>
      </c>
      <c r="FB33" s="169">
        <v>0</v>
      </c>
      <c r="FC33" s="170">
        <v>0</v>
      </c>
      <c r="FD33" s="439">
        <v>0</v>
      </c>
      <c r="FE33" s="169">
        <v>2</v>
      </c>
      <c r="FF33" s="169">
        <v>0</v>
      </c>
      <c r="FG33" s="169">
        <v>0</v>
      </c>
      <c r="FH33" s="169">
        <v>0</v>
      </c>
      <c r="FI33" s="169">
        <v>0</v>
      </c>
      <c r="FJ33" s="170">
        <v>2</v>
      </c>
      <c r="FK33" s="171">
        <v>2</v>
      </c>
      <c r="FL33" s="168">
        <v>0</v>
      </c>
      <c r="FM33" s="169">
        <v>1</v>
      </c>
      <c r="FN33" s="170">
        <v>1</v>
      </c>
      <c r="FO33" s="439">
        <v>0</v>
      </c>
      <c r="FP33" s="169">
        <v>0</v>
      </c>
      <c r="FQ33" s="169">
        <v>1</v>
      </c>
      <c r="FR33" s="169">
        <v>1</v>
      </c>
      <c r="FS33" s="169">
        <v>0</v>
      </c>
      <c r="FT33" s="169">
        <v>0</v>
      </c>
      <c r="FU33" s="170">
        <v>2</v>
      </c>
      <c r="FV33" s="171">
        <v>3</v>
      </c>
      <c r="FW33" s="168">
        <v>0</v>
      </c>
      <c r="FX33" s="169">
        <v>0</v>
      </c>
      <c r="FY33" s="170">
        <v>0</v>
      </c>
      <c r="FZ33" s="439">
        <v>0</v>
      </c>
      <c r="GA33" s="169">
        <v>0</v>
      </c>
      <c r="GB33" s="169">
        <v>0</v>
      </c>
      <c r="GC33" s="169">
        <v>0</v>
      </c>
      <c r="GD33" s="169">
        <v>0</v>
      </c>
      <c r="GE33" s="169">
        <v>0</v>
      </c>
      <c r="GF33" s="170">
        <v>0</v>
      </c>
      <c r="GG33" s="171">
        <v>0</v>
      </c>
      <c r="GH33" s="168">
        <v>0</v>
      </c>
      <c r="GI33" s="169">
        <v>2</v>
      </c>
      <c r="GJ33" s="170">
        <v>2</v>
      </c>
      <c r="GK33" s="439">
        <v>0</v>
      </c>
      <c r="GL33" s="169">
        <v>2</v>
      </c>
      <c r="GM33" s="169">
        <v>1</v>
      </c>
      <c r="GN33" s="169">
        <v>2</v>
      </c>
      <c r="GO33" s="169">
        <v>0</v>
      </c>
      <c r="GP33" s="169">
        <v>0</v>
      </c>
      <c r="GQ33" s="170">
        <v>5</v>
      </c>
      <c r="GR33" s="171">
        <v>7</v>
      </c>
      <c r="GS33" s="172">
        <v>2</v>
      </c>
      <c r="GT33" s="164">
        <v>3</v>
      </c>
      <c r="GU33" s="165">
        <v>5</v>
      </c>
      <c r="GV33" s="439">
        <v>0</v>
      </c>
      <c r="GW33" s="164">
        <v>7</v>
      </c>
      <c r="GX33" s="164">
        <v>4</v>
      </c>
      <c r="GY33" s="164">
        <v>6</v>
      </c>
      <c r="GZ33" s="164">
        <v>3</v>
      </c>
      <c r="HA33" s="164">
        <v>2</v>
      </c>
      <c r="HB33" s="166">
        <v>22</v>
      </c>
      <c r="HC33" s="167">
        <v>27</v>
      </c>
      <c r="HD33" s="168">
        <v>0</v>
      </c>
      <c r="HE33" s="169">
        <v>0</v>
      </c>
      <c r="HF33" s="170">
        <v>0</v>
      </c>
      <c r="HG33" s="439">
        <v>0</v>
      </c>
      <c r="HH33" s="169">
        <v>0</v>
      </c>
      <c r="HI33" s="169">
        <v>0</v>
      </c>
      <c r="HJ33" s="169">
        <v>0</v>
      </c>
      <c r="HK33" s="169">
        <v>1</v>
      </c>
      <c r="HL33" s="169">
        <v>0</v>
      </c>
      <c r="HM33" s="170">
        <v>1</v>
      </c>
      <c r="HN33" s="171">
        <v>1</v>
      </c>
      <c r="HO33" s="168">
        <v>0</v>
      </c>
      <c r="HP33" s="169">
        <v>0</v>
      </c>
      <c r="HQ33" s="170">
        <v>0</v>
      </c>
      <c r="HR33" s="439">
        <v>0</v>
      </c>
      <c r="HS33" s="169">
        <v>0</v>
      </c>
      <c r="HT33" s="169">
        <v>0</v>
      </c>
      <c r="HU33" s="169">
        <v>2</v>
      </c>
      <c r="HV33" s="169">
        <v>0</v>
      </c>
      <c r="HW33" s="169">
        <v>0</v>
      </c>
      <c r="HX33" s="170">
        <v>2</v>
      </c>
      <c r="HY33" s="171">
        <v>2</v>
      </c>
      <c r="HZ33" s="168">
        <v>0</v>
      </c>
      <c r="IA33" s="169">
        <v>0</v>
      </c>
      <c r="IB33" s="170">
        <v>0</v>
      </c>
      <c r="IC33" s="439">
        <v>0</v>
      </c>
      <c r="ID33" s="169">
        <v>1</v>
      </c>
      <c r="IE33" s="169">
        <v>0</v>
      </c>
      <c r="IF33" s="169">
        <v>0</v>
      </c>
      <c r="IG33" s="169">
        <v>0</v>
      </c>
      <c r="IH33" s="169">
        <v>0</v>
      </c>
      <c r="II33" s="170">
        <v>1</v>
      </c>
      <c r="IJ33" s="171">
        <v>1</v>
      </c>
      <c r="IK33" s="168">
        <v>0</v>
      </c>
      <c r="IL33" s="169">
        <v>1</v>
      </c>
      <c r="IM33" s="170">
        <v>1</v>
      </c>
      <c r="IN33" s="439">
        <v>0</v>
      </c>
      <c r="IO33" s="169">
        <v>3</v>
      </c>
      <c r="IP33" s="169">
        <v>1</v>
      </c>
      <c r="IQ33" s="169">
        <v>0</v>
      </c>
      <c r="IR33" s="169">
        <v>0</v>
      </c>
      <c r="IS33" s="169">
        <v>0</v>
      </c>
      <c r="IT33" s="170">
        <v>4</v>
      </c>
      <c r="IU33" s="171">
        <v>5</v>
      </c>
      <c r="IV33" s="168">
        <v>0</v>
      </c>
      <c r="IW33" s="169">
        <v>0</v>
      </c>
      <c r="IX33" s="170">
        <v>0</v>
      </c>
      <c r="IY33" s="439">
        <v>0</v>
      </c>
      <c r="IZ33" s="169">
        <v>2</v>
      </c>
      <c r="JA33" s="169">
        <v>1</v>
      </c>
      <c r="JB33" s="169">
        <v>3</v>
      </c>
      <c r="JC33" s="169">
        <v>0</v>
      </c>
      <c r="JD33" s="169">
        <v>1</v>
      </c>
      <c r="JE33" s="170">
        <v>7</v>
      </c>
      <c r="JF33" s="171">
        <v>7</v>
      </c>
      <c r="JG33" s="168">
        <v>2</v>
      </c>
      <c r="JH33" s="169">
        <v>2</v>
      </c>
      <c r="JI33" s="170">
        <v>4</v>
      </c>
      <c r="JJ33" s="439">
        <v>0</v>
      </c>
      <c r="JK33" s="169">
        <v>1</v>
      </c>
      <c r="JL33" s="169">
        <v>2</v>
      </c>
      <c r="JM33" s="169">
        <v>1</v>
      </c>
      <c r="JN33" s="169">
        <v>2</v>
      </c>
      <c r="JO33" s="169">
        <v>1</v>
      </c>
      <c r="JP33" s="170">
        <v>7</v>
      </c>
      <c r="JQ33" s="171">
        <v>11</v>
      </c>
      <c r="JR33" s="168">
        <v>0</v>
      </c>
      <c r="JS33" s="169">
        <v>0</v>
      </c>
      <c r="JT33" s="170">
        <v>0</v>
      </c>
      <c r="JU33" s="439">
        <v>0</v>
      </c>
      <c r="JV33" s="169">
        <v>0</v>
      </c>
      <c r="JW33" s="169">
        <v>0</v>
      </c>
      <c r="JX33" s="169">
        <v>0</v>
      </c>
      <c r="JY33" s="169">
        <v>0</v>
      </c>
      <c r="JZ33" s="169">
        <v>0</v>
      </c>
      <c r="KA33" s="170">
        <v>0</v>
      </c>
      <c r="KB33" s="171">
        <v>0</v>
      </c>
      <c r="KC33" s="168">
        <v>2</v>
      </c>
      <c r="KD33" s="169">
        <v>3</v>
      </c>
      <c r="KE33" s="170">
        <v>5</v>
      </c>
      <c r="KF33" s="439">
        <v>0</v>
      </c>
      <c r="KG33" s="169">
        <v>7</v>
      </c>
      <c r="KH33" s="169">
        <v>4</v>
      </c>
      <c r="KI33" s="169">
        <v>6</v>
      </c>
      <c r="KJ33" s="169">
        <v>3</v>
      </c>
      <c r="KK33" s="169">
        <v>2</v>
      </c>
      <c r="KL33" s="170">
        <v>22</v>
      </c>
      <c r="KM33" s="171">
        <v>27</v>
      </c>
    </row>
    <row r="34" spans="2:299" s="137" customFormat="1" ht="21" customHeight="1" x14ac:dyDescent="0.2">
      <c r="B34" s="173" t="s">
        <v>31</v>
      </c>
      <c r="C34" s="163">
        <v>3</v>
      </c>
      <c r="D34" s="164">
        <v>5</v>
      </c>
      <c r="E34" s="165">
        <v>8</v>
      </c>
      <c r="F34" s="439">
        <v>0</v>
      </c>
      <c r="G34" s="164">
        <v>7</v>
      </c>
      <c r="H34" s="164">
        <v>4</v>
      </c>
      <c r="I34" s="164">
        <v>9</v>
      </c>
      <c r="J34" s="164">
        <v>1</v>
      </c>
      <c r="K34" s="164">
        <v>5</v>
      </c>
      <c r="L34" s="166">
        <v>26</v>
      </c>
      <c r="M34" s="167">
        <v>34</v>
      </c>
      <c r="N34" s="168">
        <v>0</v>
      </c>
      <c r="O34" s="169">
        <v>0</v>
      </c>
      <c r="P34" s="170">
        <v>0</v>
      </c>
      <c r="Q34" s="439">
        <v>0</v>
      </c>
      <c r="R34" s="169">
        <v>0</v>
      </c>
      <c r="S34" s="169">
        <v>1</v>
      </c>
      <c r="T34" s="169">
        <v>0</v>
      </c>
      <c r="U34" s="169">
        <v>0</v>
      </c>
      <c r="V34" s="169">
        <v>1</v>
      </c>
      <c r="W34" s="170">
        <v>2</v>
      </c>
      <c r="X34" s="171">
        <v>2</v>
      </c>
      <c r="Y34" s="168">
        <v>1</v>
      </c>
      <c r="Z34" s="169">
        <v>0</v>
      </c>
      <c r="AA34" s="170">
        <v>1</v>
      </c>
      <c r="AB34" s="439">
        <v>0</v>
      </c>
      <c r="AC34" s="169">
        <v>2</v>
      </c>
      <c r="AD34" s="169">
        <v>0</v>
      </c>
      <c r="AE34" s="169">
        <v>3</v>
      </c>
      <c r="AF34" s="169">
        <v>1</v>
      </c>
      <c r="AG34" s="169">
        <v>2</v>
      </c>
      <c r="AH34" s="170">
        <v>8</v>
      </c>
      <c r="AI34" s="171">
        <v>9</v>
      </c>
      <c r="AJ34" s="168">
        <v>0</v>
      </c>
      <c r="AK34" s="169">
        <v>1</v>
      </c>
      <c r="AL34" s="170">
        <v>1</v>
      </c>
      <c r="AM34" s="439">
        <v>0</v>
      </c>
      <c r="AN34" s="169">
        <v>1</v>
      </c>
      <c r="AO34" s="169">
        <v>1</v>
      </c>
      <c r="AP34" s="169">
        <v>1</v>
      </c>
      <c r="AQ34" s="169">
        <v>0</v>
      </c>
      <c r="AR34" s="169">
        <v>0</v>
      </c>
      <c r="AS34" s="170">
        <v>3</v>
      </c>
      <c r="AT34" s="171">
        <v>4</v>
      </c>
      <c r="AU34" s="168">
        <v>1</v>
      </c>
      <c r="AV34" s="169">
        <v>1</v>
      </c>
      <c r="AW34" s="170">
        <v>2</v>
      </c>
      <c r="AX34" s="439">
        <v>0</v>
      </c>
      <c r="AY34" s="169">
        <v>0</v>
      </c>
      <c r="AZ34" s="169">
        <v>0</v>
      </c>
      <c r="BA34" s="169">
        <v>0</v>
      </c>
      <c r="BB34" s="169">
        <v>0</v>
      </c>
      <c r="BC34" s="169">
        <v>0</v>
      </c>
      <c r="BD34" s="170">
        <v>0</v>
      </c>
      <c r="BE34" s="171">
        <v>2</v>
      </c>
      <c r="BF34" s="168">
        <v>0</v>
      </c>
      <c r="BG34" s="169">
        <v>2</v>
      </c>
      <c r="BH34" s="170">
        <v>2</v>
      </c>
      <c r="BI34" s="439">
        <v>0</v>
      </c>
      <c r="BJ34" s="169">
        <v>2</v>
      </c>
      <c r="BK34" s="169">
        <v>0</v>
      </c>
      <c r="BL34" s="169">
        <v>2</v>
      </c>
      <c r="BM34" s="169">
        <v>0</v>
      </c>
      <c r="BN34" s="169">
        <v>1</v>
      </c>
      <c r="BO34" s="170">
        <v>5</v>
      </c>
      <c r="BP34" s="171">
        <v>7</v>
      </c>
      <c r="BQ34" s="168">
        <v>1</v>
      </c>
      <c r="BR34" s="169">
        <v>1</v>
      </c>
      <c r="BS34" s="170">
        <v>2</v>
      </c>
      <c r="BT34" s="439">
        <v>0</v>
      </c>
      <c r="BU34" s="169">
        <v>2</v>
      </c>
      <c r="BV34" s="169">
        <v>2</v>
      </c>
      <c r="BW34" s="169">
        <v>3</v>
      </c>
      <c r="BX34" s="169">
        <v>0</v>
      </c>
      <c r="BY34" s="169">
        <v>1</v>
      </c>
      <c r="BZ34" s="170">
        <v>8</v>
      </c>
      <c r="CA34" s="171">
        <v>10</v>
      </c>
      <c r="CB34" s="168">
        <v>0</v>
      </c>
      <c r="CC34" s="169">
        <v>0</v>
      </c>
      <c r="CD34" s="170">
        <v>0</v>
      </c>
      <c r="CE34" s="439">
        <v>0</v>
      </c>
      <c r="CF34" s="169">
        <v>0</v>
      </c>
      <c r="CG34" s="169">
        <v>0</v>
      </c>
      <c r="CH34" s="169">
        <v>0</v>
      </c>
      <c r="CI34" s="169">
        <v>0</v>
      </c>
      <c r="CJ34" s="169">
        <v>0</v>
      </c>
      <c r="CK34" s="170">
        <v>0</v>
      </c>
      <c r="CL34" s="171">
        <v>0</v>
      </c>
      <c r="CM34" s="168">
        <v>3</v>
      </c>
      <c r="CN34" s="169">
        <v>5</v>
      </c>
      <c r="CO34" s="170">
        <v>8</v>
      </c>
      <c r="CP34" s="439">
        <v>0</v>
      </c>
      <c r="CQ34" s="169">
        <v>7</v>
      </c>
      <c r="CR34" s="169">
        <v>4</v>
      </c>
      <c r="CS34" s="169">
        <v>9</v>
      </c>
      <c r="CT34" s="169">
        <v>1</v>
      </c>
      <c r="CU34" s="169">
        <v>5</v>
      </c>
      <c r="CV34" s="170">
        <v>26</v>
      </c>
      <c r="CW34" s="171">
        <v>34</v>
      </c>
      <c r="CX34" s="172">
        <v>1</v>
      </c>
      <c r="CY34" s="164">
        <v>1</v>
      </c>
      <c r="CZ34" s="165">
        <v>2</v>
      </c>
      <c r="DA34" s="439">
        <v>0</v>
      </c>
      <c r="DB34" s="164">
        <v>1</v>
      </c>
      <c r="DC34" s="164">
        <v>1</v>
      </c>
      <c r="DD34" s="164">
        <v>2</v>
      </c>
      <c r="DE34" s="164">
        <v>1</v>
      </c>
      <c r="DF34" s="164">
        <v>0</v>
      </c>
      <c r="DG34" s="166">
        <v>5</v>
      </c>
      <c r="DH34" s="167">
        <v>7</v>
      </c>
      <c r="DI34" s="168">
        <v>0</v>
      </c>
      <c r="DJ34" s="169">
        <v>0</v>
      </c>
      <c r="DK34" s="170">
        <v>0</v>
      </c>
      <c r="DL34" s="439">
        <v>0</v>
      </c>
      <c r="DM34" s="169">
        <v>0</v>
      </c>
      <c r="DN34" s="169">
        <v>0</v>
      </c>
      <c r="DO34" s="169">
        <v>0</v>
      </c>
      <c r="DP34" s="169">
        <v>0</v>
      </c>
      <c r="DQ34" s="169">
        <v>0</v>
      </c>
      <c r="DR34" s="170">
        <v>0</v>
      </c>
      <c r="DS34" s="171">
        <v>0</v>
      </c>
      <c r="DT34" s="168">
        <v>0</v>
      </c>
      <c r="DU34" s="169">
        <v>0</v>
      </c>
      <c r="DV34" s="170">
        <v>0</v>
      </c>
      <c r="DW34" s="439">
        <v>0</v>
      </c>
      <c r="DX34" s="169">
        <v>0</v>
      </c>
      <c r="DY34" s="169">
        <v>0</v>
      </c>
      <c r="DZ34" s="169">
        <v>0</v>
      </c>
      <c r="EA34" s="169">
        <v>0</v>
      </c>
      <c r="EB34" s="169">
        <v>0</v>
      </c>
      <c r="EC34" s="170">
        <v>0</v>
      </c>
      <c r="ED34" s="171">
        <v>0</v>
      </c>
      <c r="EE34" s="168">
        <v>0</v>
      </c>
      <c r="EF34" s="169">
        <v>0</v>
      </c>
      <c r="EG34" s="170">
        <v>0</v>
      </c>
      <c r="EH34" s="439">
        <v>0</v>
      </c>
      <c r="EI34" s="169">
        <v>0</v>
      </c>
      <c r="EJ34" s="169">
        <v>0</v>
      </c>
      <c r="EK34" s="169">
        <v>0</v>
      </c>
      <c r="EL34" s="169">
        <v>1</v>
      </c>
      <c r="EM34" s="169">
        <v>0</v>
      </c>
      <c r="EN34" s="170">
        <v>1</v>
      </c>
      <c r="EO34" s="171">
        <v>1</v>
      </c>
      <c r="EP34" s="168">
        <v>0</v>
      </c>
      <c r="EQ34" s="169">
        <v>0</v>
      </c>
      <c r="ER34" s="170">
        <v>0</v>
      </c>
      <c r="ES34" s="439">
        <v>0</v>
      </c>
      <c r="ET34" s="169">
        <v>1</v>
      </c>
      <c r="EU34" s="169">
        <v>0</v>
      </c>
      <c r="EV34" s="169">
        <v>1</v>
      </c>
      <c r="EW34" s="169">
        <v>0</v>
      </c>
      <c r="EX34" s="169">
        <v>0</v>
      </c>
      <c r="EY34" s="170">
        <v>2</v>
      </c>
      <c r="EZ34" s="171">
        <v>2</v>
      </c>
      <c r="FA34" s="168">
        <v>1</v>
      </c>
      <c r="FB34" s="169">
        <v>1</v>
      </c>
      <c r="FC34" s="170">
        <v>2</v>
      </c>
      <c r="FD34" s="439">
        <v>0</v>
      </c>
      <c r="FE34" s="169">
        <v>0</v>
      </c>
      <c r="FF34" s="169">
        <v>0</v>
      </c>
      <c r="FG34" s="169">
        <v>0</v>
      </c>
      <c r="FH34" s="169">
        <v>0</v>
      </c>
      <c r="FI34" s="169">
        <v>0</v>
      </c>
      <c r="FJ34" s="170">
        <v>0</v>
      </c>
      <c r="FK34" s="171">
        <v>2</v>
      </c>
      <c r="FL34" s="168">
        <v>0</v>
      </c>
      <c r="FM34" s="169">
        <v>0</v>
      </c>
      <c r="FN34" s="170">
        <v>0</v>
      </c>
      <c r="FO34" s="439">
        <v>0</v>
      </c>
      <c r="FP34" s="169">
        <v>0</v>
      </c>
      <c r="FQ34" s="169">
        <v>1</v>
      </c>
      <c r="FR34" s="169">
        <v>1</v>
      </c>
      <c r="FS34" s="169">
        <v>0</v>
      </c>
      <c r="FT34" s="169">
        <v>0</v>
      </c>
      <c r="FU34" s="170">
        <v>2</v>
      </c>
      <c r="FV34" s="171">
        <v>2</v>
      </c>
      <c r="FW34" s="168">
        <v>0</v>
      </c>
      <c r="FX34" s="169">
        <v>0</v>
      </c>
      <c r="FY34" s="170">
        <v>0</v>
      </c>
      <c r="FZ34" s="439">
        <v>0</v>
      </c>
      <c r="GA34" s="169">
        <v>0</v>
      </c>
      <c r="GB34" s="169">
        <v>0</v>
      </c>
      <c r="GC34" s="169">
        <v>0</v>
      </c>
      <c r="GD34" s="169">
        <v>0</v>
      </c>
      <c r="GE34" s="169">
        <v>0</v>
      </c>
      <c r="GF34" s="170">
        <v>0</v>
      </c>
      <c r="GG34" s="171">
        <v>0</v>
      </c>
      <c r="GH34" s="168">
        <v>1</v>
      </c>
      <c r="GI34" s="169">
        <v>1</v>
      </c>
      <c r="GJ34" s="170">
        <v>2</v>
      </c>
      <c r="GK34" s="439">
        <v>0</v>
      </c>
      <c r="GL34" s="169">
        <v>1</v>
      </c>
      <c r="GM34" s="169">
        <v>1</v>
      </c>
      <c r="GN34" s="169">
        <v>2</v>
      </c>
      <c r="GO34" s="169">
        <v>1</v>
      </c>
      <c r="GP34" s="169">
        <v>0</v>
      </c>
      <c r="GQ34" s="170">
        <v>5</v>
      </c>
      <c r="GR34" s="171">
        <v>7</v>
      </c>
      <c r="GS34" s="172">
        <v>4</v>
      </c>
      <c r="GT34" s="164">
        <v>6</v>
      </c>
      <c r="GU34" s="165">
        <v>10</v>
      </c>
      <c r="GV34" s="439">
        <v>0</v>
      </c>
      <c r="GW34" s="164">
        <v>8</v>
      </c>
      <c r="GX34" s="164">
        <v>5</v>
      </c>
      <c r="GY34" s="164">
        <v>11</v>
      </c>
      <c r="GZ34" s="164">
        <v>2</v>
      </c>
      <c r="HA34" s="164">
        <v>5</v>
      </c>
      <c r="HB34" s="166">
        <v>31</v>
      </c>
      <c r="HC34" s="167">
        <v>41</v>
      </c>
      <c r="HD34" s="168">
        <v>0</v>
      </c>
      <c r="HE34" s="169">
        <v>0</v>
      </c>
      <c r="HF34" s="170">
        <v>0</v>
      </c>
      <c r="HG34" s="439">
        <v>0</v>
      </c>
      <c r="HH34" s="169">
        <v>0</v>
      </c>
      <c r="HI34" s="169">
        <v>1</v>
      </c>
      <c r="HJ34" s="169">
        <v>0</v>
      </c>
      <c r="HK34" s="169">
        <v>0</v>
      </c>
      <c r="HL34" s="169">
        <v>1</v>
      </c>
      <c r="HM34" s="170">
        <v>2</v>
      </c>
      <c r="HN34" s="171">
        <v>2</v>
      </c>
      <c r="HO34" s="168">
        <v>1</v>
      </c>
      <c r="HP34" s="169">
        <v>0</v>
      </c>
      <c r="HQ34" s="170">
        <v>1</v>
      </c>
      <c r="HR34" s="439">
        <v>0</v>
      </c>
      <c r="HS34" s="169">
        <v>2</v>
      </c>
      <c r="HT34" s="169">
        <v>0</v>
      </c>
      <c r="HU34" s="169">
        <v>3</v>
      </c>
      <c r="HV34" s="169">
        <v>1</v>
      </c>
      <c r="HW34" s="169">
        <v>2</v>
      </c>
      <c r="HX34" s="170">
        <v>8</v>
      </c>
      <c r="HY34" s="171">
        <v>9</v>
      </c>
      <c r="HZ34" s="168">
        <v>0</v>
      </c>
      <c r="IA34" s="169">
        <v>1</v>
      </c>
      <c r="IB34" s="170">
        <v>1</v>
      </c>
      <c r="IC34" s="439">
        <v>0</v>
      </c>
      <c r="ID34" s="169">
        <v>1</v>
      </c>
      <c r="IE34" s="169">
        <v>1</v>
      </c>
      <c r="IF34" s="169">
        <v>1</v>
      </c>
      <c r="IG34" s="169">
        <v>1</v>
      </c>
      <c r="IH34" s="169">
        <v>0</v>
      </c>
      <c r="II34" s="170">
        <v>4</v>
      </c>
      <c r="IJ34" s="171">
        <v>5</v>
      </c>
      <c r="IK34" s="168">
        <v>1</v>
      </c>
      <c r="IL34" s="169">
        <v>1</v>
      </c>
      <c r="IM34" s="170">
        <v>2</v>
      </c>
      <c r="IN34" s="439">
        <v>0</v>
      </c>
      <c r="IO34" s="169">
        <v>1</v>
      </c>
      <c r="IP34" s="169">
        <v>0</v>
      </c>
      <c r="IQ34" s="169">
        <v>1</v>
      </c>
      <c r="IR34" s="169">
        <v>0</v>
      </c>
      <c r="IS34" s="169">
        <v>0</v>
      </c>
      <c r="IT34" s="170">
        <v>2</v>
      </c>
      <c r="IU34" s="171">
        <v>4</v>
      </c>
      <c r="IV34" s="168">
        <v>1</v>
      </c>
      <c r="IW34" s="169">
        <v>3</v>
      </c>
      <c r="IX34" s="170">
        <v>4</v>
      </c>
      <c r="IY34" s="439">
        <v>0</v>
      </c>
      <c r="IZ34" s="169">
        <v>2</v>
      </c>
      <c r="JA34" s="169">
        <v>0</v>
      </c>
      <c r="JB34" s="169">
        <v>2</v>
      </c>
      <c r="JC34" s="169">
        <v>0</v>
      </c>
      <c r="JD34" s="169">
        <v>1</v>
      </c>
      <c r="JE34" s="170">
        <v>5</v>
      </c>
      <c r="JF34" s="171">
        <v>9</v>
      </c>
      <c r="JG34" s="168">
        <v>1</v>
      </c>
      <c r="JH34" s="169">
        <v>1</v>
      </c>
      <c r="JI34" s="170">
        <v>2</v>
      </c>
      <c r="JJ34" s="439">
        <v>0</v>
      </c>
      <c r="JK34" s="169">
        <v>2</v>
      </c>
      <c r="JL34" s="169">
        <v>3</v>
      </c>
      <c r="JM34" s="169">
        <v>4</v>
      </c>
      <c r="JN34" s="169">
        <v>0</v>
      </c>
      <c r="JO34" s="169">
        <v>1</v>
      </c>
      <c r="JP34" s="170">
        <v>10</v>
      </c>
      <c r="JQ34" s="171">
        <v>12</v>
      </c>
      <c r="JR34" s="168">
        <v>0</v>
      </c>
      <c r="JS34" s="169">
        <v>0</v>
      </c>
      <c r="JT34" s="170">
        <v>0</v>
      </c>
      <c r="JU34" s="439">
        <v>0</v>
      </c>
      <c r="JV34" s="169">
        <v>0</v>
      </c>
      <c r="JW34" s="169">
        <v>0</v>
      </c>
      <c r="JX34" s="169">
        <v>0</v>
      </c>
      <c r="JY34" s="169">
        <v>0</v>
      </c>
      <c r="JZ34" s="169">
        <v>0</v>
      </c>
      <c r="KA34" s="170">
        <v>0</v>
      </c>
      <c r="KB34" s="171">
        <v>0</v>
      </c>
      <c r="KC34" s="168">
        <v>4</v>
      </c>
      <c r="KD34" s="169">
        <v>6</v>
      </c>
      <c r="KE34" s="170">
        <v>10</v>
      </c>
      <c r="KF34" s="439">
        <v>0</v>
      </c>
      <c r="KG34" s="169">
        <v>8</v>
      </c>
      <c r="KH34" s="169">
        <v>5</v>
      </c>
      <c r="KI34" s="169">
        <v>11</v>
      </c>
      <c r="KJ34" s="169">
        <v>2</v>
      </c>
      <c r="KK34" s="169">
        <v>5</v>
      </c>
      <c r="KL34" s="170">
        <v>31</v>
      </c>
      <c r="KM34" s="171">
        <v>41</v>
      </c>
    </row>
    <row r="35" spans="2:299" s="137" customFormat="1" ht="21" customHeight="1" x14ac:dyDescent="0.2">
      <c r="B35" s="173" t="s">
        <v>32</v>
      </c>
      <c r="C35" s="163">
        <v>3</v>
      </c>
      <c r="D35" s="164">
        <v>4</v>
      </c>
      <c r="E35" s="165">
        <v>7</v>
      </c>
      <c r="F35" s="439">
        <v>0</v>
      </c>
      <c r="G35" s="164">
        <v>11</v>
      </c>
      <c r="H35" s="164">
        <v>4</v>
      </c>
      <c r="I35" s="164">
        <v>4</v>
      </c>
      <c r="J35" s="164">
        <v>4</v>
      </c>
      <c r="K35" s="164">
        <v>5</v>
      </c>
      <c r="L35" s="166">
        <v>28</v>
      </c>
      <c r="M35" s="167">
        <v>35</v>
      </c>
      <c r="N35" s="168">
        <v>0</v>
      </c>
      <c r="O35" s="169">
        <v>0</v>
      </c>
      <c r="P35" s="170">
        <v>0</v>
      </c>
      <c r="Q35" s="439">
        <v>0</v>
      </c>
      <c r="R35" s="169">
        <v>0</v>
      </c>
      <c r="S35" s="169">
        <v>0</v>
      </c>
      <c r="T35" s="169">
        <v>0</v>
      </c>
      <c r="U35" s="169">
        <v>0</v>
      </c>
      <c r="V35" s="169">
        <v>0</v>
      </c>
      <c r="W35" s="170">
        <v>0</v>
      </c>
      <c r="X35" s="171">
        <v>0</v>
      </c>
      <c r="Y35" s="168">
        <v>0</v>
      </c>
      <c r="Z35" s="169">
        <v>0</v>
      </c>
      <c r="AA35" s="170">
        <v>0</v>
      </c>
      <c r="AB35" s="439">
        <v>0</v>
      </c>
      <c r="AC35" s="169">
        <v>0</v>
      </c>
      <c r="AD35" s="169">
        <v>1</v>
      </c>
      <c r="AE35" s="169">
        <v>0</v>
      </c>
      <c r="AF35" s="169">
        <v>1</v>
      </c>
      <c r="AG35" s="169">
        <v>2</v>
      </c>
      <c r="AH35" s="170">
        <v>4</v>
      </c>
      <c r="AI35" s="171">
        <v>4</v>
      </c>
      <c r="AJ35" s="168">
        <v>2</v>
      </c>
      <c r="AK35" s="169">
        <v>0</v>
      </c>
      <c r="AL35" s="170">
        <v>2</v>
      </c>
      <c r="AM35" s="439">
        <v>0</v>
      </c>
      <c r="AN35" s="169">
        <v>1</v>
      </c>
      <c r="AO35" s="169">
        <v>0</v>
      </c>
      <c r="AP35" s="169">
        <v>0</v>
      </c>
      <c r="AQ35" s="169">
        <v>1</v>
      </c>
      <c r="AR35" s="169">
        <v>2</v>
      </c>
      <c r="AS35" s="170">
        <v>4</v>
      </c>
      <c r="AT35" s="171">
        <v>6</v>
      </c>
      <c r="AU35" s="168">
        <v>1</v>
      </c>
      <c r="AV35" s="169">
        <v>2</v>
      </c>
      <c r="AW35" s="170">
        <v>3</v>
      </c>
      <c r="AX35" s="439">
        <v>0</v>
      </c>
      <c r="AY35" s="169">
        <v>6</v>
      </c>
      <c r="AZ35" s="169">
        <v>0</v>
      </c>
      <c r="BA35" s="169">
        <v>0</v>
      </c>
      <c r="BB35" s="169">
        <v>0</v>
      </c>
      <c r="BC35" s="169">
        <v>1</v>
      </c>
      <c r="BD35" s="170">
        <v>7</v>
      </c>
      <c r="BE35" s="171">
        <v>10</v>
      </c>
      <c r="BF35" s="168">
        <v>0</v>
      </c>
      <c r="BG35" s="169">
        <v>1</v>
      </c>
      <c r="BH35" s="170">
        <v>1</v>
      </c>
      <c r="BI35" s="439">
        <v>0</v>
      </c>
      <c r="BJ35" s="169">
        <v>2</v>
      </c>
      <c r="BK35" s="169">
        <v>1</v>
      </c>
      <c r="BL35" s="169">
        <v>3</v>
      </c>
      <c r="BM35" s="169">
        <v>1</v>
      </c>
      <c r="BN35" s="169">
        <v>0</v>
      </c>
      <c r="BO35" s="170">
        <v>7</v>
      </c>
      <c r="BP35" s="171">
        <v>8</v>
      </c>
      <c r="BQ35" s="168">
        <v>0</v>
      </c>
      <c r="BR35" s="169">
        <v>1</v>
      </c>
      <c r="BS35" s="170">
        <v>1</v>
      </c>
      <c r="BT35" s="439">
        <v>0</v>
      </c>
      <c r="BU35" s="169">
        <v>2</v>
      </c>
      <c r="BV35" s="169">
        <v>2</v>
      </c>
      <c r="BW35" s="169">
        <v>1</v>
      </c>
      <c r="BX35" s="169">
        <v>1</v>
      </c>
      <c r="BY35" s="169">
        <v>0</v>
      </c>
      <c r="BZ35" s="170">
        <v>6</v>
      </c>
      <c r="CA35" s="171">
        <v>7</v>
      </c>
      <c r="CB35" s="168">
        <v>0</v>
      </c>
      <c r="CC35" s="169">
        <v>0</v>
      </c>
      <c r="CD35" s="170">
        <v>0</v>
      </c>
      <c r="CE35" s="439">
        <v>0</v>
      </c>
      <c r="CF35" s="169">
        <v>0</v>
      </c>
      <c r="CG35" s="169">
        <v>0</v>
      </c>
      <c r="CH35" s="169">
        <v>0</v>
      </c>
      <c r="CI35" s="169">
        <v>0</v>
      </c>
      <c r="CJ35" s="169">
        <v>0</v>
      </c>
      <c r="CK35" s="170">
        <v>0</v>
      </c>
      <c r="CL35" s="171">
        <v>0</v>
      </c>
      <c r="CM35" s="168">
        <v>3</v>
      </c>
      <c r="CN35" s="169">
        <v>4</v>
      </c>
      <c r="CO35" s="170">
        <v>7</v>
      </c>
      <c r="CP35" s="439">
        <v>0</v>
      </c>
      <c r="CQ35" s="169">
        <v>11</v>
      </c>
      <c r="CR35" s="169">
        <v>4</v>
      </c>
      <c r="CS35" s="169">
        <v>4</v>
      </c>
      <c r="CT35" s="169">
        <v>4</v>
      </c>
      <c r="CU35" s="169">
        <v>5</v>
      </c>
      <c r="CV35" s="170">
        <v>28</v>
      </c>
      <c r="CW35" s="171">
        <v>35</v>
      </c>
      <c r="CX35" s="172">
        <v>2</v>
      </c>
      <c r="CY35" s="164">
        <v>0</v>
      </c>
      <c r="CZ35" s="165">
        <v>2</v>
      </c>
      <c r="DA35" s="439">
        <v>0</v>
      </c>
      <c r="DB35" s="164">
        <v>3</v>
      </c>
      <c r="DC35" s="164">
        <v>3</v>
      </c>
      <c r="DD35" s="164">
        <v>1</v>
      </c>
      <c r="DE35" s="164">
        <v>2</v>
      </c>
      <c r="DF35" s="164">
        <v>1</v>
      </c>
      <c r="DG35" s="166">
        <v>10</v>
      </c>
      <c r="DH35" s="167">
        <v>12</v>
      </c>
      <c r="DI35" s="168">
        <v>0</v>
      </c>
      <c r="DJ35" s="169">
        <v>0</v>
      </c>
      <c r="DK35" s="170">
        <v>0</v>
      </c>
      <c r="DL35" s="439">
        <v>0</v>
      </c>
      <c r="DM35" s="169">
        <v>0</v>
      </c>
      <c r="DN35" s="169">
        <v>0</v>
      </c>
      <c r="DO35" s="169">
        <v>0</v>
      </c>
      <c r="DP35" s="169">
        <v>0</v>
      </c>
      <c r="DQ35" s="169">
        <v>0</v>
      </c>
      <c r="DR35" s="170">
        <v>0</v>
      </c>
      <c r="DS35" s="171">
        <v>0</v>
      </c>
      <c r="DT35" s="168">
        <v>0</v>
      </c>
      <c r="DU35" s="169">
        <v>0</v>
      </c>
      <c r="DV35" s="170">
        <v>0</v>
      </c>
      <c r="DW35" s="439">
        <v>0</v>
      </c>
      <c r="DX35" s="169">
        <v>1</v>
      </c>
      <c r="DY35" s="169">
        <v>0</v>
      </c>
      <c r="DZ35" s="169">
        <v>0</v>
      </c>
      <c r="EA35" s="169">
        <v>0</v>
      </c>
      <c r="EB35" s="169">
        <v>0</v>
      </c>
      <c r="EC35" s="170">
        <v>1</v>
      </c>
      <c r="ED35" s="171">
        <v>1</v>
      </c>
      <c r="EE35" s="168">
        <v>0</v>
      </c>
      <c r="EF35" s="169">
        <v>0</v>
      </c>
      <c r="EG35" s="170">
        <v>0</v>
      </c>
      <c r="EH35" s="439">
        <v>0</v>
      </c>
      <c r="EI35" s="169">
        <v>0</v>
      </c>
      <c r="EJ35" s="169">
        <v>0</v>
      </c>
      <c r="EK35" s="169">
        <v>1</v>
      </c>
      <c r="EL35" s="169">
        <v>0</v>
      </c>
      <c r="EM35" s="169">
        <v>0</v>
      </c>
      <c r="EN35" s="170">
        <v>1</v>
      </c>
      <c r="EO35" s="171">
        <v>1</v>
      </c>
      <c r="EP35" s="168">
        <v>1</v>
      </c>
      <c r="EQ35" s="169">
        <v>0</v>
      </c>
      <c r="ER35" s="170">
        <v>1</v>
      </c>
      <c r="ES35" s="439">
        <v>0</v>
      </c>
      <c r="ET35" s="169">
        <v>0</v>
      </c>
      <c r="EU35" s="169">
        <v>0</v>
      </c>
      <c r="EV35" s="169">
        <v>0</v>
      </c>
      <c r="EW35" s="169">
        <v>1</v>
      </c>
      <c r="EX35" s="169">
        <v>0</v>
      </c>
      <c r="EY35" s="170">
        <v>1</v>
      </c>
      <c r="EZ35" s="171">
        <v>2</v>
      </c>
      <c r="FA35" s="168">
        <v>1</v>
      </c>
      <c r="FB35" s="169">
        <v>0</v>
      </c>
      <c r="FC35" s="170">
        <v>1</v>
      </c>
      <c r="FD35" s="439">
        <v>0</v>
      </c>
      <c r="FE35" s="169">
        <v>0</v>
      </c>
      <c r="FF35" s="169">
        <v>1</v>
      </c>
      <c r="FG35" s="169">
        <v>0</v>
      </c>
      <c r="FH35" s="169">
        <v>0</v>
      </c>
      <c r="FI35" s="169">
        <v>0</v>
      </c>
      <c r="FJ35" s="170">
        <v>1</v>
      </c>
      <c r="FK35" s="171">
        <v>2</v>
      </c>
      <c r="FL35" s="168">
        <v>0</v>
      </c>
      <c r="FM35" s="169">
        <v>0</v>
      </c>
      <c r="FN35" s="170">
        <v>0</v>
      </c>
      <c r="FO35" s="439">
        <v>0</v>
      </c>
      <c r="FP35" s="169">
        <v>2</v>
      </c>
      <c r="FQ35" s="169">
        <v>2</v>
      </c>
      <c r="FR35" s="169">
        <v>0</v>
      </c>
      <c r="FS35" s="169">
        <v>1</v>
      </c>
      <c r="FT35" s="169">
        <v>1</v>
      </c>
      <c r="FU35" s="170">
        <v>6</v>
      </c>
      <c r="FV35" s="171">
        <v>6</v>
      </c>
      <c r="FW35" s="168">
        <v>0</v>
      </c>
      <c r="FX35" s="169">
        <v>0</v>
      </c>
      <c r="FY35" s="170">
        <v>0</v>
      </c>
      <c r="FZ35" s="439">
        <v>0</v>
      </c>
      <c r="GA35" s="169">
        <v>0</v>
      </c>
      <c r="GB35" s="169">
        <v>0</v>
      </c>
      <c r="GC35" s="169">
        <v>0</v>
      </c>
      <c r="GD35" s="169">
        <v>0</v>
      </c>
      <c r="GE35" s="169">
        <v>0</v>
      </c>
      <c r="GF35" s="170">
        <v>0</v>
      </c>
      <c r="GG35" s="171">
        <v>0</v>
      </c>
      <c r="GH35" s="168">
        <v>2</v>
      </c>
      <c r="GI35" s="169">
        <v>0</v>
      </c>
      <c r="GJ35" s="170">
        <v>2</v>
      </c>
      <c r="GK35" s="439">
        <v>0</v>
      </c>
      <c r="GL35" s="169">
        <v>3</v>
      </c>
      <c r="GM35" s="169">
        <v>3</v>
      </c>
      <c r="GN35" s="169">
        <v>1</v>
      </c>
      <c r="GO35" s="169">
        <v>2</v>
      </c>
      <c r="GP35" s="169">
        <v>1</v>
      </c>
      <c r="GQ35" s="170">
        <v>10</v>
      </c>
      <c r="GR35" s="171">
        <v>12</v>
      </c>
      <c r="GS35" s="172">
        <v>5</v>
      </c>
      <c r="GT35" s="164">
        <v>4</v>
      </c>
      <c r="GU35" s="165">
        <v>9</v>
      </c>
      <c r="GV35" s="439">
        <v>0</v>
      </c>
      <c r="GW35" s="164">
        <v>14</v>
      </c>
      <c r="GX35" s="164">
        <v>7</v>
      </c>
      <c r="GY35" s="164">
        <v>5</v>
      </c>
      <c r="GZ35" s="164">
        <v>6</v>
      </c>
      <c r="HA35" s="164">
        <v>6</v>
      </c>
      <c r="HB35" s="166">
        <v>38</v>
      </c>
      <c r="HC35" s="167">
        <v>47</v>
      </c>
      <c r="HD35" s="168">
        <v>0</v>
      </c>
      <c r="HE35" s="169">
        <v>0</v>
      </c>
      <c r="HF35" s="170">
        <v>0</v>
      </c>
      <c r="HG35" s="439">
        <v>0</v>
      </c>
      <c r="HH35" s="169">
        <v>0</v>
      </c>
      <c r="HI35" s="169">
        <v>0</v>
      </c>
      <c r="HJ35" s="169">
        <v>0</v>
      </c>
      <c r="HK35" s="169">
        <v>0</v>
      </c>
      <c r="HL35" s="169">
        <v>0</v>
      </c>
      <c r="HM35" s="170">
        <v>0</v>
      </c>
      <c r="HN35" s="171">
        <v>0</v>
      </c>
      <c r="HO35" s="168">
        <v>0</v>
      </c>
      <c r="HP35" s="169">
        <v>0</v>
      </c>
      <c r="HQ35" s="170">
        <v>0</v>
      </c>
      <c r="HR35" s="439">
        <v>0</v>
      </c>
      <c r="HS35" s="169">
        <v>1</v>
      </c>
      <c r="HT35" s="169">
        <v>1</v>
      </c>
      <c r="HU35" s="169">
        <v>0</v>
      </c>
      <c r="HV35" s="169">
        <v>1</v>
      </c>
      <c r="HW35" s="169">
        <v>2</v>
      </c>
      <c r="HX35" s="170">
        <v>5</v>
      </c>
      <c r="HY35" s="171">
        <v>5</v>
      </c>
      <c r="HZ35" s="168">
        <v>2</v>
      </c>
      <c r="IA35" s="169">
        <v>0</v>
      </c>
      <c r="IB35" s="170">
        <v>2</v>
      </c>
      <c r="IC35" s="439">
        <v>0</v>
      </c>
      <c r="ID35" s="169">
        <v>1</v>
      </c>
      <c r="IE35" s="169">
        <v>0</v>
      </c>
      <c r="IF35" s="169">
        <v>1</v>
      </c>
      <c r="IG35" s="169">
        <v>1</v>
      </c>
      <c r="IH35" s="169">
        <v>2</v>
      </c>
      <c r="II35" s="170">
        <v>5</v>
      </c>
      <c r="IJ35" s="171">
        <v>7</v>
      </c>
      <c r="IK35" s="168">
        <v>2</v>
      </c>
      <c r="IL35" s="169">
        <v>2</v>
      </c>
      <c r="IM35" s="170">
        <v>4</v>
      </c>
      <c r="IN35" s="439">
        <v>0</v>
      </c>
      <c r="IO35" s="169">
        <v>6</v>
      </c>
      <c r="IP35" s="169">
        <v>0</v>
      </c>
      <c r="IQ35" s="169">
        <v>0</v>
      </c>
      <c r="IR35" s="169">
        <v>1</v>
      </c>
      <c r="IS35" s="169">
        <v>1</v>
      </c>
      <c r="IT35" s="170">
        <v>8</v>
      </c>
      <c r="IU35" s="171">
        <v>12</v>
      </c>
      <c r="IV35" s="168">
        <v>1</v>
      </c>
      <c r="IW35" s="169">
        <v>1</v>
      </c>
      <c r="IX35" s="170">
        <v>2</v>
      </c>
      <c r="IY35" s="439">
        <v>0</v>
      </c>
      <c r="IZ35" s="169">
        <v>2</v>
      </c>
      <c r="JA35" s="169">
        <v>2</v>
      </c>
      <c r="JB35" s="169">
        <v>3</v>
      </c>
      <c r="JC35" s="169">
        <v>1</v>
      </c>
      <c r="JD35" s="169">
        <v>0</v>
      </c>
      <c r="JE35" s="170">
        <v>8</v>
      </c>
      <c r="JF35" s="171">
        <v>10</v>
      </c>
      <c r="JG35" s="168">
        <v>0</v>
      </c>
      <c r="JH35" s="169">
        <v>1</v>
      </c>
      <c r="JI35" s="170">
        <v>1</v>
      </c>
      <c r="JJ35" s="439">
        <v>0</v>
      </c>
      <c r="JK35" s="169">
        <v>4</v>
      </c>
      <c r="JL35" s="169">
        <v>4</v>
      </c>
      <c r="JM35" s="169">
        <v>1</v>
      </c>
      <c r="JN35" s="169">
        <v>2</v>
      </c>
      <c r="JO35" s="169">
        <v>1</v>
      </c>
      <c r="JP35" s="170">
        <v>12</v>
      </c>
      <c r="JQ35" s="171">
        <v>13</v>
      </c>
      <c r="JR35" s="168">
        <v>0</v>
      </c>
      <c r="JS35" s="169">
        <v>0</v>
      </c>
      <c r="JT35" s="170">
        <v>0</v>
      </c>
      <c r="JU35" s="439">
        <v>0</v>
      </c>
      <c r="JV35" s="169">
        <v>0</v>
      </c>
      <c r="JW35" s="169">
        <v>0</v>
      </c>
      <c r="JX35" s="169">
        <v>0</v>
      </c>
      <c r="JY35" s="169">
        <v>0</v>
      </c>
      <c r="JZ35" s="169">
        <v>0</v>
      </c>
      <c r="KA35" s="170">
        <v>0</v>
      </c>
      <c r="KB35" s="171">
        <v>0</v>
      </c>
      <c r="KC35" s="168">
        <v>5</v>
      </c>
      <c r="KD35" s="169">
        <v>4</v>
      </c>
      <c r="KE35" s="170">
        <v>9</v>
      </c>
      <c r="KF35" s="439">
        <v>0</v>
      </c>
      <c r="KG35" s="169">
        <v>14</v>
      </c>
      <c r="KH35" s="169">
        <v>7</v>
      </c>
      <c r="KI35" s="169">
        <v>5</v>
      </c>
      <c r="KJ35" s="169">
        <v>6</v>
      </c>
      <c r="KK35" s="169">
        <v>6</v>
      </c>
      <c r="KL35" s="170">
        <v>38</v>
      </c>
      <c r="KM35" s="171">
        <v>47</v>
      </c>
    </row>
    <row r="36" spans="2:299" s="137" customFormat="1" ht="21" customHeight="1" x14ac:dyDescent="0.2">
      <c r="B36" s="173" t="s">
        <v>33</v>
      </c>
      <c r="C36" s="163">
        <v>1</v>
      </c>
      <c r="D36" s="164">
        <v>3</v>
      </c>
      <c r="E36" s="165">
        <v>4</v>
      </c>
      <c r="F36" s="439">
        <v>0</v>
      </c>
      <c r="G36" s="164">
        <v>9</v>
      </c>
      <c r="H36" s="164">
        <v>3</v>
      </c>
      <c r="I36" s="164">
        <v>3</v>
      </c>
      <c r="J36" s="164">
        <v>2</v>
      </c>
      <c r="K36" s="164">
        <v>4</v>
      </c>
      <c r="L36" s="166">
        <v>21</v>
      </c>
      <c r="M36" s="167">
        <v>25</v>
      </c>
      <c r="N36" s="168">
        <v>0</v>
      </c>
      <c r="O36" s="169">
        <v>0</v>
      </c>
      <c r="P36" s="170">
        <v>0</v>
      </c>
      <c r="Q36" s="439">
        <v>0</v>
      </c>
      <c r="R36" s="169">
        <v>2</v>
      </c>
      <c r="S36" s="169">
        <v>0</v>
      </c>
      <c r="T36" s="169">
        <v>0</v>
      </c>
      <c r="U36" s="169">
        <v>1</v>
      </c>
      <c r="V36" s="169">
        <v>0</v>
      </c>
      <c r="W36" s="170">
        <v>3</v>
      </c>
      <c r="X36" s="171">
        <v>3</v>
      </c>
      <c r="Y36" s="168">
        <v>0</v>
      </c>
      <c r="Z36" s="169">
        <v>0</v>
      </c>
      <c r="AA36" s="170">
        <v>0</v>
      </c>
      <c r="AB36" s="439">
        <v>0</v>
      </c>
      <c r="AC36" s="169">
        <v>1</v>
      </c>
      <c r="AD36" s="169">
        <v>0</v>
      </c>
      <c r="AE36" s="169">
        <v>1</v>
      </c>
      <c r="AF36" s="169">
        <v>0</v>
      </c>
      <c r="AG36" s="169">
        <v>1</v>
      </c>
      <c r="AH36" s="170">
        <v>3</v>
      </c>
      <c r="AI36" s="171">
        <v>3</v>
      </c>
      <c r="AJ36" s="168">
        <v>0</v>
      </c>
      <c r="AK36" s="169">
        <v>0</v>
      </c>
      <c r="AL36" s="170">
        <v>0</v>
      </c>
      <c r="AM36" s="439">
        <v>0</v>
      </c>
      <c r="AN36" s="169">
        <v>2</v>
      </c>
      <c r="AO36" s="169">
        <v>1</v>
      </c>
      <c r="AP36" s="169">
        <v>1</v>
      </c>
      <c r="AQ36" s="169">
        <v>0</v>
      </c>
      <c r="AR36" s="169">
        <v>1</v>
      </c>
      <c r="AS36" s="170">
        <v>5</v>
      </c>
      <c r="AT36" s="171">
        <v>5</v>
      </c>
      <c r="AU36" s="168">
        <v>1</v>
      </c>
      <c r="AV36" s="169">
        <v>2</v>
      </c>
      <c r="AW36" s="170">
        <v>3</v>
      </c>
      <c r="AX36" s="439">
        <v>0</v>
      </c>
      <c r="AY36" s="169">
        <v>0</v>
      </c>
      <c r="AZ36" s="169">
        <v>1</v>
      </c>
      <c r="BA36" s="169">
        <v>0</v>
      </c>
      <c r="BB36" s="169">
        <v>0</v>
      </c>
      <c r="BC36" s="169">
        <v>1</v>
      </c>
      <c r="BD36" s="170">
        <v>2</v>
      </c>
      <c r="BE36" s="171">
        <v>5</v>
      </c>
      <c r="BF36" s="168">
        <v>0</v>
      </c>
      <c r="BG36" s="169">
        <v>1</v>
      </c>
      <c r="BH36" s="170">
        <v>1</v>
      </c>
      <c r="BI36" s="439">
        <v>0</v>
      </c>
      <c r="BJ36" s="169">
        <v>1</v>
      </c>
      <c r="BK36" s="169">
        <v>1</v>
      </c>
      <c r="BL36" s="169">
        <v>0</v>
      </c>
      <c r="BM36" s="169">
        <v>0</v>
      </c>
      <c r="BN36" s="169">
        <v>1</v>
      </c>
      <c r="BO36" s="170">
        <v>3</v>
      </c>
      <c r="BP36" s="171">
        <v>4</v>
      </c>
      <c r="BQ36" s="168">
        <v>0</v>
      </c>
      <c r="BR36" s="169">
        <v>0</v>
      </c>
      <c r="BS36" s="170">
        <v>0</v>
      </c>
      <c r="BT36" s="439">
        <v>0</v>
      </c>
      <c r="BU36" s="169">
        <v>3</v>
      </c>
      <c r="BV36" s="169">
        <v>0</v>
      </c>
      <c r="BW36" s="169">
        <v>1</v>
      </c>
      <c r="BX36" s="169">
        <v>1</v>
      </c>
      <c r="BY36" s="169">
        <v>0</v>
      </c>
      <c r="BZ36" s="170">
        <v>5</v>
      </c>
      <c r="CA36" s="171">
        <v>5</v>
      </c>
      <c r="CB36" s="168">
        <v>0</v>
      </c>
      <c r="CC36" s="169">
        <v>0</v>
      </c>
      <c r="CD36" s="170">
        <v>0</v>
      </c>
      <c r="CE36" s="439">
        <v>0</v>
      </c>
      <c r="CF36" s="169">
        <v>0</v>
      </c>
      <c r="CG36" s="169">
        <v>0</v>
      </c>
      <c r="CH36" s="169">
        <v>0</v>
      </c>
      <c r="CI36" s="169">
        <v>0</v>
      </c>
      <c r="CJ36" s="169">
        <v>0</v>
      </c>
      <c r="CK36" s="170">
        <v>0</v>
      </c>
      <c r="CL36" s="171">
        <v>0</v>
      </c>
      <c r="CM36" s="168">
        <v>1</v>
      </c>
      <c r="CN36" s="169">
        <v>3</v>
      </c>
      <c r="CO36" s="170">
        <v>4</v>
      </c>
      <c r="CP36" s="439">
        <v>0</v>
      </c>
      <c r="CQ36" s="169">
        <v>9</v>
      </c>
      <c r="CR36" s="169">
        <v>3</v>
      </c>
      <c r="CS36" s="169">
        <v>3</v>
      </c>
      <c r="CT36" s="169">
        <v>2</v>
      </c>
      <c r="CU36" s="169">
        <v>4</v>
      </c>
      <c r="CV36" s="170">
        <v>21</v>
      </c>
      <c r="CW36" s="171">
        <v>25</v>
      </c>
      <c r="CX36" s="172">
        <v>0</v>
      </c>
      <c r="CY36" s="164">
        <v>3</v>
      </c>
      <c r="CZ36" s="165">
        <v>3</v>
      </c>
      <c r="DA36" s="439">
        <v>0</v>
      </c>
      <c r="DB36" s="164">
        <v>4</v>
      </c>
      <c r="DC36" s="164">
        <v>1</v>
      </c>
      <c r="DD36" s="164">
        <v>4</v>
      </c>
      <c r="DE36" s="164">
        <v>3</v>
      </c>
      <c r="DF36" s="164">
        <v>3</v>
      </c>
      <c r="DG36" s="166">
        <v>15</v>
      </c>
      <c r="DH36" s="167">
        <v>18</v>
      </c>
      <c r="DI36" s="168">
        <v>0</v>
      </c>
      <c r="DJ36" s="169">
        <v>0</v>
      </c>
      <c r="DK36" s="170">
        <v>0</v>
      </c>
      <c r="DL36" s="439">
        <v>0</v>
      </c>
      <c r="DM36" s="169">
        <v>0</v>
      </c>
      <c r="DN36" s="169">
        <v>0</v>
      </c>
      <c r="DO36" s="169">
        <v>0</v>
      </c>
      <c r="DP36" s="169">
        <v>0</v>
      </c>
      <c r="DQ36" s="169">
        <v>0</v>
      </c>
      <c r="DR36" s="170">
        <v>0</v>
      </c>
      <c r="DS36" s="171">
        <v>0</v>
      </c>
      <c r="DT36" s="168">
        <v>0</v>
      </c>
      <c r="DU36" s="169">
        <v>0</v>
      </c>
      <c r="DV36" s="170">
        <v>0</v>
      </c>
      <c r="DW36" s="439">
        <v>0</v>
      </c>
      <c r="DX36" s="169">
        <v>0</v>
      </c>
      <c r="DY36" s="169">
        <v>0</v>
      </c>
      <c r="DZ36" s="169">
        <v>0</v>
      </c>
      <c r="EA36" s="169">
        <v>0</v>
      </c>
      <c r="EB36" s="169">
        <v>0</v>
      </c>
      <c r="EC36" s="170">
        <v>0</v>
      </c>
      <c r="ED36" s="171">
        <v>0</v>
      </c>
      <c r="EE36" s="168">
        <v>0</v>
      </c>
      <c r="EF36" s="169">
        <v>0</v>
      </c>
      <c r="EG36" s="170">
        <v>0</v>
      </c>
      <c r="EH36" s="439">
        <v>0</v>
      </c>
      <c r="EI36" s="169">
        <v>0</v>
      </c>
      <c r="EJ36" s="169">
        <v>0</v>
      </c>
      <c r="EK36" s="169">
        <v>0</v>
      </c>
      <c r="EL36" s="169">
        <v>0</v>
      </c>
      <c r="EM36" s="169">
        <v>0</v>
      </c>
      <c r="EN36" s="170">
        <v>0</v>
      </c>
      <c r="EO36" s="171">
        <v>0</v>
      </c>
      <c r="EP36" s="168">
        <v>0</v>
      </c>
      <c r="EQ36" s="169">
        <v>2</v>
      </c>
      <c r="ER36" s="170">
        <v>2</v>
      </c>
      <c r="ES36" s="439">
        <v>0</v>
      </c>
      <c r="ET36" s="169">
        <v>0</v>
      </c>
      <c r="EU36" s="169">
        <v>0</v>
      </c>
      <c r="EV36" s="169">
        <v>0</v>
      </c>
      <c r="EW36" s="169">
        <v>0</v>
      </c>
      <c r="EX36" s="169">
        <v>0</v>
      </c>
      <c r="EY36" s="170">
        <v>0</v>
      </c>
      <c r="EZ36" s="171">
        <v>2</v>
      </c>
      <c r="FA36" s="168">
        <v>0</v>
      </c>
      <c r="FB36" s="169">
        <v>0</v>
      </c>
      <c r="FC36" s="170">
        <v>0</v>
      </c>
      <c r="FD36" s="439">
        <v>0</v>
      </c>
      <c r="FE36" s="169">
        <v>1</v>
      </c>
      <c r="FF36" s="169">
        <v>1</v>
      </c>
      <c r="FG36" s="169">
        <v>0</v>
      </c>
      <c r="FH36" s="169">
        <v>0</v>
      </c>
      <c r="FI36" s="169">
        <v>0</v>
      </c>
      <c r="FJ36" s="170">
        <v>2</v>
      </c>
      <c r="FK36" s="171">
        <v>2</v>
      </c>
      <c r="FL36" s="168">
        <v>0</v>
      </c>
      <c r="FM36" s="169">
        <v>1</v>
      </c>
      <c r="FN36" s="170">
        <v>1</v>
      </c>
      <c r="FO36" s="439">
        <v>0</v>
      </c>
      <c r="FP36" s="169">
        <v>3</v>
      </c>
      <c r="FQ36" s="169">
        <v>0</v>
      </c>
      <c r="FR36" s="169">
        <v>4</v>
      </c>
      <c r="FS36" s="169">
        <v>3</v>
      </c>
      <c r="FT36" s="169">
        <v>3</v>
      </c>
      <c r="FU36" s="170">
        <v>13</v>
      </c>
      <c r="FV36" s="171">
        <v>14</v>
      </c>
      <c r="FW36" s="168">
        <v>0</v>
      </c>
      <c r="FX36" s="169">
        <v>0</v>
      </c>
      <c r="FY36" s="170">
        <v>0</v>
      </c>
      <c r="FZ36" s="439">
        <v>0</v>
      </c>
      <c r="GA36" s="169">
        <v>0</v>
      </c>
      <c r="GB36" s="169">
        <v>0</v>
      </c>
      <c r="GC36" s="169">
        <v>0</v>
      </c>
      <c r="GD36" s="169">
        <v>0</v>
      </c>
      <c r="GE36" s="169">
        <v>0</v>
      </c>
      <c r="GF36" s="170">
        <v>0</v>
      </c>
      <c r="GG36" s="171">
        <v>0</v>
      </c>
      <c r="GH36" s="168">
        <v>0</v>
      </c>
      <c r="GI36" s="169">
        <v>3</v>
      </c>
      <c r="GJ36" s="170">
        <v>3</v>
      </c>
      <c r="GK36" s="439">
        <v>0</v>
      </c>
      <c r="GL36" s="169">
        <v>4</v>
      </c>
      <c r="GM36" s="169">
        <v>1</v>
      </c>
      <c r="GN36" s="169">
        <v>4</v>
      </c>
      <c r="GO36" s="169">
        <v>3</v>
      </c>
      <c r="GP36" s="169">
        <v>3</v>
      </c>
      <c r="GQ36" s="170">
        <v>15</v>
      </c>
      <c r="GR36" s="171">
        <v>18</v>
      </c>
      <c r="GS36" s="172">
        <v>1</v>
      </c>
      <c r="GT36" s="164">
        <v>6</v>
      </c>
      <c r="GU36" s="165">
        <v>7</v>
      </c>
      <c r="GV36" s="439">
        <v>0</v>
      </c>
      <c r="GW36" s="164">
        <v>13</v>
      </c>
      <c r="GX36" s="164">
        <v>4</v>
      </c>
      <c r="GY36" s="164">
        <v>7</v>
      </c>
      <c r="GZ36" s="164">
        <v>5</v>
      </c>
      <c r="HA36" s="164">
        <v>7</v>
      </c>
      <c r="HB36" s="166">
        <v>36</v>
      </c>
      <c r="HC36" s="167">
        <v>43</v>
      </c>
      <c r="HD36" s="168">
        <v>0</v>
      </c>
      <c r="HE36" s="169">
        <v>0</v>
      </c>
      <c r="HF36" s="170">
        <v>0</v>
      </c>
      <c r="HG36" s="439">
        <v>0</v>
      </c>
      <c r="HH36" s="169">
        <v>2</v>
      </c>
      <c r="HI36" s="169">
        <v>0</v>
      </c>
      <c r="HJ36" s="169">
        <v>0</v>
      </c>
      <c r="HK36" s="169">
        <v>1</v>
      </c>
      <c r="HL36" s="169">
        <v>0</v>
      </c>
      <c r="HM36" s="170">
        <v>3</v>
      </c>
      <c r="HN36" s="171">
        <v>3</v>
      </c>
      <c r="HO36" s="168">
        <v>0</v>
      </c>
      <c r="HP36" s="169">
        <v>0</v>
      </c>
      <c r="HQ36" s="170">
        <v>0</v>
      </c>
      <c r="HR36" s="439">
        <v>0</v>
      </c>
      <c r="HS36" s="169">
        <v>1</v>
      </c>
      <c r="HT36" s="169">
        <v>0</v>
      </c>
      <c r="HU36" s="169">
        <v>1</v>
      </c>
      <c r="HV36" s="169">
        <v>0</v>
      </c>
      <c r="HW36" s="169">
        <v>1</v>
      </c>
      <c r="HX36" s="170">
        <v>3</v>
      </c>
      <c r="HY36" s="171">
        <v>3</v>
      </c>
      <c r="HZ36" s="168">
        <v>0</v>
      </c>
      <c r="IA36" s="169">
        <v>0</v>
      </c>
      <c r="IB36" s="170">
        <v>0</v>
      </c>
      <c r="IC36" s="439">
        <v>0</v>
      </c>
      <c r="ID36" s="169">
        <v>2</v>
      </c>
      <c r="IE36" s="169">
        <v>1</v>
      </c>
      <c r="IF36" s="169">
        <v>1</v>
      </c>
      <c r="IG36" s="169">
        <v>0</v>
      </c>
      <c r="IH36" s="169">
        <v>1</v>
      </c>
      <c r="II36" s="170">
        <v>5</v>
      </c>
      <c r="IJ36" s="171">
        <v>5</v>
      </c>
      <c r="IK36" s="168">
        <v>1</v>
      </c>
      <c r="IL36" s="169">
        <v>4</v>
      </c>
      <c r="IM36" s="170">
        <v>5</v>
      </c>
      <c r="IN36" s="439">
        <v>0</v>
      </c>
      <c r="IO36" s="169">
        <v>0</v>
      </c>
      <c r="IP36" s="169">
        <v>1</v>
      </c>
      <c r="IQ36" s="169">
        <v>0</v>
      </c>
      <c r="IR36" s="169">
        <v>0</v>
      </c>
      <c r="IS36" s="169">
        <v>1</v>
      </c>
      <c r="IT36" s="170">
        <v>2</v>
      </c>
      <c r="IU36" s="171">
        <v>7</v>
      </c>
      <c r="IV36" s="168">
        <v>0</v>
      </c>
      <c r="IW36" s="169">
        <v>1</v>
      </c>
      <c r="IX36" s="170">
        <v>1</v>
      </c>
      <c r="IY36" s="439">
        <v>0</v>
      </c>
      <c r="IZ36" s="169">
        <v>2</v>
      </c>
      <c r="JA36" s="169">
        <v>2</v>
      </c>
      <c r="JB36" s="169">
        <v>0</v>
      </c>
      <c r="JC36" s="169">
        <v>0</v>
      </c>
      <c r="JD36" s="169">
        <v>1</v>
      </c>
      <c r="JE36" s="170">
        <v>5</v>
      </c>
      <c r="JF36" s="171">
        <v>6</v>
      </c>
      <c r="JG36" s="168">
        <v>0</v>
      </c>
      <c r="JH36" s="169">
        <v>1</v>
      </c>
      <c r="JI36" s="170">
        <v>1</v>
      </c>
      <c r="JJ36" s="439">
        <v>0</v>
      </c>
      <c r="JK36" s="169">
        <v>6</v>
      </c>
      <c r="JL36" s="169">
        <v>0</v>
      </c>
      <c r="JM36" s="169">
        <v>5</v>
      </c>
      <c r="JN36" s="169">
        <v>4</v>
      </c>
      <c r="JO36" s="169">
        <v>3</v>
      </c>
      <c r="JP36" s="170">
        <v>18</v>
      </c>
      <c r="JQ36" s="171">
        <v>19</v>
      </c>
      <c r="JR36" s="168">
        <v>0</v>
      </c>
      <c r="JS36" s="169">
        <v>0</v>
      </c>
      <c r="JT36" s="170">
        <v>0</v>
      </c>
      <c r="JU36" s="439">
        <v>0</v>
      </c>
      <c r="JV36" s="169">
        <v>0</v>
      </c>
      <c r="JW36" s="169">
        <v>0</v>
      </c>
      <c r="JX36" s="169">
        <v>0</v>
      </c>
      <c r="JY36" s="169">
        <v>0</v>
      </c>
      <c r="JZ36" s="169">
        <v>0</v>
      </c>
      <c r="KA36" s="170">
        <v>0</v>
      </c>
      <c r="KB36" s="171">
        <v>0</v>
      </c>
      <c r="KC36" s="168">
        <v>1</v>
      </c>
      <c r="KD36" s="169">
        <v>6</v>
      </c>
      <c r="KE36" s="170">
        <v>7</v>
      </c>
      <c r="KF36" s="439">
        <v>0</v>
      </c>
      <c r="KG36" s="169">
        <v>13</v>
      </c>
      <c r="KH36" s="169">
        <v>4</v>
      </c>
      <c r="KI36" s="169">
        <v>7</v>
      </c>
      <c r="KJ36" s="169">
        <v>5</v>
      </c>
      <c r="KK36" s="169">
        <v>7</v>
      </c>
      <c r="KL36" s="170">
        <v>36</v>
      </c>
      <c r="KM36" s="171">
        <v>43</v>
      </c>
    </row>
    <row r="37" spans="2:299" s="137" customFormat="1" ht="21" customHeight="1" x14ac:dyDescent="0.2">
      <c r="B37" s="173" t="s">
        <v>34</v>
      </c>
      <c r="C37" s="163">
        <v>2</v>
      </c>
      <c r="D37" s="164">
        <v>1</v>
      </c>
      <c r="E37" s="165">
        <v>3</v>
      </c>
      <c r="F37" s="439">
        <v>0</v>
      </c>
      <c r="G37" s="164">
        <v>3</v>
      </c>
      <c r="H37" s="164">
        <v>1</v>
      </c>
      <c r="I37" s="164">
        <v>3</v>
      </c>
      <c r="J37" s="164">
        <v>1</v>
      </c>
      <c r="K37" s="164">
        <v>0</v>
      </c>
      <c r="L37" s="166">
        <v>8</v>
      </c>
      <c r="M37" s="167">
        <v>11</v>
      </c>
      <c r="N37" s="168">
        <v>0</v>
      </c>
      <c r="O37" s="169">
        <v>0</v>
      </c>
      <c r="P37" s="170">
        <v>0</v>
      </c>
      <c r="Q37" s="439">
        <v>0</v>
      </c>
      <c r="R37" s="169">
        <v>0</v>
      </c>
      <c r="S37" s="169">
        <v>0</v>
      </c>
      <c r="T37" s="169">
        <v>0</v>
      </c>
      <c r="U37" s="169">
        <v>0</v>
      </c>
      <c r="V37" s="169">
        <v>0</v>
      </c>
      <c r="W37" s="170">
        <v>0</v>
      </c>
      <c r="X37" s="171">
        <v>0</v>
      </c>
      <c r="Y37" s="168">
        <v>0</v>
      </c>
      <c r="Z37" s="169">
        <v>0</v>
      </c>
      <c r="AA37" s="170">
        <v>0</v>
      </c>
      <c r="AB37" s="439">
        <v>0</v>
      </c>
      <c r="AC37" s="169">
        <v>0</v>
      </c>
      <c r="AD37" s="169">
        <v>1</v>
      </c>
      <c r="AE37" s="169">
        <v>0</v>
      </c>
      <c r="AF37" s="169">
        <v>0</v>
      </c>
      <c r="AG37" s="169">
        <v>0</v>
      </c>
      <c r="AH37" s="170">
        <v>1</v>
      </c>
      <c r="AI37" s="171">
        <v>1</v>
      </c>
      <c r="AJ37" s="168">
        <v>1</v>
      </c>
      <c r="AK37" s="169">
        <v>0</v>
      </c>
      <c r="AL37" s="170">
        <v>1</v>
      </c>
      <c r="AM37" s="439">
        <v>0</v>
      </c>
      <c r="AN37" s="169">
        <v>0</v>
      </c>
      <c r="AO37" s="169">
        <v>0</v>
      </c>
      <c r="AP37" s="169">
        <v>0</v>
      </c>
      <c r="AQ37" s="169">
        <v>0</v>
      </c>
      <c r="AR37" s="169">
        <v>0</v>
      </c>
      <c r="AS37" s="170">
        <v>0</v>
      </c>
      <c r="AT37" s="171">
        <v>1</v>
      </c>
      <c r="AU37" s="168">
        <v>1</v>
      </c>
      <c r="AV37" s="169">
        <v>1</v>
      </c>
      <c r="AW37" s="170">
        <v>2</v>
      </c>
      <c r="AX37" s="439">
        <v>0</v>
      </c>
      <c r="AY37" s="169">
        <v>1</v>
      </c>
      <c r="AZ37" s="169">
        <v>0</v>
      </c>
      <c r="BA37" s="169">
        <v>0</v>
      </c>
      <c r="BB37" s="169">
        <v>1</v>
      </c>
      <c r="BC37" s="169">
        <v>0</v>
      </c>
      <c r="BD37" s="170">
        <v>2</v>
      </c>
      <c r="BE37" s="171">
        <v>4</v>
      </c>
      <c r="BF37" s="168">
        <v>0</v>
      </c>
      <c r="BG37" s="169">
        <v>0</v>
      </c>
      <c r="BH37" s="170">
        <v>0</v>
      </c>
      <c r="BI37" s="439">
        <v>0</v>
      </c>
      <c r="BJ37" s="169">
        <v>1</v>
      </c>
      <c r="BK37" s="169">
        <v>0</v>
      </c>
      <c r="BL37" s="169">
        <v>0</v>
      </c>
      <c r="BM37" s="169">
        <v>0</v>
      </c>
      <c r="BN37" s="169">
        <v>0</v>
      </c>
      <c r="BO37" s="170">
        <v>1</v>
      </c>
      <c r="BP37" s="171">
        <v>1</v>
      </c>
      <c r="BQ37" s="168">
        <v>0</v>
      </c>
      <c r="BR37" s="169">
        <v>0</v>
      </c>
      <c r="BS37" s="170">
        <v>0</v>
      </c>
      <c r="BT37" s="439">
        <v>0</v>
      </c>
      <c r="BU37" s="169">
        <v>1</v>
      </c>
      <c r="BV37" s="169">
        <v>0</v>
      </c>
      <c r="BW37" s="169">
        <v>3</v>
      </c>
      <c r="BX37" s="169">
        <v>0</v>
      </c>
      <c r="BY37" s="169">
        <v>0</v>
      </c>
      <c r="BZ37" s="170">
        <v>4</v>
      </c>
      <c r="CA37" s="171">
        <v>4</v>
      </c>
      <c r="CB37" s="168">
        <v>0</v>
      </c>
      <c r="CC37" s="169">
        <v>0</v>
      </c>
      <c r="CD37" s="170">
        <v>0</v>
      </c>
      <c r="CE37" s="439">
        <v>0</v>
      </c>
      <c r="CF37" s="169">
        <v>0</v>
      </c>
      <c r="CG37" s="169">
        <v>0</v>
      </c>
      <c r="CH37" s="169">
        <v>0</v>
      </c>
      <c r="CI37" s="169">
        <v>0</v>
      </c>
      <c r="CJ37" s="169">
        <v>0</v>
      </c>
      <c r="CK37" s="170">
        <v>0</v>
      </c>
      <c r="CL37" s="171">
        <v>0</v>
      </c>
      <c r="CM37" s="168">
        <v>2</v>
      </c>
      <c r="CN37" s="169">
        <v>1</v>
      </c>
      <c r="CO37" s="170">
        <v>3</v>
      </c>
      <c r="CP37" s="439">
        <v>0</v>
      </c>
      <c r="CQ37" s="169">
        <v>3</v>
      </c>
      <c r="CR37" s="169">
        <v>1</v>
      </c>
      <c r="CS37" s="169">
        <v>3</v>
      </c>
      <c r="CT37" s="169">
        <v>1</v>
      </c>
      <c r="CU37" s="169">
        <v>0</v>
      </c>
      <c r="CV37" s="170">
        <v>8</v>
      </c>
      <c r="CW37" s="171">
        <v>11</v>
      </c>
      <c r="CX37" s="172">
        <v>1</v>
      </c>
      <c r="CY37" s="164">
        <v>3</v>
      </c>
      <c r="CZ37" s="165">
        <v>4</v>
      </c>
      <c r="DA37" s="439">
        <v>0</v>
      </c>
      <c r="DB37" s="164">
        <v>1</v>
      </c>
      <c r="DC37" s="164">
        <v>0</v>
      </c>
      <c r="DD37" s="164">
        <v>1</v>
      </c>
      <c r="DE37" s="164">
        <v>1</v>
      </c>
      <c r="DF37" s="164">
        <v>0</v>
      </c>
      <c r="DG37" s="166">
        <v>3</v>
      </c>
      <c r="DH37" s="167">
        <v>7</v>
      </c>
      <c r="DI37" s="168">
        <v>0</v>
      </c>
      <c r="DJ37" s="169">
        <v>0</v>
      </c>
      <c r="DK37" s="170">
        <v>0</v>
      </c>
      <c r="DL37" s="439">
        <v>0</v>
      </c>
      <c r="DM37" s="169">
        <v>0</v>
      </c>
      <c r="DN37" s="169">
        <v>0</v>
      </c>
      <c r="DO37" s="169">
        <v>0</v>
      </c>
      <c r="DP37" s="169">
        <v>0</v>
      </c>
      <c r="DQ37" s="169">
        <v>0</v>
      </c>
      <c r="DR37" s="170">
        <v>0</v>
      </c>
      <c r="DS37" s="171">
        <v>0</v>
      </c>
      <c r="DT37" s="168">
        <v>0</v>
      </c>
      <c r="DU37" s="169">
        <v>0</v>
      </c>
      <c r="DV37" s="170">
        <v>0</v>
      </c>
      <c r="DW37" s="439">
        <v>0</v>
      </c>
      <c r="DX37" s="169">
        <v>0</v>
      </c>
      <c r="DY37" s="169">
        <v>0</v>
      </c>
      <c r="DZ37" s="169">
        <v>0</v>
      </c>
      <c r="EA37" s="169">
        <v>0</v>
      </c>
      <c r="EB37" s="169">
        <v>0</v>
      </c>
      <c r="EC37" s="170">
        <v>0</v>
      </c>
      <c r="ED37" s="171">
        <v>0</v>
      </c>
      <c r="EE37" s="168">
        <v>1</v>
      </c>
      <c r="EF37" s="169">
        <v>1</v>
      </c>
      <c r="EG37" s="170">
        <v>2</v>
      </c>
      <c r="EH37" s="439">
        <v>0</v>
      </c>
      <c r="EI37" s="169">
        <v>0</v>
      </c>
      <c r="EJ37" s="169">
        <v>0</v>
      </c>
      <c r="EK37" s="169">
        <v>1</v>
      </c>
      <c r="EL37" s="169">
        <v>0</v>
      </c>
      <c r="EM37" s="169">
        <v>0</v>
      </c>
      <c r="EN37" s="170">
        <v>1</v>
      </c>
      <c r="EO37" s="171">
        <v>3</v>
      </c>
      <c r="EP37" s="168">
        <v>0</v>
      </c>
      <c r="EQ37" s="169">
        <v>1</v>
      </c>
      <c r="ER37" s="170">
        <v>1</v>
      </c>
      <c r="ES37" s="439">
        <v>0</v>
      </c>
      <c r="ET37" s="169">
        <v>0</v>
      </c>
      <c r="EU37" s="169">
        <v>0</v>
      </c>
      <c r="EV37" s="169">
        <v>0</v>
      </c>
      <c r="EW37" s="169">
        <v>0</v>
      </c>
      <c r="EX37" s="169">
        <v>0</v>
      </c>
      <c r="EY37" s="170">
        <v>0</v>
      </c>
      <c r="EZ37" s="171">
        <v>1</v>
      </c>
      <c r="FA37" s="168">
        <v>0</v>
      </c>
      <c r="FB37" s="169">
        <v>1</v>
      </c>
      <c r="FC37" s="170">
        <v>1</v>
      </c>
      <c r="FD37" s="439">
        <v>0</v>
      </c>
      <c r="FE37" s="169">
        <v>1</v>
      </c>
      <c r="FF37" s="169">
        <v>0</v>
      </c>
      <c r="FG37" s="169">
        <v>0</v>
      </c>
      <c r="FH37" s="169">
        <v>1</v>
      </c>
      <c r="FI37" s="169">
        <v>0</v>
      </c>
      <c r="FJ37" s="170">
        <v>2</v>
      </c>
      <c r="FK37" s="171">
        <v>3</v>
      </c>
      <c r="FL37" s="168">
        <v>0</v>
      </c>
      <c r="FM37" s="169">
        <v>0</v>
      </c>
      <c r="FN37" s="170">
        <v>0</v>
      </c>
      <c r="FO37" s="439">
        <v>0</v>
      </c>
      <c r="FP37" s="169">
        <v>0</v>
      </c>
      <c r="FQ37" s="169">
        <v>0</v>
      </c>
      <c r="FR37" s="169">
        <v>0</v>
      </c>
      <c r="FS37" s="169">
        <v>0</v>
      </c>
      <c r="FT37" s="169">
        <v>0</v>
      </c>
      <c r="FU37" s="170">
        <v>0</v>
      </c>
      <c r="FV37" s="171">
        <v>0</v>
      </c>
      <c r="FW37" s="168">
        <v>0</v>
      </c>
      <c r="FX37" s="169">
        <v>0</v>
      </c>
      <c r="FY37" s="170">
        <v>0</v>
      </c>
      <c r="FZ37" s="439">
        <v>0</v>
      </c>
      <c r="GA37" s="169">
        <v>0</v>
      </c>
      <c r="GB37" s="169">
        <v>0</v>
      </c>
      <c r="GC37" s="169">
        <v>0</v>
      </c>
      <c r="GD37" s="169">
        <v>0</v>
      </c>
      <c r="GE37" s="169">
        <v>0</v>
      </c>
      <c r="GF37" s="170">
        <v>0</v>
      </c>
      <c r="GG37" s="171">
        <v>0</v>
      </c>
      <c r="GH37" s="168">
        <v>1</v>
      </c>
      <c r="GI37" s="169">
        <v>3</v>
      </c>
      <c r="GJ37" s="170">
        <v>4</v>
      </c>
      <c r="GK37" s="439">
        <v>0</v>
      </c>
      <c r="GL37" s="169">
        <v>1</v>
      </c>
      <c r="GM37" s="169">
        <v>0</v>
      </c>
      <c r="GN37" s="169">
        <v>1</v>
      </c>
      <c r="GO37" s="169">
        <v>1</v>
      </c>
      <c r="GP37" s="169">
        <v>0</v>
      </c>
      <c r="GQ37" s="170">
        <v>3</v>
      </c>
      <c r="GR37" s="171">
        <v>7</v>
      </c>
      <c r="GS37" s="172">
        <v>3</v>
      </c>
      <c r="GT37" s="164">
        <v>4</v>
      </c>
      <c r="GU37" s="165">
        <v>7</v>
      </c>
      <c r="GV37" s="439">
        <v>0</v>
      </c>
      <c r="GW37" s="164">
        <v>4</v>
      </c>
      <c r="GX37" s="164">
        <v>1</v>
      </c>
      <c r="GY37" s="164">
        <v>4</v>
      </c>
      <c r="GZ37" s="164">
        <v>2</v>
      </c>
      <c r="HA37" s="164">
        <v>0</v>
      </c>
      <c r="HB37" s="166">
        <v>11</v>
      </c>
      <c r="HC37" s="167">
        <v>18</v>
      </c>
      <c r="HD37" s="168">
        <v>0</v>
      </c>
      <c r="HE37" s="169">
        <v>0</v>
      </c>
      <c r="HF37" s="170">
        <v>0</v>
      </c>
      <c r="HG37" s="439">
        <v>0</v>
      </c>
      <c r="HH37" s="169">
        <v>0</v>
      </c>
      <c r="HI37" s="169">
        <v>0</v>
      </c>
      <c r="HJ37" s="169">
        <v>0</v>
      </c>
      <c r="HK37" s="169">
        <v>0</v>
      </c>
      <c r="HL37" s="169">
        <v>0</v>
      </c>
      <c r="HM37" s="170">
        <v>0</v>
      </c>
      <c r="HN37" s="171">
        <v>0</v>
      </c>
      <c r="HO37" s="168">
        <v>0</v>
      </c>
      <c r="HP37" s="169">
        <v>0</v>
      </c>
      <c r="HQ37" s="170">
        <v>0</v>
      </c>
      <c r="HR37" s="439">
        <v>0</v>
      </c>
      <c r="HS37" s="169">
        <v>0</v>
      </c>
      <c r="HT37" s="169">
        <v>1</v>
      </c>
      <c r="HU37" s="169">
        <v>0</v>
      </c>
      <c r="HV37" s="169">
        <v>0</v>
      </c>
      <c r="HW37" s="169">
        <v>0</v>
      </c>
      <c r="HX37" s="170">
        <v>1</v>
      </c>
      <c r="HY37" s="171">
        <v>1</v>
      </c>
      <c r="HZ37" s="168">
        <v>2</v>
      </c>
      <c r="IA37" s="169">
        <v>1</v>
      </c>
      <c r="IB37" s="170">
        <v>3</v>
      </c>
      <c r="IC37" s="439">
        <v>0</v>
      </c>
      <c r="ID37" s="169">
        <v>0</v>
      </c>
      <c r="IE37" s="169">
        <v>0</v>
      </c>
      <c r="IF37" s="169">
        <v>1</v>
      </c>
      <c r="IG37" s="169">
        <v>0</v>
      </c>
      <c r="IH37" s="169">
        <v>0</v>
      </c>
      <c r="II37" s="170">
        <v>1</v>
      </c>
      <c r="IJ37" s="171">
        <v>4</v>
      </c>
      <c r="IK37" s="168">
        <v>1</v>
      </c>
      <c r="IL37" s="169">
        <v>2</v>
      </c>
      <c r="IM37" s="170">
        <v>3</v>
      </c>
      <c r="IN37" s="439">
        <v>0</v>
      </c>
      <c r="IO37" s="169">
        <v>1</v>
      </c>
      <c r="IP37" s="169">
        <v>0</v>
      </c>
      <c r="IQ37" s="169">
        <v>0</v>
      </c>
      <c r="IR37" s="169">
        <v>1</v>
      </c>
      <c r="IS37" s="169">
        <v>0</v>
      </c>
      <c r="IT37" s="170">
        <v>2</v>
      </c>
      <c r="IU37" s="171">
        <v>5</v>
      </c>
      <c r="IV37" s="168">
        <v>0</v>
      </c>
      <c r="IW37" s="169">
        <v>1</v>
      </c>
      <c r="IX37" s="170">
        <v>1</v>
      </c>
      <c r="IY37" s="439">
        <v>0</v>
      </c>
      <c r="IZ37" s="169">
        <v>2</v>
      </c>
      <c r="JA37" s="169">
        <v>0</v>
      </c>
      <c r="JB37" s="169">
        <v>0</v>
      </c>
      <c r="JC37" s="169">
        <v>1</v>
      </c>
      <c r="JD37" s="169">
        <v>0</v>
      </c>
      <c r="JE37" s="170">
        <v>3</v>
      </c>
      <c r="JF37" s="171">
        <v>4</v>
      </c>
      <c r="JG37" s="168">
        <v>0</v>
      </c>
      <c r="JH37" s="169">
        <v>0</v>
      </c>
      <c r="JI37" s="170">
        <v>0</v>
      </c>
      <c r="JJ37" s="439">
        <v>0</v>
      </c>
      <c r="JK37" s="169">
        <v>1</v>
      </c>
      <c r="JL37" s="169">
        <v>0</v>
      </c>
      <c r="JM37" s="169">
        <v>3</v>
      </c>
      <c r="JN37" s="169">
        <v>0</v>
      </c>
      <c r="JO37" s="169">
        <v>0</v>
      </c>
      <c r="JP37" s="170">
        <v>4</v>
      </c>
      <c r="JQ37" s="171">
        <v>4</v>
      </c>
      <c r="JR37" s="168">
        <v>0</v>
      </c>
      <c r="JS37" s="169">
        <v>0</v>
      </c>
      <c r="JT37" s="170">
        <v>0</v>
      </c>
      <c r="JU37" s="439">
        <v>0</v>
      </c>
      <c r="JV37" s="169">
        <v>0</v>
      </c>
      <c r="JW37" s="169">
        <v>0</v>
      </c>
      <c r="JX37" s="169">
        <v>0</v>
      </c>
      <c r="JY37" s="169">
        <v>0</v>
      </c>
      <c r="JZ37" s="169">
        <v>0</v>
      </c>
      <c r="KA37" s="170">
        <v>0</v>
      </c>
      <c r="KB37" s="171">
        <v>0</v>
      </c>
      <c r="KC37" s="168">
        <v>3</v>
      </c>
      <c r="KD37" s="169">
        <v>4</v>
      </c>
      <c r="KE37" s="170">
        <v>7</v>
      </c>
      <c r="KF37" s="439">
        <v>0</v>
      </c>
      <c r="KG37" s="169">
        <v>4</v>
      </c>
      <c r="KH37" s="169">
        <v>1</v>
      </c>
      <c r="KI37" s="169">
        <v>4</v>
      </c>
      <c r="KJ37" s="169">
        <v>2</v>
      </c>
      <c r="KK37" s="169">
        <v>0</v>
      </c>
      <c r="KL37" s="170">
        <v>11</v>
      </c>
      <c r="KM37" s="171">
        <v>18</v>
      </c>
    </row>
    <row r="38" spans="2:299" s="137" customFormat="1" ht="21" customHeight="1" x14ac:dyDescent="0.2">
      <c r="B38" s="173" t="s">
        <v>35</v>
      </c>
      <c r="C38" s="163">
        <v>11</v>
      </c>
      <c r="D38" s="164">
        <v>11</v>
      </c>
      <c r="E38" s="165">
        <v>22</v>
      </c>
      <c r="F38" s="439">
        <v>0</v>
      </c>
      <c r="G38" s="164">
        <v>13</v>
      </c>
      <c r="H38" s="164">
        <v>8</v>
      </c>
      <c r="I38" s="164">
        <v>6</v>
      </c>
      <c r="J38" s="164">
        <v>1</v>
      </c>
      <c r="K38" s="164">
        <v>0</v>
      </c>
      <c r="L38" s="166">
        <v>28</v>
      </c>
      <c r="M38" s="167">
        <v>50</v>
      </c>
      <c r="N38" s="168">
        <v>1</v>
      </c>
      <c r="O38" s="169">
        <v>1</v>
      </c>
      <c r="P38" s="170">
        <v>2</v>
      </c>
      <c r="Q38" s="439">
        <v>0</v>
      </c>
      <c r="R38" s="169">
        <v>0</v>
      </c>
      <c r="S38" s="169">
        <v>0</v>
      </c>
      <c r="T38" s="169">
        <v>0</v>
      </c>
      <c r="U38" s="169">
        <v>0</v>
      </c>
      <c r="V38" s="169">
        <v>0</v>
      </c>
      <c r="W38" s="170">
        <v>0</v>
      </c>
      <c r="X38" s="171">
        <v>2</v>
      </c>
      <c r="Y38" s="168">
        <v>1</v>
      </c>
      <c r="Z38" s="169">
        <v>0</v>
      </c>
      <c r="AA38" s="170">
        <v>1</v>
      </c>
      <c r="AB38" s="439">
        <v>0</v>
      </c>
      <c r="AC38" s="169">
        <v>1</v>
      </c>
      <c r="AD38" s="169">
        <v>0</v>
      </c>
      <c r="AE38" s="169">
        <v>1</v>
      </c>
      <c r="AF38" s="169">
        <v>0</v>
      </c>
      <c r="AG38" s="169">
        <v>0</v>
      </c>
      <c r="AH38" s="170">
        <v>2</v>
      </c>
      <c r="AI38" s="171">
        <v>3</v>
      </c>
      <c r="AJ38" s="168">
        <v>0</v>
      </c>
      <c r="AK38" s="169">
        <v>1</v>
      </c>
      <c r="AL38" s="170">
        <v>1</v>
      </c>
      <c r="AM38" s="439">
        <v>0</v>
      </c>
      <c r="AN38" s="169">
        <v>4</v>
      </c>
      <c r="AO38" s="169">
        <v>1</v>
      </c>
      <c r="AP38" s="169">
        <v>3</v>
      </c>
      <c r="AQ38" s="169">
        <v>0</v>
      </c>
      <c r="AR38" s="169">
        <v>0</v>
      </c>
      <c r="AS38" s="170">
        <v>8</v>
      </c>
      <c r="AT38" s="171">
        <v>9</v>
      </c>
      <c r="AU38" s="168">
        <v>3</v>
      </c>
      <c r="AV38" s="169">
        <v>4</v>
      </c>
      <c r="AW38" s="170">
        <v>7</v>
      </c>
      <c r="AX38" s="439">
        <v>0</v>
      </c>
      <c r="AY38" s="169">
        <v>3</v>
      </c>
      <c r="AZ38" s="169">
        <v>3</v>
      </c>
      <c r="BA38" s="169">
        <v>1</v>
      </c>
      <c r="BB38" s="169">
        <v>0</v>
      </c>
      <c r="BC38" s="169">
        <v>0</v>
      </c>
      <c r="BD38" s="170">
        <v>7</v>
      </c>
      <c r="BE38" s="171">
        <v>14</v>
      </c>
      <c r="BF38" s="168">
        <v>2</v>
      </c>
      <c r="BG38" s="169">
        <v>4</v>
      </c>
      <c r="BH38" s="170">
        <v>6</v>
      </c>
      <c r="BI38" s="439">
        <v>0</v>
      </c>
      <c r="BJ38" s="169">
        <v>5</v>
      </c>
      <c r="BK38" s="169">
        <v>1</v>
      </c>
      <c r="BL38" s="169">
        <v>1</v>
      </c>
      <c r="BM38" s="169">
        <v>0</v>
      </c>
      <c r="BN38" s="169">
        <v>0</v>
      </c>
      <c r="BO38" s="170">
        <v>7</v>
      </c>
      <c r="BP38" s="171">
        <v>13</v>
      </c>
      <c r="BQ38" s="168">
        <v>4</v>
      </c>
      <c r="BR38" s="169">
        <v>1</v>
      </c>
      <c r="BS38" s="170">
        <v>5</v>
      </c>
      <c r="BT38" s="439">
        <v>0</v>
      </c>
      <c r="BU38" s="169">
        <v>0</v>
      </c>
      <c r="BV38" s="169">
        <v>3</v>
      </c>
      <c r="BW38" s="169">
        <v>0</v>
      </c>
      <c r="BX38" s="169">
        <v>1</v>
      </c>
      <c r="BY38" s="169">
        <v>0</v>
      </c>
      <c r="BZ38" s="170">
        <v>4</v>
      </c>
      <c r="CA38" s="171">
        <v>9</v>
      </c>
      <c r="CB38" s="168">
        <v>0</v>
      </c>
      <c r="CC38" s="169">
        <v>0</v>
      </c>
      <c r="CD38" s="170">
        <v>0</v>
      </c>
      <c r="CE38" s="439">
        <v>0</v>
      </c>
      <c r="CF38" s="169">
        <v>0</v>
      </c>
      <c r="CG38" s="169">
        <v>0</v>
      </c>
      <c r="CH38" s="169">
        <v>0</v>
      </c>
      <c r="CI38" s="169">
        <v>0</v>
      </c>
      <c r="CJ38" s="169">
        <v>0</v>
      </c>
      <c r="CK38" s="170">
        <v>0</v>
      </c>
      <c r="CL38" s="171">
        <v>0</v>
      </c>
      <c r="CM38" s="168">
        <v>11</v>
      </c>
      <c r="CN38" s="169">
        <v>11</v>
      </c>
      <c r="CO38" s="170">
        <v>22</v>
      </c>
      <c r="CP38" s="439">
        <v>0</v>
      </c>
      <c r="CQ38" s="169">
        <v>13</v>
      </c>
      <c r="CR38" s="169">
        <v>8</v>
      </c>
      <c r="CS38" s="169">
        <v>6</v>
      </c>
      <c r="CT38" s="169">
        <v>1</v>
      </c>
      <c r="CU38" s="169">
        <v>0</v>
      </c>
      <c r="CV38" s="170">
        <v>28</v>
      </c>
      <c r="CW38" s="171">
        <v>50</v>
      </c>
      <c r="CX38" s="172">
        <v>3</v>
      </c>
      <c r="CY38" s="164">
        <v>3</v>
      </c>
      <c r="CZ38" s="165">
        <v>6</v>
      </c>
      <c r="DA38" s="439">
        <v>0</v>
      </c>
      <c r="DB38" s="164">
        <v>5</v>
      </c>
      <c r="DC38" s="164">
        <v>2</v>
      </c>
      <c r="DD38" s="164">
        <v>2</v>
      </c>
      <c r="DE38" s="164">
        <v>2</v>
      </c>
      <c r="DF38" s="164">
        <v>2</v>
      </c>
      <c r="DG38" s="166">
        <v>13</v>
      </c>
      <c r="DH38" s="167">
        <v>19</v>
      </c>
      <c r="DI38" s="168">
        <v>0</v>
      </c>
      <c r="DJ38" s="169">
        <v>0</v>
      </c>
      <c r="DK38" s="170">
        <v>0</v>
      </c>
      <c r="DL38" s="439">
        <v>0</v>
      </c>
      <c r="DM38" s="169">
        <v>0</v>
      </c>
      <c r="DN38" s="169">
        <v>0</v>
      </c>
      <c r="DO38" s="169">
        <v>0</v>
      </c>
      <c r="DP38" s="169">
        <v>0</v>
      </c>
      <c r="DQ38" s="169">
        <v>0</v>
      </c>
      <c r="DR38" s="170">
        <v>0</v>
      </c>
      <c r="DS38" s="171">
        <v>0</v>
      </c>
      <c r="DT38" s="168">
        <v>1</v>
      </c>
      <c r="DU38" s="169">
        <v>0</v>
      </c>
      <c r="DV38" s="170">
        <v>1</v>
      </c>
      <c r="DW38" s="439">
        <v>0</v>
      </c>
      <c r="DX38" s="169">
        <v>1</v>
      </c>
      <c r="DY38" s="169">
        <v>0</v>
      </c>
      <c r="DZ38" s="169">
        <v>0</v>
      </c>
      <c r="EA38" s="169">
        <v>0</v>
      </c>
      <c r="EB38" s="169">
        <v>0</v>
      </c>
      <c r="EC38" s="170">
        <v>1</v>
      </c>
      <c r="ED38" s="171">
        <v>2</v>
      </c>
      <c r="EE38" s="168">
        <v>1</v>
      </c>
      <c r="EF38" s="169">
        <v>0</v>
      </c>
      <c r="EG38" s="170">
        <v>1</v>
      </c>
      <c r="EH38" s="439">
        <v>0</v>
      </c>
      <c r="EI38" s="169">
        <v>0</v>
      </c>
      <c r="EJ38" s="169">
        <v>1</v>
      </c>
      <c r="EK38" s="169">
        <v>0</v>
      </c>
      <c r="EL38" s="169">
        <v>0</v>
      </c>
      <c r="EM38" s="169">
        <v>0</v>
      </c>
      <c r="EN38" s="170">
        <v>1</v>
      </c>
      <c r="EO38" s="171">
        <v>2</v>
      </c>
      <c r="EP38" s="168">
        <v>0</v>
      </c>
      <c r="EQ38" s="169">
        <v>1</v>
      </c>
      <c r="ER38" s="170">
        <v>1</v>
      </c>
      <c r="ES38" s="439">
        <v>0</v>
      </c>
      <c r="ET38" s="169">
        <v>1</v>
      </c>
      <c r="EU38" s="169">
        <v>0</v>
      </c>
      <c r="EV38" s="169">
        <v>0</v>
      </c>
      <c r="EW38" s="169">
        <v>1</v>
      </c>
      <c r="EX38" s="169">
        <v>0</v>
      </c>
      <c r="EY38" s="170">
        <v>2</v>
      </c>
      <c r="EZ38" s="171">
        <v>3</v>
      </c>
      <c r="FA38" s="168">
        <v>0</v>
      </c>
      <c r="FB38" s="169">
        <v>1</v>
      </c>
      <c r="FC38" s="170">
        <v>1</v>
      </c>
      <c r="FD38" s="439">
        <v>0</v>
      </c>
      <c r="FE38" s="169">
        <v>1</v>
      </c>
      <c r="FF38" s="169">
        <v>0</v>
      </c>
      <c r="FG38" s="169">
        <v>0</v>
      </c>
      <c r="FH38" s="169">
        <v>0</v>
      </c>
      <c r="FI38" s="169">
        <v>1</v>
      </c>
      <c r="FJ38" s="170">
        <v>2</v>
      </c>
      <c r="FK38" s="171">
        <v>3</v>
      </c>
      <c r="FL38" s="168">
        <v>1</v>
      </c>
      <c r="FM38" s="169">
        <v>1</v>
      </c>
      <c r="FN38" s="170">
        <v>2</v>
      </c>
      <c r="FO38" s="439">
        <v>0</v>
      </c>
      <c r="FP38" s="169">
        <v>2</v>
      </c>
      <c r="FQ38" s="169">
        <v>1</v>
      </c>
      <c r="FR38" s="169">
        <v>2</v>
      </c>
      <c r="FS38" s="169">
        <v>1</v>
      </c>
      <c r="FT38" s="169">
        <v>1</v>
      </c>
      <c r="FU38" s="170">
        <v>7</v>
      </c>
      <c r="FV38" s="171">
        <v>9</v>
      </c>
      <c r="FW38" s="168">
        <v>0</v>
      </c>
      <c r="FX38" s="169">
        <v>0</v>
      </c>
      <c r="FY38" s="170">
        <v>0</v>
      </c>
      <c r="FZ38" s="439">
        <v>0</v>
      </c>
      <c r="GA38" s="169">
        <v>0</v>
      </c>
      <c r="GB38" s="169">
        <v>0</v>
      </c>
      <c r="GC38" s="169">
        <v>0</v>
      </c>
      <c r="GD38" s="169">
        <v>0</v>
      </c>
      <c r="GE38" s="169">
        <v>0</v>
      </c>
      <c r="GF38" s="170">
        <v>0</v>
      </c>
      <c r="GG38" s="171">
        <v>0</v>
      </c>
      <c r="GH38" s="168">
        <v>3</v>
      </c>
      <c r="GI38" s="169">
        <v>3</v>
      </c>
      <c r="GJ38" s="170">
        <v>6</v>
      </c>
      <c r="GK38" s="439">
        <v>0</v>
      </c>
      <c r="GL38" s="169">
        <v>5</v>
      </c>
      <c r="GM38" s="169">
        <v>2</v>
      </c>
      <c r="GN38" s="169">
        <v>2</v>
      </c>
      <c r="GO38" s="169">
        <v>2</v>
      </c>
      <c r="GP38" s="169">
        <v>2</v>
      </c>
      <c r="GQ38" s="170">
        <v>13</v>
      </c>
      <c r="GR38" s="171">
        <v>19</v>
      </c>
      <c r="GS38" s="172">
        <v>14</v>
      </c>
      <c r="GT38" s="164">
        <v>14</v>
      </c>
      <c r="GU38" s="165">
        <v>28</v>
      </c>
      <c r="GV38" s="439">
        <v>0</v>
      </c>
      <c r="GW38" s="164">
        <v>18</v>
      </c>
      <c r="GX38" s="164">
        <v>10</v>
      </c>
      <c r="GY38" s="164">
        <v>8</v>
      </c>
      <c r="GZ38" s="164">
        <v>3</v>
      </c>
      <c r="HA38" s="164">
        <v>2</v>
      </c>
      <c r="HB38" s="166">
        <v>41</v>
      </c>
      <c r="HC38" s="167">
        <v>69</v>
      </c>
      <c r="HD38" s="168">
        <v>1</v>
      </c>
      <c r="HE38" s="169">
        <v>1</v>
      </c>
      <c r="HF38" s="170">
        <v>2</v>
      </c>
      <c r="HG38" s="439">
        <v>0</v>
      </c>
      <c r="HH38" s="169">
        <v>0</v>
      </c>
      <c r="HI38" s="169">
        <v>0</v>
      </c>
      <c r="HJ38" s="169">
        <v>0</v>
      </c>
      <c r="HK38" s="169">
        <v>0</v>
      </c>
      <c r="HL38" s="169">
        <v>0</v>
      </c>
      <c r="HM38" s="170">
        <v>0</v>
      </c>
      <c r="HN38" s="171">
        <v>2</v>
      </c>
      <c r="HO38" s="168">
        <v>2</v>
      </c>
      <c r="HP38" s="169">
        <v>0</v>
      </c>
      <c r="HQ38" s="170">
        <v>2</v>
      </c>
      <c r="HR38" s="439">
        <v>0</v>
      </c>
      <c r="HS38" s="169">
        <v>2</v>
      </c>
      <c r="HT38" s="169">
        <v>0</v>
      </c>
      <c r="HU38" s="169">
        <v>1</v>
      </c>
      <c r="HV38" s="169">
        <v>0</v>
      </c>
      <c r="HW38" s="169">
        <v>0</v>
      </c>
      <c r="HX38" s="170">
        <v>3</v>
      </c>
      <c r="HY38" s="171">
        <v>5</v>
      </c>
      <c r="HZ38" s="168">
        <v>1</v>
      </c>
      <c r="IA38" s="169">
        <v>1</v>
      </c>
      <c r="IB38" s="170">
        <v>2</v>
      </c>
      <c r="IC38" s="439">
        <v>0</v>
      </c>
      <c r="ID38" s="169">
        <v>4</v>
      </c>
      <c r="IE38" s="169">
        <v>2</v>
      </c>
      <c r="IF38" s="169">
        <v>3</v>
      </c>
      <c r="IG38" s="169">
        <v>0</v>
      </c>
      <c r="IH38" s="169">
        <v>0</v>
      </c>
      <c r="II38" s="170">
        <v>9</v>
      </c>
      <c r="IJ38" s="171">
        <v>11</v>
      </c>
      <c r="IK38" s="168">
        <v>3</v>
      </c>
      <c r="IL38" s="169">
        <v>5</v>
      </c>
      <c r="IM38" s="170">
        <v>8</v>
      </c>
      <c r="IN38" s="439">
        <v>0</v>
      </c>
      <c r="IO38" s="169">
        <v>4</v>
      </c>
      <c r="IP38" s="169">
        <v>3</v>
      </c>
      <c r="IQ38" s="169">
        <v>1</v>
      </c>
      <c r="IR38" s="169">
        <v>1</v>
      </c>
      <c r="IS38" s="169">
        <v>0</v>
      </c>
      <c r="IT38" s="170">
        <v>9</v>
      </c>
      <c r="IU38" s="171">
        <v>17</v>
      </c>
      <c r="IV38" s="168">
        <v>2</v>
      </c>
      <c r="IW38" s="169">
        <v>5</v>
      </c>
      <c r="IX38" s="170">
        <v>7</v>
      </c>
      <c r="IY38" s="439">
        <v>0</v>
      </c>
      <c r="IZ38" s="169">
        <v>6</v>
      </c>
      <c r="JA38" s="169">
        <v>1</v>
      </c>
      <c r="JB38" s="169">
        <v>1</v>
      </c>
      <c r="JC38" s="169">
        <v>0</v>
      </c>
      <c r="JD38" s="169">
        <v>1</v>
      </c>
      <c r="JE38" s="170">
        <v>9</v>
      </c>
      <c r="JF38" s="171">
        <v>16</v>
      </c>
      <c r="JG38" s="168">
        <v>5</v>
      </c>
      <c r="JH38" s="169">
        <v>2</v>
      </c>
      <c r="JI38" s="170">
        <v>7</v>
      </c>
      <c r="JJ38" s="439">
        <v>0</v>
      </c>
      <c r="JK38" s="169">
        <v>2</v>
      </c>
      <c r="JL38" s="169">
        <v>4</v>
      </c>
      <c r="JM38" s="169">
        <v>2</v>
      </c>
      <c r="JN38" s="169">
        <v>2</v>
      </c>
      <c r="JO38" s="169">
        <v>1</v>
      </c>
      <c r="JP38" s="170">
        <v>11</v>
      </c>
      <c r="JQ38" s="171">
        <v>18</v>
      </c>
      <c r="JR38" s="168">
        <v>0</v>
      </c>
      <c r="JS38" s="169">
        <v>0</v>
      </c>
      <c r="JT38" s="170">
        <v>0</v>
      </c>
      <c r="JU38" s="439">
        <v>0</v>
      </c>
      <c r="JV38" s="169">
        <v>0</v>
      </c>
      <c r="JW38" s="169">
        <v>0</v>
      </c>
      <c r="JX38" s="169">
        <v>0</v>
      </c>
      <c r="JY38" s="169">
        <v>0</v>
      </c>
      <c r="JZ38" s="169">
        <v>0</v>
      </c>
      <c r="KA38" s="170">
        <v>0</v>
      </c>
      <c r="KB38" s="171">
        <v>0</v>
      </c>
      <c r="KC38" s="168">
        <v>14</v>
      </c>
      <c r="KD38" s="169">
        <v>14</v>
      </c>
      <c r="KE38" s="170">
        <v>28</v>
      </c>
      <c r="KF38" s="439">
        <v>0</v>
      </c>
      <c r="KG38" s="169">
        <v>18</v>
      </c>
      <c r="KH38" s="169">
        <v>10</v>
      </c>
      <c r="KI38" s="169">
        <v>8</v>
      </c>
      <c r="KJ38" s="169">
        <v>3</v>
      </c>
      <c r="KK38" s="169">
        <v>2</v>
      </c>
      <c r="KL38" s="170">
        <v>41</v>
      </c>
      <c r="KM38" s="171">
        <v>69</v>
      </c>
    </row>
    <row r="39" spans="2:299" s="137" customFormat="1" ht="21" customHeight="1" x14ac:dyDescent="0.2">
      <c r="B39" s="173" t="s">
        <v>36</v>
      </c>
      <c r="C39" s="163">
        <v>5</v>
      </c>
      <c r="D39" s="164">
        <v>5</v>
      </c>
      <c r="E39" s="165">
        <v>10</v>
      </c>
      <c r="F39" s="439">
        <v>0</v>
      </c>
      <c r="G39" s="164">
        <v>10</v>
      </c>
      <c r="H39" s="164">
        <v>11</v>
      </c>
      <c r="I39" s="164">
        <v>9</v>
      </c>
      <c r="J39" s="164">
        <v>5</v>
      </c>
      <c r="K39" s="164">
        <v>1</v>
      </c>
      <c r="L39" s="166">
        <v>36</v>
      </c>
      <c r="M39" s="167">
        <v>46</v>
      </c>
      <c r="N39" s="168">
        <v>0</v>
      </c>
      <c r="O39" s="169">
        <v>0</v>
      </c>
      <c r="P39" s="170">
        <v>0</v>
      </c>
      <c r="Q39" s="439">
        <v>0</v>
      </c>
      <c r="R39" s="169">
        <v>0</v>
      </c>
      <c r="S39" s="169">
        <v>1</v>
      </c>
      <c r="T39" s="169">
        <v>0</v>
      </c>
      <c r="U39" s="169">
        <v>1</v>
      </c>
      <c r="V39" s="169">
        <v>0</v>
      </c>
      <c r="W39" s="170">
        <v>2</v>
      </c>
      <c r="X39" s="171">
        <v>2</v>
      </c>
      <c r="Y39" s="168">
        <v>1</v>
      </c>
      <c r="Z39" s="169">
        <v>1</v>
      </c>
      <c r="AA39" s="170">
        <v>2</v>
      </c>
      <c r="AB39" s="439">
        <v>0</v>
      </c>
      <c r="AC39" s="169">
        <v>0</v>
      </c>
      <c r="AD39" s="169">
        <v>3</v>
      </c>
      <c r="AE39" s="169">
        <v>0</v>
      </c>
      <c r="AF39" s="169">
        <v>0</v>
      </c>
      <c r="AG39" s="169">
        <v>0</v>
      </c>
      <c r="AH39" s="170">
        <v>3</v>
      </c>
      <c r="AI39" s="171">
        <v>5</v>
      </c>
      <c r="AJ39" s="168">
        <v>0</v>
      </c>
      <c r="AK39" s="169">
        <v>0</v>
      </c>
      <c r="AL39" s="170">
        <v>0</v>
      </c>
      <c r="AM39" s="439">
        <v>0</v>
      </c>
      <c r="AN39" s="169">
        <v>1</v>
      </c>
      <c r="AO39" s="169">
        <v>1</v>
      </c>
      <c r="AP39" s="169">
        <v>0</v>
      </c>
      <c r="AQ39" s="169">
        <v>0</v>
      </c>
      <c r="AR39" s="169">
        <v>0</v>
      </c>
      <c r="AS39" s="170">
        <v>2</v>
      </c>
      <c r="AT39" s="171">
        <v>2</v>
      </c>
      <c r="AU39" s="168">
        <v>3</v>
      </c>
      <c r="AV39" s="169">
        <v>0</v>
      </c>
      <c r="AW39" s="170">
        <v>3</v>
      </c>
      <c r="AX39" s="439">
        <v>0</v>
      </c>
      <c r="AY39" s="169">
        <v>5</v>
      </c>
      <c r="AZ39" s="169">
        <v>2</v>
      </c>
      <c r="BA39" s="169">
        <v>3</v>
      </c>
      <c r="BB39" s="169">
        <v>1</v>
      </c>
      <c r="BC39" s="169">
        <v>1</v>
      </c>
      <c r="BD39" s="170">
        <v>12</v>
      </c>
      <c r="BE39" s="171">
        <v>15</v>
      </c>
      <c r="BF39" s="168">
        <v>1</v>
      </c>
      <c r="BG39" s="169">
        <v>2</v>
      </c>
      <c r="BH39" s="170">
        <v>3</v>
      </c>
      <c r="BI39" s="439">
        <v>0</v>
      </c>
      <c r="BJ39" s="169">
        <v>3</v>
      </c>
      <c r="BK39" s="169">
        <v>1</v>
      </c>
      <c r="BL39" s="169">
        <v>2</v>
      </c>
      <c r="BM39" s="169">
        <v>1</v>
      </c>
      <c r="BN39" s="169">
        <v>0</v>
      </c>
      <c r="BO39" s="170">
        <v>7</v>
      </c>
      <c r="BP39" s="171">
        <v>10</v>
      </c>
      <c r="BQ39" s="168">
        <v>0</v>
      </c>
      <c r="BR39" s="169">
        <v>2</v>
      </c>
      <c r="BS39" s="170">
        <v>2</v>
      </c>
      <c r="BT39" s="439">
        <v>0</v>
      </c>
      <c r="BU39" s="169">
        <v>1</v>
      </c>
      <c r="BV39" s="169">
        <v>3</v>
      </c>
      <c r="BW39" s="169">
        <v>4</v>
      </c>
      <c r="BX39" s="169">
        <v>2</v>
      </c>
      <c r="BY39" s="169">
        <v>0</v>
      </c>
      <c r="BZ39" s="170">
        <v>10</v>
      </c>
      <c r="CA39" s="171">
        <v>12</v>
      </c>
      <c r="CB39" s="168">
        <v>0</v>
      </c>
      <c r="CC39" s="169">
        <v>0</v>
      </c>
      <c r="CD39" s="170">
        <v>0</v>
      </c>
      <c r="CE39" s="439">
        <v>0</v>
      </c>
      <c r="CF39" s="169">
        <v>0</v>
      </c>
      <c r="CG39" s="169">
        <v>0</v>
      </c>
      <c r="CH39" s="169">
        <v>0</v>
      </c>
      <c r="CI39" s="169">
        <v>0</v>
      </c>
      <c r="CJ39" s="169">
        <v>0</v>
      </c>
      <c r="CK39" s="170">
        <v>0</v>
      </c>
      <c r="CL39" s="171">
        <v>0</v>
      </c>
      <c r="CM39" s="168">
        <v>5</v>
      </c>
      <c r="CN39" s="169">
        <v>5</v>
      </c>
      <c r="CO39" s="170">
        <v>10</v>
      </c>
      <c r="CP39" s="439">
        <v>0</v>
      </c>
      <c r="CQ39" s="169">
        <v>10</v>
      </c>
      <c r="CR39" s="169">
        <v>11</v>
      </c>
      <c r="CS39" s="169">
        <v>9</v>
      </c>
      <c r="CT39" s="169">
        <v>5</v>
      </c>
      <c r="CU39" s="169">
        <v>1</v>
      </c>
      <c r="CV39" s="170">
        <v>36</v>
      </c>
      <c r="CW39" s="171">
        <v>46</v>
      </c>
      <c r="CX39" s="172">
        <v>1</v>
      </c>
      <c r="CY39" s="164">
        <v>6</v>
      </c>
      <c r="CZ39" s="165">
        <v>7</v>
      </c>
      <c r="DA39" s="439">
        <v>0</v>
      </c>
      <c r="DB39" s="164">
        <v>3</v>
      </c>
      <c r="DC39" s="164">
        <v>7</v>
      </c>
      <c r="DD39" s="164">
        <v>2</v>
      </c>
      <c r="DE39" s="164">
        <v>3</v>
      </c>
      <c r="DF39" s="164">
        <v>2</v>
      </c>
      <c r="DG39" s="166">
        <v>17</v>
      </c>
      <c r="DH39" s="167">
        <v>24</v>
      </c>
      <c r="DI39" s="168">
        <v>0</v>
      </c>
      <c r="DJ39" s="169">
        <v>0</v>
      </c>
      <c r="DK39" s="170">
        <v>0</v>
      </c>
      <c r="DL39" s="439">
        <v>0</v>
      </c>
      <c r="DM39" s="169">
        <v>0</v>
      </c>
      <c r="DN39" s="169">
        <v>0</v>
      </c>
      <c r="DO39" s="169">
        <v>0</v>
      </c>
      <c r="DP39" s="169">
        <v>0</v>
      </c>
      <c r="DQ39" s="169">
        <v>0</v>
      </c>
      <c r="DR39" s="170">
        <v>0</v>
      </c>
      <c r="DS39" s="171">
        <v>0</v>
      </c>
      <c r="DT39" s="168">
        <v>0</v>
      </c>
      <c r="DU39" s="169">
        <v>0</v>
      </c>
      <c r="DV39" s="170">
        <v>0</v>
      </c>
      <c r="DW39" s="439">
        <v>0</v>
      </c>
      <c r="DX39" s="169">
        <v>0</v>
      </c>
      <c r="DY39" s="169">
        <v>0</v>
      </c>
      <c r="DZ39" s="169">
        <v>0</v>
      </c>
      <c r="EA39" s="169">
        <v>0</v>
      </c>
      <c r="EB39" s="169">
        <v>0</v>
      </c>
      <c r="EC39" s="170">
        <v>0</v>
      </c>
      <c r="ED39" s="171">
        <v>0</v>
      </c>
      <c r="EE39" s="168">
        <v>0</v>
      </c>
      <c r="EF39" s="169">
        <v>0</v>
      </c>
      <c r="EG39" s="170">
        <v>0</v>
      </c>
      <c r="EH39" s="439">
        <v>0</v>
      </c>
      <c r="EI39" s="169">
        <v>0</v>
      </c>
      <c r="EJ39" s="169">
        <v>0</v>
      </c>
      <c r="EK39" s="169">
        <v>0</v>
      </c>
      <c r="EL39" s="169">
        <v>0</v>
      </c>
      <c r="EM39" s="169">
        <v>0</v>
      </c>
      <c r="EN39" s="170">
        <v>0</v>
      </c>
      <c r="EO39" s="171">
        <v>0</v>
      </c>
      <c r="EP39" s="168">
        <v>0</v>
      </c>
      <c r="EQ39" s="169">
        <v>0</v>
      </c>
      <c r="ER39" s="170">
        <v>0</v>
      </c>
      <c r="ES39" s="439">
        <v>0</v>
      </c>
      <c r="ET39" s="169">
        <v>0</v>
      </c>
      <c r="EU39" s="169">
        <v>0</v>
      </c>
      <c r="EV39" s="169">
        <v>0</v>
      </c>
      <c r="EW39" s="169">
        <v>0</v>
      </c>
      <c r="EX39" s="169">
        <v>0</v>
      </c>
      <c r="EY39" s="170">
        <v>0</v>
      </c>
      <c r="EZ39" s="171">
        <v>0</v>
      </c>
      <c r="FA39" s="168">
        <v>0</v>
      </c>
      <c r="FB39" s="169">
        <v>4</v>
      </c>
      <c r="FC39" s="170">
        <v>4</v>
      </c>
      <c r="FD39" s="439">
        <v>0</v>
      </c>
      <c r="FE39" s="169">
        <v>2</v>
      </c>
      <c r="FF39" s="169">
        <v>4</v>
      </c>
      <c r="FG39" s="169">
        <v>1</v>
      </c>
      <c r="FH39" s="169">
        <v>2</v>
      </c>
      <c r="FI39" s="169">
        <v>0</v>
      </c>
      <c r="FJ39" s="170">
        <v>9</v>
      </c>
      <c r="FK39" s="171">
        <v>13</v>
      </c>
      <c r="FL39" s="168">
        <v>1</v>
      </c>
      <c r="FM39" s="169">
        <v>2</v>
      </c>
      <c r="FN39" s="170">
        <v>3</v>
      </c>
      <c r="FO39" s="439">
        <v>0</v>
      </c>
      <c r="FP39" s="169">
        <v>1</v>
      </c>
      <c r="FQ39" s="169">
        <v>3</v>
      </c>
      <c r="FR39" s="169">
        <v>1</v>
      </c>
      <c r="FS39" s="169">
        <v>1</v>
      </c>
      <c r="FT39" s="169">
        <v>2</v>
      </c>
      <c r="FU39" s="170">
        <v>8</v>
      </c>
      <c r="FV39" s="171">
        <v>11</v>
      </c>
      <c r="FW39" s="168">
        <v>0</v>
      </c>
      <c r="FX39" s="169">
        <v>0</v>
      </c>
      <c r="FY39" s="170">
        <v>0</v>
      </c>
      <c r="FZ39" s="439">
        <v>0</v>
      </c>
      <c r="GA39" s="169">
        <v>0</v>
      </c>
      <c r="GB39" s="169">
        <v>0</v>
      </c>
      <c r="GC39" s="169">
        <v>0</v>
      </c>
      <c r="GD39" s="169">
        <v>0</v>
      </c>
      <c r="GE39" s="169">
        <v>0</v>
      </c>
      <c r="GF39" s="170">
        <v>0</v>
      </c>
      <c r="GG39" s="171">
        <v>0</v>
      </c>
      <c r="GH39" s="168">
        <v>1</v>
      </c>
      <c r="GI39" s="169">
        <v>6</v>
      </c>
      <c r="GJ39" s="170">
        <v>7</v>
      </c>
      <c r="GK39" s="439">
        <v>0</v>
      </c>
      <c r="GL39" s="169">
        <v>3</v>
      </c>
      <c r="GM39" s="169">
        <v>7</v>
      </c>
      <c r="GN39" s="169">
        <v>2</v>
      </c>
      <c r="GO39" s="169">
        <v>3</v>
      </c>
      <c r="GP39" s="169">
        <v>2</v>
      </c>
      <c r="GQ39" s="170">
        <v>17</v>
      </c>
      <c r="GR39" s="171">
        <v>24</v>
      </c>
      <c r="GS39" s="172">
        <v>6</v>
      </c>
      <c r="GT39" s="164">
        <v>11</v>
      </c>
      <c r="GU39" s="165">
        <v>17</v>
      </c>
      <c r="GV39" s="439">
        <v>0</v>
      </c>
      <c r="GW39" s="164">
        <v>13</v>
      </c>
      <c r="GX39" s="164">
        <v>18</v>
      </c>
      <c r="GY39" s="164">
        <v>11</v>
      </c>
      <c r="GZ39" s="164">
        <v>8</v>
      </c>
      <c r="HA39" s="164">
        <v>3</v>
      </c>
      <c r="HB39" s="166">
        <v>53</v>
      </c>
      <c r="HC39" s="167">
        <v>70</v>
      </c>
      <c r="HD39" s="168">
        <v>0</v>
      </c>
      <c r="HE39" s="169">
        <v>0</v>
      </c>
      <c r="HF39" s="170">
        <v>0</v>
      </c>
      <c r="HG39" s="439">
        <v>0</v>
      </c>
      <c r="HH39" s="169">
        <v>0</v>
      </c>
      <c r="HI39" s="169">
        <v>1</v>
      </c>
      <c r="HJ39" s="169">
        <v>0</v>
      </c>
      <c r="HK39" s="169">
        <v>1</v>
      </c>
      <c r="HL39" s="169">
        <v>0</v>
      </c>
      <c r="HM39" s="170">
        <v>2</v>
      </c>
      <c r="HN39" s="171">
        <v>2</v>
      </c>
      <c r="HO39" s="168">
        <v>1</v>
      </c>
      <c r="HP39" s="169">
        <v>1</v>
      </c>
      <c r="HQ39" s="170">
        <v>2</v>
      </c>
      <c r="HR39" s="439">
        <v>0</v>
      </c>
      <c r="HS39" s="169">
        <v>0</v>
      </c>
      <c r="HT39" s="169">
        <v>3</v>
      </c>
      <c r="HU39" s="169">
        <v>0</v>
      </c>
      <c r="HV39" s="169">
        <v>0</v>
      </c>
      <c r="HW39" s="169">
        <v>0</v>
      </c>
      <c r="HX39" s="170">
        <v>3</v>
      </c>
      <c r="HY39" s="171">
        <v>5</v>
      </c>
      <c r="HZ39" s="168">
        <v>0</v>
      </c>
      <c r="IA39" s="169">
        <v>0</v>
      </c>
      <c r="IB39" s="170">
        <v>0</v>
      </c>
      <c r="IC39" s="439">
        <v>0</v>
      </c>
      <c r="ID39" s="169">
        <v>1</v>
      </c>
      <c r="IE39" s="169">
        <v>1</v>
      </c>
      <c r="IF39" s="169">
        <v>0</v>
      </c>
      <c r="IG39" s="169">
        <v>0</v>
      </c>
      <c r="IH39" s="169">
        <v>0</v>
      </c>
      <c r="II39" s="170">
        <v>2</v>
      </c>
      <c r="IJ39" s="171">
        <v>2</v>
      </c>
      <c r="IK39" s="168">
        <v>3</v>
      </c>
      <c r="IL39" s="169">
        <v>0</v>
      </c>
      <c r="IM39" s="170">
        <v>3</v>
      </c>
      <c r="IN39" s="439">
        <v>0</v>
      </c>
      <c r="IO39" s="169">
        <v>5</v>
      </c>
      <c r="IP39" s="169">
        <v>2</v>
      </c>
      <c r="IQ39" s="169">
        <v>3</v>
      </c>
      <c r="IR39" s="169">
        <v>1</v>
      </c>
      <c r="IS39" s="169">
        <v>1</v>
      </c>
      <c r="IT39" s="170">
        <v>12</v>
      </c>
      <c r="IU39" s="171">
        <v>15</v>
      </c>
      <c r="IV39" s="168">
        <v>1</v>
      </c>
      <c r="IW39" s="169">
        <v>6</v>
      </c>
      <c r="IX39" s="170">
        <v>7</v>
      </c>
      <c r="IY39" s="439">
        <v>0</v>
      </c>
      <c r="IZ39" s="169">
        <v>5</v>
      </c>
      <c r="JA39" s="169">
        <v>5</v>
      </c>
      <c r="JB39" s="169">
        <v>3</v>
      </c>
      <c r="JC39" s="169">
        <v>3</v>
      </c>
      <c r="JD39" s="169">
        <v>0</v>
      </c>
      <c r="JE39" s="170">
        <v>16</v>
      </c>
      <c r="JF39" s="171">
        <v>23</v>
      </c>
      <c r="JG39" s="168">
        <v>1</v>
      </c>
      <c r="JH39" s="169">
        <v>4</v>
      </c>
      <c r="JI39" s="170">
        <v>5</v>
      </c>
      <c r="JJ39" s="439">
        <v>0</v>
      </c>
      <c r="JK39" s="169">
        <v>2</v>
      </c>
      <c r="JL39" s="169">
        <v>6</v>
      </c>
      <c r="JM39" s="169">
        <v>5</v>
      </c>
      <c r="JN39" s="169">
        <v>3</v>
      </c>
      <c r="JO39" s="169">
        <v>2</v>
      </c>
      <c r="JP39" s="170">
        <v>18</v>
      </c>
      <c r="JQ39" s="171">
        <v>23</v>
      </c>
      <c r="JR39" s="168">
        <v>0</v>
      </c>
      <c r="JS39" s="169">
        <v>0</v>
      </c>
      <c r="JT39" s="170">
        <v>0</v>
      </c>
      <c r="JU39" s="439">
        <v>0</v>
      </c>
      <c r="JV39" s="169">
        <v>0</v>
      </c>
      <c r="JW39" s="169">
        <v>0</v>
      </c>
      <c r="JX39" s="169">
        <v>0</v>
      </c>
      <c r="JY39" s="169">
        <v>0</v>
      </c>
      <c r="JZ39" s="169">
        <v>0</v>
      </c>
      <c r="KA39" s="170">
        <v>0</v>
      </c>
      <c r="KB39" s="171">
        <v>0</v>
      </c>
      <c r="KC39" s="168">
        <v>6</v>
      </c>
      <c r="KD39" s="169">
        <v>11</v>
      </c>
      <c r="KE39" s="170">
        <v>17</v>
      </c>
      <c r="KF39" s="439">
        <v>0</v>
      </c>
      <c r="KG39" s="169">
        <v>13</v>
      </c>
      <c r="KH39" s="169">
        <v>18</v>
      </c>
      <c r="KI39" s="169">
        <v>11</v>
      </c>
      <c r="KJ39" s="169">
        <v>8</v>
      </c>
      <c r="KK39" s="169">
        <v>3</v>
      </c>
      <c r="KL39" s="170">
        <v>53</v>
      </c>
      <c r="KM39" s="171">
        <v>70</v>
      </c>
    </row>
    <row r="40" spans="2:299" s="137" customFormat="1" ht="21" customHeight="1" thickBot="1" x14ac:dyDescent="0.25">
      <c r="B40" s="175" t="s">
        <v>37</v>
      </c>
      <c r="C40" s="176">
        <v>1</v>
      </c>
      <c r="D40" s="177">
        <v>0</v>
      </c>
      <c r="E40" s="178">
        <v>1</v>
      </c>
      <c r="F40" s="440">
        <v>0</v>
      </c>
      <c r="G40" s="177">
        <v>0</v>
      </c>
      <c r="H40" s="177">
        <v>0</v>
      </c>
      <c r="I40" s="177">
        <v>0</v>
      </c>
      <c r="J40" s="177">
        <v>1</v>
      </c>
      <c r="K40" s="177">
        <v>0</v>
      </c>
      <c r="L40" s="179">
        <v>1</v>
      </c>
      <c r="M40" s="180">
        <v>2</v>
      </c>
      <c r="N40" s="181">
        <v>0</v>
      </c>
      <c r="O40" s="182">
        <v>0</v>
      </c>
      <c r="P40" s="183">
        <v>0</v>
      </c>
      <c r="Q40" s="440">
        <v>0</v>
      </c>
      <c r="R40" s="182">
        <v>0</v>
      </c>
      <c r="S40" s="182">
        <v>0</v>
      </c>
      <c r="T40" s="182">
        <v>0</v>
      </c>
      <c r="U40" s="182">
        <v>0</v>
      </c>
      <c r="V40" s="182">
        <v>0</v>
      </c>
      <c r="W40" s="183">
        <v>0</v>
      </c>
      <c r="X40" s="184">
        <v>0</v>
      </c>
      <c r="Y40" s="181">
        <v>1</v>
      </c>
      <c r="Z40" s="182">
        <v>0</v>
      </c>
      <c r="AA40" s="183">
        <v>1</v>
      </c>
      <c r="AB40" s="440">
        <v>0</v>
      </c>
      <c r="AC40" s="182">
        <v>0</v>
      </c>
      <c r="AD40" s="182">
        <v>0</v>
      </c>
      <c r="AE40" s="182">
        <v>0</v>
      </c>
      <c r="AF40" s="182">
        <v>1</v>
      </c>
      <c r="AG40" s="182">
        <v>0</v>
      </c>
      <c r="AH40" s="183">
        <v>1</v>
      </c>
      <c r="AI40" s="184">
        <v>2</v>
      </c>
      <c r="AJ40" s="181">
        <v>0</v>
      </c>
      <c r="AK40" s="182">
        <v>0</v>
      </c>
      <c r="AL40" s="183">
        <v>0</v>
      </c>
      <c r="AM40" s="440">
        <v>0</v>
      </c>
      <c r="AN40" s="182">
        <v>0</v>
      </c>
      <c r="AO40" s="182">
        <v>0</v>
      </c>
      <c r="AP40" s="182">
        <v>0</v>
      </c>
      <c r="AQ40" s="182">
        <v>0</v>
      </c>
      <c r="AR40" s="182">
        <v>0</v>
      </c>
      <c r="AS40" s="183">
        <v>0</v>
      </c>
      <c r="AT40" s="184">
        <v>0</v>
      </c>
      <c r="AU40" s="181">
        <v>0</v>
      </c>
      <c r="AV40" s="182">
        <v>0</v>
      </c>
      <c r="AW40" s="183">
        <v>0</v>
      </c>
      <c r="AX40" s="440">
        <v>0</v>
      </c>
      <c r="AY40" s="182">
        <v>0</v>
      </c>
      <c r="AZ40" s="182">
        <v>0</v>
      </c>
      <c r="BA40" s="182">
        <v>0</v>
      </c>
      <c r="BB40" s="182">
        <v>0</v>
      </c>
      <c r="BC40" s="182">
        <v>0</v>
      </c>
      <c r="BD40" s="183">
        <v>0</v>
      </c>
      <c r="BE40" s="184">
        <v>0</v>
      </c>
      <c r="BF40" s="181">
        <v>0</v>
      </c>
      <c r="BG40" s="182">
        <v>0</v>
      </c>
      <c r="BH40" s="183">
        <v>0</v>
      </c>
      <c r="BI40" s="440">
        <v>0</v>
      </c>
      <c r="BJ40" s="182">
        <v>0</v>
      </c>
      <c r="BK40" s="182">
        <v>0</v>
      </c>
      <c r="BL40" s="182">
        <v>0</v>
      </c>
      <c r="BM40" s="182">
        <v>0</v>
      </c>
      <c r="BN40" s="182">
        <v>0</v>
      </c>
      <c r="BO40" s="183">
        <v>0</v>
      </c>
      <c r="BP40" s="184">
        <v>0</v>
      </c>
      <c r="BQ40" s="181">
        <v>0</v>
      </c>
      <c r="BR40" s="182">
        <v>0</v>
      </c>
      <c r="BS40" s="183">
        <v>0</v>
      </c>
      <c r="BT40" s="440">
        <v>0</v>
      </c>
      <c r="BU40" s="182">
        <v>0</v>
      </c>
      <c r="BV40" s="182">
        <v>0</v>
      </c>
      <c r="BW40" s="182">
        <v>0</v>
      </c>
      <c r="BX40" s="182">
        <v>0</v>
      </c>
      <c r="BY40" s="182">
        <v>0</v>
      </c>
      <c r="BZ40" s="183">
        <v>0</v>
      </c>
      <c r="CA40" s="184">
        <v>0</v>
      </c>
      <c r="CB40" s="181">
        <v>0</v>
      </c>
      <c r="CC40" s="182">
        <v>0</v>
      </c>
      <c r="CD40" s="183">
        <v>0</v>
      </c>
      <c r="CE40" s="440">
        <v>0</v>
      </c>
      <c r="CF40" s="182">
        <v>0</v>
      </c>
      <c r="CG40" s="182">
        <v>0</v>
      </c>
      <c r="CH40" s="182">
        <v>0</v>
      </c>
      <c r="CI40" s="182">
        <v>0</v>
      </c>
      <c r="CJ40" s="182">
        <v>0</v>
      </c>
      <c r="CK40" s="183">
        <v>0</v>
      </c>
      <c r="CL40" s="184">
        <v>0</v>
      </c>
      <c r="CM40" s="181">
        <v>1</v>
      </c>
      <c r="CN40" s="182">
        <v>0</v>
      </c>
      <c r="CO40" s="183">
        <v>1</v>
      </c>
      <c r="CP40" s="440">
        <v>0</v>
      </c>
      <c r="CQ40" s="182">
        <v>0</v>
      </c>
      <c r="CR40" s="182">
        <v>0</v>
      </c>
      <c r="CS40" s="182">
        <v>0</v>
      </c>
      <c r="CT40" s="182">
        <v>1</v>
      </c>
      <c r="CU40" s="182">
        <v>0</v>
      </c>
      <c r="CV40" s="183">
        <v>1</v>
      </c>
      <c r="CW40" s="184">
        <v>2</v>
      </c>
      <c r="CX40" s="185">
        <v>1</v>
      </c>
      <c r="CY40" s="177">
        <v>0</v>
      </c>
      <c r="CZ40" s="178">
        <v>1</v>
      </c>
      <c r="DA40" s="440">
        <v>0</v>
      </c>
      <c r="DB40" s="177">
        <v>0</v>
      </c>
      <c r="DC40" s="177">
        <v>0</v>
      </c>
      <c r="DD40" s="177">
        <v>0</v>
      </c>
      <c r="DE40" s="177">
        <v>0</v>
      </c>
      <c r="DF40" s="177">
        <v>1</v>
      </c>
      <c r="DG40" s="179">
        <v>1</v>
      </c>
      <c r="DH40" s="180">
        <v>2</v>
      </c>
      <c r="DI40" s="181">
        <v>0</v>
      </c>
      <c r="DJ40" s="182">
        <v>0</v>
      </c>
      <c r="DK40" s="183">
        <v>0</v>
      </c>
      <c r="DL40" s="440">
        <v>0</v>
      </c>
      <c r="DM40" s="182">
        <v>0</v>
      </c>
      <c r="DN40" s="182">
        <v>0</v>
      </c>
      <c r="DO40" s="182">
        <v>0</v>
      </c>
      <c r="DP40" s="182">
        <v>0</v>
      </c>
      <c r="DQ40" s="182">
        <v>0</v>
      </c>
      <c r="DR40" s="183">
        <v>0</v>
      </c>
      <c r="DS40" s="184">
        <v>0</v>
      </c>
      <c r="DT40" s="181">
        <v>1</v>
      </c>
      <c r="DU40" s="182">
        <v>0</v>
      </c>
      <c r="DV40" s="183">
        <v>1</v>
      </c>
      <c r="DW40" s="440">
        <v>0</v>
      </c>
      <c r="DX40" s="182">
        <v>0</v>
      </c>
      <c r="DY40" s="182">
        <v>0</v>
      </c>
      <c r="DZ40" s="182">
        <v>0</v>
      </c>
      <c r="EA40" s="182">
        <v>0</v>
      </c>
      <c r="EB40" s="182">
        <v>0</v>
      </c>
      <c r="EC40" s="183">
        <v>0</v>
      </c>
      <c r="ED40" s="184">
        <v>1</v>
      </c>
      <c r="EE40" s="181">
        <v>0</v>
      </c>
      <c r="EF40" s="182">
        <v>0</v>
      </c>
      <c r="EG40" s="183">
        <v>0</v>
      </c>
      <c r="EH40" s="440">
        <v>0</v>
      </c>
      <c r="EI40" s="182">
        <v>0</v>
      </c>
      <c r="EJ40" s="182">
        <v>0</v>
      </c>
      <c r="EK40" s="182">
        <v>0</v>
      </c>
      <c r="EL40" s="182">
        <v>0</v>
      </c>
      <c r="EM40" s="182">
        <v>0</v>
      </c>
      <c r="EN40" s="183">
        <v>0</v>
      </c>
      <c r="EO40" s="184">
        <v>0</v>
      </c>
      <c r="EP40" s="181">
        <v>0</v>
      </c>
      <c r="EQ40" s="182">
        <v>0</v>
      </c>
      <c r="ER40" s="183">
        <v>0</v>
      </c>
      <c r="ES40" s="440">
        <v>0</v>
      </c>
      <c r="ET40" s="182">
        <v>0</v>
      </c>
      <c r="EU40" s="182">
        <v>0</v>
      </c>
      <c r="EV40" s="182">
        <v>0</v>
      </c>
      <c r="EW40" s="182">
        <v>0</v>
      </c>
      <c r="EX40" s="182">
        <v>0</v>
      </c>
      <c r="EY40" s="183">
        <v>0</v>
      </c>
      <c r="EZ40" s="184">
        <v>0</v>
      </c>
      <c r="FA40" s="181">
        <v>0</v>
      </c>
      <c r="FB40" s="182">
        <v>0</v>
      </c>
      <c r="FC40" s="183">
        <v>0</v>
      </c>
      <c r="FD40" s="440">
        <v>0</v>
      </c>
      <c r="FE40" s="182">
        <v>0</v>
      </c>
      <c r="FF40" s="182">
        <v>0</v>
      </c>
      <c r="FG40" s="182">
        <v>0</v>
      </c>
      <c r="FH40" s="182">
        <v>0</v>
      </c>
      <c r="FI40" s="182">
        <v>0</v>
      </c>
      <c r="FJ40" s="183">
        <v>0</v>
      </c>
      <c r="FK40" s="184">
        <v>0</v>
      </c>
      <c r="FL40" s="181">
        <v>0</v>
      </c>
      <c r="FM40" s="182">
        <v>0</v>
      </c>
      <c r="FN40" s="183">
        <v>0</v>
      </c>
      <c r="FO40" s="440">
        <v>0</v>
      </c>
      <c r="FP40" s="182">
        <v>0</v>
      </c>
      <c r="FQ40" s="182">
        <v>0</v>
      </c>
      <c r="FR40" s="182">
        <v>0</v>
      </c>
      <c r="FS40" s="182">
        <v>0</v>
      </c>
      <c r="FT40" s="182">
        <v>1</v>
      </c>
      <c r="FU40" s="183">
        <v>1</v>
      </c>
      <c r="FV40" s="184">
        <v>1</v>
      </c>
      <c r="FW40" s="181">
        <v>0</v>
      </c>
      <c r="FX40" s="182">
        <v>0</v>
      </c>
      <c r="FY40" s="183">
        <v>0</v>
      </c>
      <c r="FZ40" s="440">
        <v>0</v>
      </c>
      <c r="GA40" s="182">
        <v>0</v>
      </c>
      <c r="GB40" s="182">
        <v>0</v>
      </c>
      <c r="GC40" s="182">
        <v>0</v>
      </c>
      <c r="GD40" s="182">
        <v>0</v>
      </c>
      <c r="GE40" s="182">
        <v>0</v>
      </c>
      <c r="GF40" s="183">
        <v>0</v>
      </c>
      <c r="GG40" s="184">
        <v>0</v>
      </c>
      <c r="GH40" s="181">
        <v>1</v>
      </c>
      <c r="GI40" s="182">
        <v>0</v>
      </c>
      <c r="GJ40" s="183">
        <v>1</v>
      </c>
      <c r="GK40" s="440">
        <v>0</v>
      </c>
      <c r="GL40" s="182">
        <v>0</v>
      </c>
      <c r="GM40" s="182">
        <v>0</v>
      </c>
      <c r="GN40" s="182">
        <v>0</v>
      </c>
      <c r="GO40" s="182">
        <v>0</v>
      </c>
      <c r="GP40" s="182">
        <v>1</v>
      </c>
      <c r="GQ40" s="183">
        <v>1</v>
      </c>
      <c r="GR40" s="184">
        <v>2</v>
      </c>
      <c r="GS40" s="185">
        <v>2</v>
      </c>
      <c r="GT40" s="177">
        <v>0</v>
      </c>
      <c r="GU40" s="178">
        <v>2</v>
      </c>
      <c r="GV40" s="440">
        <v>0</v>
      </c>
      <c r="GW40" s="177">
        <v>0</v>
      </c>
      <c r="GX40" s="177">
        <v>0</v>
      </c>
      <c r="GY40" s="177">
        <v>0</v>
      </c>
      <c r="GZ40" s="177">
        <v>1</v>
      </c>
      <c r="HA40" s="177">
        <v>1</v>
      </c>
      <c r="HB40" s="179">
        <v>2</v>
      </c>
      <c r="HC40" s="180">
        <v>4</v>
      </c>
      <c r="HD40" s="181">
        <v>0</v>
      </c>
      <c r="HE40" s="182">
        <v>0</v>
      </c>
      <c r="HF40" s="183">
        <v>0</v>
      </c>
      <c r="HG40" s="440">
        <v>0</v>
      </c>
      <c r="HH40" s="182">
        <v>0</v>
      </c>
      <c r="HI40" s="182">
        <v>0</v>
      </c>
      <c r="HJ40" s="182">
        <v>0</v>
      </c>
      <c r="HK40" s="182">
        <v>0</v>
      </c>
      <c r="HL40" s="182">
        <v>0</v>
      </c>
      <c r="HM40" s="183">
        <v>0</v>
      </c>
      <c r="HN40" s="184">
        <v>0</v>
      </c>
      <c r="HO40" s="181">
        <v>2</v>
      </c>
      <c r="HP40" s="182">
        <v>0</v>
      </c>
      <c r="HQ40" s="183">
        <v>2</v>
      </c>
      <c r="HR40" s="440">
        <v>0</v>
      </c>
      <c r="HS40" s="182">
        <v>0</v>
      </c>
      <c r="HT40" s="182">
        <v>0</v>
      </c>
      <c r="HU40" s="182">
        <v>0</v>
      </c>
      <c r="HV40" s="182">
        <v>1</v>
      </c>
      <c r="HW40" s="182">
        <v>0</v>
      </c>
      <c r="HX40" s="183">
        <v>1</v>
      </c>
      <c r="HY40" s="184">
        <v>3</v>
      </c>
      <c r="HZ40" s="181">
        <v>0</v>
      </c>
      <c r="IA40" s="182">
        <v>0</v>
      </c>
      <c r="IB40" s="183">
        <v>0</v>
      </c>
      <c r="IC40" s="440">
        <v>0</v>
      </c>
      <c r="ID40" s="182">
        <v>0</v>
      </c>
      <c r="IE40" s="182">
        <v>0</v>
      </c>
      <c r="IF40" s="182">
        <v>0</v>
      </c>
      <c r="IG40" s="182">
        <v>0</v>
      </c>
      <c r="IH40" s="182">
        <v>0</v>
      </c>
      <c r="II40" s="183">
        <v>0</v>
      </c>
      <c r="IJ40" s="184">
        <v>0</v>
      </c>
      <c r="IK40" s="181">
        <v>0</v>
      </c>
      <c r="IL40" s="182">
        <v>0</v>
      </c>
      <c r="IM40" s="183">
        <v>0</v>
      </c>
      <c r="IN40" s="440">
        <v>0</v>
      </c>
      <c r="IO40" s="182">
        <v>0</v>
      </c>
      <c r="IP40" s="182">
        <v>0</v>
      </c>
      <c r="IQ40" s="182">
        <v>0</v>
      </c>
      <c r="IR40" s="182">
        <v>0</v>
      </c>
      <c r="IS40" s="182">
        <v>0</v>
      </c>
      <c r="IT40" s="183">
        <v>0</v>
      </c>
      <c r="IU40" s="184">
        <v>0</v>
      </c>
      <c r="IV40" s="181">
        <v>0</v>
      </c>
      <c r="IW40" s="182">
        <v>0</v>
      </c>
      <c r="IX40" s="183">
        <v>0</v>
      </c>
      <c r="IY40" s="440">
        <v>0</v>
      </c>
      <c r="IZ40" s="182">
        <v>0</v>
      </c>
      <c r="JA40" s="182">
        <v>0</v>
      </c>
      <c r="JB40" s="182">
        <v>0</v>
      </c>
      <c r="JC40" s="182">
        <v>0</v>
      </c>
      <c r="JD40" s="182">
        <v>0</v>
      </c>
      <c r="JE40" s="183">
        <v>0</v>
      </c>
      <c r="JF40" s="184">
        <v>0</v>
      </c>
      <c r="JG40" s="181">
        <v>0</v>
      </c>
      <c r="JH40" s="182">
        <v>0</v>
      </c>
      <c r="JI40" s="183">
        <v>0</v>
      </c>
      <c r="JJ40" s="440">
        <v>0</v>
      </c>
      <c r="JK40" s="182">
        <v>0</v>
      </c>
      <c r="JL40" s="182">
        <v>0</v>
      </c>
      <c r="JM40" s="182">
        <v>0</v>
      </c>
      <c r="JN40" s="182">
        <v>0</v>
      </c>
      <c r="JO40" s="182">
        <v>1</v>
      </c>
      <c r="JP40" s="183">
        <v>1</v>
      </c>
      <c r="JQ40" s="184">
        <v>1</v>
      </c>
      <c r="JR40" s="181">
        <v>0</v>
      </c>
      <c r="JS40" s="182">
        <v>0</v>
      </c>
      <c r="JT40" s="183">
        <v>0</v>
      </c>
      <c r="JU40" s="440">
        <v>0</v>
      </c>
      <c r="JV40" s="182">
        <v>0</v>
      </c>
      <c r="JW40" s="182">
        <v>0</v>
      </c>
      <c r="JX40" s="182">
        <v>0</v>
      </c>
      <c r="JY40" s="182">
        <v>0</v>
      </c>
      <c r="JZ40" s="182">
        <v>0</v>
      </c>
      <c r="KA40" s="183">
        <v>0</v>
      </c>
      <c r="KB40" s="184">
        <v>0</v>
      </c>
      <c r="KC40" s="181">
        <v>2</v>
      </c>
      <c r="KD40" s="182">
        <v>0</v>
      </c>
      <c r="KE40" s="183">
        <v>2</v>
      </c>
      <c r="KF40" s="440">
        <v>0</v>
      </c>
      <c r="KG40" s="182">
        <v>0</v>
      </c>
      <c r="KH40" s="182">
        <v>0</v>
      </c>
      <c r="KI40" s="182">
        <v>0</v>
      </c>
      <c r="KJ40" s="182">
        <v>1</v>
      </c>
      <c r="KK40" s="182">
        <v>1</v>
      </c>
      <c r="KL40" s="183">
        <v>2</v>
      </c>
      <c r="KM40" s="184">
        <v>4</v>
      </c>
    </row>
    <row r="41" spans="2:299" ht="32.25" customHeight="1" x14ac:dyDescent="0.2">
      <c r="C41" s="137" t="s">
        <v>124</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3" customWidth="1"/>
    <col min="2" max="2" width="9.77734375" style="13" customWidth="1"/>
    <col min="3" max="6" width="7.77734375" style="11" customWidth="1"/>
    <col min="7" max="7" width="8.109375" style="11" customWidth="1"/>
    <col min="8" max="8" width="7.44140625" style="11" customWidth="1"/>
    <col min="9" max="9" width="9.109375" style="11" customWidth="1"/>
    <col min="10" max="10" width="7.77734375" style="11" customWidth="1"/>
    <col min="11" max="11" width="8.6640625" style="11" customWidth="1"/>
    <col min="12" max="12" width="9.33203125" style="11" customWidth="1"/>
    <col min="13" max="13" width="8.33203125" style="11" customWidth="1"/>
    <col min="14" max="26" width="7.77734375" style="11" customWidth="1"/>
    <col min="27" max="33" width="7.77734375" style="13" customWidth="1"/>
    <col min="34" max="34" width="9" style="13"/>
    <col min="35" max="35" width="8.6640625" style="13" customWidth="1"/>
    <col min="36" max="16384" width="9" style="13"/>
  </cols>
  <sheetData>
    <row r="1" spans="2:35" ht="24" customHeight="1" x14ac:dyDescent="0.2">
      <c r="B1" s="10" t="s">
        <v>131</v>
      </c>
      <c r="F1" s="12"/>
      <c r="G1" s="464">
        <f>第１表!F2</f>
        <v>6</v>
      </c>
      <c r="H1" s="464"/>
      <c r="I1" s="43">
        <f>第１表!G2</f>
        <v>4</v>
      </c>
      <c r="J1" s="468">
        <f>IF(I1&lt;3,I1+12-2,I1-2)</f>
        <v>2</v>
      </c>
      <c r="K1" s="468"/>
    </row>
    <row r="2" spans="2:35" ht="24" customHeight="1" thickBot="1" x14ac:dyDescent="0.25">
      <c r="B2" s="76"/>
      <c r="J2" s="14"/>
      <c r="K2" s="14"/>
      <c r="L2" s="14"/>
      <c r="M2" s="14"/>
      <c r="N2" s="14"/>
      <c r="O2" s="14"/>
      <c r="P2" s="15"/>
      <c r="Q2" s="15"/>
      <c r="R2" s="15"/>
    </row>
    <row r="3" spans="2:35" s="16" customFormat="1" ht="21" customHeight="1" thickBot="1" x14ac:dyDescent="0.25">
      <c r="B3" s="18"/>
      <c r="C3" s="465" t="s">
        <v>53</v>
      </c>
      <c r="D3" s="466"/>
      <c r="E3" s="466"/>
      <c r="F3" s="466"/>
      <c r="G3" s="466"/>
      <c r="H3" s="466"/>
      <c r="I3" s="466"/>
      <c r="J3" s="466"/>
      <c r="K3" s="466"/>
      <c r="L3" s="466"/>
      <c r="M3" s="467"/>
      <c r="N3" s="465" t="s">
        <v>54</v>
      </c>
      <c r="O3" s="466"/>
      <c r="P3" s="466"/>
      <c r="Q3" s="466"/>
      <c r="R3" s="466"/>
      <c r="S3" s="466"/>
      <c r="T3" s="466"/>
      <c r="U3" s="466"/>
      <c r="V3" s="466"/>
      <c r="W3" s="466"/>
      <c r="X3" s="467"/>
      <c r="Y3" s="465" t="s">
        <v>55</v>
      </c>
      <c r="Z3" s="466"/>
      <c r="AA3" s="466"/>
      <c r="AB3" s="466"/>
      <c r="AC3" s="466"/>
      <c r="AD3" s="466"/>
      <c r="AE3" s="466"/>
      <c r="AF3" s="466"/>
      <c r="AG3" s="466"/>
      <c r="AH3" s="466"/>
      <c r="AI3" s="467"/>
    </row>
    <row r="4" spans="2:35" s="16" customFormat="1" ht="30" customHeight="1" thickBot="1" x14ac:dyDescent="0.25">
      <c r="B4" s="18" t="s">
        <v>42</v>
      </c>
      <c r="C4" s="19" t="s">
        <v>43</v>
      </c>
      <c r="D4" s="20" t="s">
        <v>44</v>
      </c>
      <c r="E4" s="21" t="s">
        <v>45</v>
      </c>
      <c r="F4" s="22" t="s">
        <v>46</v>
      </c>
      <c r="G4" s="20" t="s">
        <v>47</v>
      </c>
      <c r="H4" s="20" t="s">
        <v>48</v>
      </c>
      <c r="I4" s="20" t="s">
        <v>49</v>
      </c>
      <c r="J4" s="20" t="s">
        <v>50</v>
      </c>
      <c r="K4" s="20" t="s">
        <v>51</v>
      </c>
      <c r="L4" s="21" t="s">
        <v>45</v>
      </c>
      <c r="M4" s="17" t="s">
        <v>52</v>
      </c>
      <c r="N4" s="19" t="s">
        <v>43</v>
      </c>
      <c r="O4" s="20" t="s">
        <v>44</v>
      </c>
      <c r="P4" s="21" t="s">
        <v>45</v>
      </c>
      <c r="Q4" s="22" t="s">
        <v>46</v>
      </c>
      <c r="R4" s="20" t="s">
        <v>47</v>
      </c>
      <c r="S4" s="20" t="s">
        <v>48</v>
      </c>
      <c r="T4" s="20" t="s">
        <v>49</v>
      </c>
      <c r="U4" s="20" t="s">
        <v>50</v>
      </c>
      <c r="V4" s="20" t="s">
        <v>51</v>
      </c>
      <c r="W4" s="21" t="s">
        <v>45</v>
      </c>
      <c r="X4" s="17" t="s">
        <v>52</v>
      </c>
      <c r="Y4" s="19" t="s">
        <v>43</v>
      </c>
      <c r="Z4" s="20" t="s">
        <v>44</v>
      </c>
      <c r="AA4" s="21" t="s">
        <v>45</v>
      </c>
      <c r="AB4" s="22" t="s">
        <v>46</v>
      </c>
      <c r="AC4" s="20" t="s">
        <v>47</v>
      </c>
      <c r="AD4" s="20" t="s">
        <v>48</v>
      </c>
      <c r="AE4" s="20" t="s">
        <v>49</v>
      </c>
      <c r="AF4" s="20" t="s">
        <v>50</v>
      </c>
      <c r="AG4" s="20" t="s">
        <v>51</v>
      </c>
      <c r="AH4" s="21" t="s">
        <v>45</v>
      </c>
      <c r="AI4" s="17" t="s">
        <v>52</v>
      </c>
    </row>
    <row r="5" spans="2:35" ht="21" customHeight="1" x14ac:dyDescent="0.2">
      <c r="B5" s="129" t="s">
        <v>4</v>
      </c>
      <c r="C5" s="26">
        <v>17331</v>
      </c>
      <c r="D5" s="27">
        <v>31439</v>
      </c>
      <c r="E5" s="28">
        <v>48770</v>
      </c>
      <c r="F5" s="23">
        <v>0</v>
      </c>
      <c r="G5" s="27">
        <v>60829</v>
      </c>
      <c r="H5" s="27">
        <v>62933</v>
      </c>
      <c r="I5" s="27">
        <v>35807</v>
      </c>
      <c r="J5" s="27">
        <v>27204</v>
      </c>
      <c r="K5" s="27">
        <v>16360</v>
      </c>
      <c r="L5" s="28">
        <v>203133</v>
      </c>
      <c r="M5" s="29">
        <v>251903</v>
      </c>
      <c r="N5" s="30">
        <v>350</v>
      </c>
      <c r="O5" s="27">
        <v>890</v>
      </c>
      <c r="P5" s="28">
        <v>1240</v>
      </c>
      <c r="Q5" s="23">
        <v>0</v>
      </c>
      <c r="R5" s="27">
        <v>1051</v>
      </c>
      <c r="S5" s="27">
        <v>1962</v>
      </c>
      <c r="T5" s="27">
        <v>1019</v>
      </c>
      <c r="U5" s="27">
        <v>806</v>
      </c>
      <c r="V5" s="27">
        <v>776</v>
      </c>
      <c r="W5" s="28">
        <v>5614</v>
      </c>
      <c r="X5" s="29">
        <v>6854</v>
      </c>
      <c r="Y5" s="26">
        <v>17681</v>
      </c>
      <c r="Z5" s="27">
        <v>32329</v>
      </c>
      <c r="AA5" s="28">
        <v>50010</v>
      </c>
      <c r="AB5" s="23">
        <v>0</v>
      </c>
      <c r="AC5" s="27">
        <v>61880</v>
      </c>
      <c r="AD5" s="27">
        <v>64895</v>
      </c>
      <c r="AE5" s="27">
        <v>36826</v>
      </c>
      <c r="AF5" s="27">
        <v>28010</v>
      </c>
      <c r="AG5" s="27">
        <v>17136</v>
      </c>
      <c r="AH5" s="28">
        <v>208747</v>
      </c>
      <c r="AI5" s="29">
        <v>258757</v>
      </c>
    </row>
    <row r="6" spans="2:35" ht="21" customHeight="1" x14ac:dyDescent="0.2">
      <c r="B6" s="130" t="s">
        <v>5</v>
      </c>
      <c r="C6" s="31">
        <v>6379</v>
      </c>
      <c r="D6" s="32">
        <v>13983</v>
      </c>
      <c r="E6" s="33">
        <v>20362</v>
      </c>
      <c r="F6" s="24">
        <v>0</v>
      </c>
      <c r="G6" s="32">
        <v>15939</v>
      </c>
      <c r="H6" s="32">
        <v>23520</v>
      </c>
      <c r="I6" s="32">
        <v>11896</v>
      </c>
      <c r="J6" s="32">
        <v>9268</v>
      </c>
      <c r="K6" s="32">
        <v>5415</v>
      </c>
      <c r="L6" s="33">
        <v>66038</v>
      </c>
      <c r="M6" s="34">
        <v>86400</v>
      </c>
      <c r="N6" s="35">
        <v>122</v>
      </c>
      <c r="O6" s="32">
        <v>386</v>
      </c>
      <c r="P6" s="33">
        <v>508</v>
      </c>
      <c r="Q6" s="24">
        <v>0</v>
      </c>
      <c r="R6" s="32">
        <v>229</v>
      </c>
      <c r="S6" s="32">
        <v>798</v>
      </c>
      <c r="T6" s="32">
        <v>385</v>
      </c>
      <c r="U6" s="32">
        <v>297</v>
      </c>
      <c r="V6" s="32">
        <v>307</v>
      </c>
      <c r="W6" s="33">
        <v>2016</v>
      </c>
      <c r="X6" s="34">
        <v>2524</v>
      </c>
      <c r="Y6" s="31">
        <v>6501</v>
      </c>
      <c r="Z6" s="32">
        <v>14369</v>
      </c>
      <c r="AA6" s="33">
        <v>20870</v>
      </c>
      <c r="AB6" s="24">
        <v>0</v>
      </c>
      <c r="AC6" s="32">
        <v>16168</v>
      </c>
      <c r="AD6" s="32">
        <v>24318</v>
      </c>
      <c r="AE6" s="32">
        <v>12281</v>
      </c>
      <c r="AF6" s="32">
        <v>9565</v>
      </c>
      <c r="AG6" s="32">
        <v>5722</v>
      </c>
      <c r="AH6" s="33">
        <v>68054</v>
      </c>
      <c r="AI6" s="34">
        <v>88924</v>
      </c>
    </row>
    <row r="7" spans="2:35" ht="21" customHeight="1" x14ac:dyDescent="0.2">
      <c r="B7" s="131" t="s">
        <v>6</v>
      </c>
      <c r="C7" s="31">
        <v>2421</v>
      </c>
      <c r="D7" s="32">
        <v>3788</v>
      </c>
      <c r="E7" s="33">
        <v>6209</v>
      </c>
      <c r="F7" s="24">
        <v>0</v>
      </c>
      <c r="G7" s="32">
        <v>11065</v>
      </c>
      <c r="H7" s="32">
        <v>9445</v>
      </c>
      <c r="I7" s="32">
        <v>5672</v>
      </c>
      <c r="J7" s="32">
        <v>4367</v>
      </c>
      <c r="K7" s="32">
        <v>2859</v>
      </c>
      <c r="L7" s="33">
        <v>33408</v>
      </c>
      <c r="M7" s="34">
        <v>39617</v>
      </c>
      <c r="N7" s="35">
        <v>76</v>
      </c>
      <c r="O7" s="32">
        <v>116</v>
      </c>
      <c r="P7" s="33">
        <v>192</v>
      </c>
      <c r="Q7" s="24">
        <v>0</v>
      </c>
      <c r="R7" s="32">
        <v>228</v>
      </c>
      <c r="S7" s="32">
        <v>280</v>
      </c>
      <c r="T7" s="32">
        <v>153</v>
      </c>
      <c r="U7" s="32">
        <v>138</v>
      </c>
      <c r="V7" s="32">
        <v>132</v>
      </c>
      <c r="W7" s="33">
        <v>931</v>
      </c>
      <c r="X7" s="34">
        <v>1123</v>
      </c>
      <c r="Y7" s="31">
        <v>2497</v>
      </c>
      <c r="Z7" s="32">
        <v>3904</v>
      </c>
      <c r="AA7" s="33">
        <v>6401</v>
      </c>
      <c r="AB7" s="24">
        <v>0</v>
      </c>
      <c r="AC7" s="32">
        <v>11293</v>
      </c>
      <c r="AD7" s="32">
        <v>9725</v>
      </c>
      <c r="AE7" s="32">
        <v>5825</v>
      </c>
      <c r="AF7" s="32">
        <v>4505</v>
      </c>
      <c r="AG7" s="32">
        <v>2991</v>
      </c>
      <c r="AH7" s="33">
        <v>34339</v>
      </c>
      <c r="AI7" s="34">
        <v>40740</v>
      </c>
    </row>
    <row r="8" spans="2:35" ht="21" customHeight="1" x14ac:dyDescent="0.2">
      <c r="B8" s="131" t="s">
        <v>14</v>
      </c>
      <c r="C8" s="31">
        <v>1206</v>
      </c>
      <c r="D8" s="32">
        <v>2844</v>
      </c>
      <c r="E8" s="33">
        <v>4050</v>
      </c>
      <c r="F8" s="24">
        <v>0</v>
      </c>
      <c r="G8" s="32">
        <v>4614</v>
      </c>
      <c r="H8" s="32">
        <v>5748</v>
      </c>
      <c r="I8" s="32">
        <v>3551</v>
      </c>
      <c r="J8" s="32">
        <v>2454</v>
      </c>
      <c r="K8" s="32">
        <v>1310</v>
      </c>
      <c r="L8" s="33">
        <v>17677</v>
      </c>
      <c r="M8" s="34">
        <v>21727</v>
      </c>
      <c r="N8" s="35">
        <v>19</v>
      </c>
      <c r="O8" s="32">
        <v>103</v>
      </c>
      <c r="P8" s="33">
        <v>122</v>
      </c>
      <c r="Q8" s="24">
        <v>0</v>
      </c>
      <c r="R8" s="32">
        <v>59</v>
      </c>
      <c r="S8" s="32">
        <v>190</v>
      </c>
      <c r="T8" s="32">
        <v>91</v>
      </c>
      <c r="U8" s="32">
        <v>71</v>
      </c>
      <c r="V8" s="32">
        <v>70</v>
      </c>
      <c r="W8" s="33">
        <v>481</v>
      </c>
      <c r="X8" s="34">
        <v>603</v>
      </c>
      <c r="Y8" s="31">
        <v>1225</v>
      </c>
      <c r="Z8" s="32">
        <v>2947</v>
      </c>
      <c r="AA8" s="33">
        <v>4172</v>
      </c>
      <c r="AB8" s="24">
        <v>0</v>
      </c>
      <c r="AC8" s="32">
        <v>4673</v>
      </c>
      <c r="AD8" s="32">
        <v>5938</v>
      </c>
      <c r="AE8" s="32">
        <v>3642</v>
      </c>
      <c r="AF8" s="32">
        <v>2525</v>
      </c>
      <c r="AG8" s="32">
        <v>1380</v>
      </c>
      <c r="AH8" s="33">
        <v>18158</v>
      </c>
      <c r="AI8" s="34">
        <v>22330</v>
      </c>
    </row>
    <row r="9" spans="2:35" ht="21" customHeight="1" x14ac:dyDescent="0.2">
      <c r="B9" s="131" t="s">
        <v>7</v>
      </c>
      <c r="C9" s="31">
        <v>610</v>
      </c>
      <c r="D9" s="32">
        <v>957</v>
      </c>
      <c r="E9" s="33">
        <v>1567</v>
      </c>
      <c r="F9" s="24">
        <v>0</v>
      </c>
      <c r="G9" s="32">
        <v>5022</v>
      </c>
      <c r="H9" s="32">
        <v>3436</v>
      </c>
      <c r="I9" s="32">
        <v>1836</v>
      </c>
      <c r="J9" s="32">
        <v>1431</v>
      </c>
      <c r="K9" s="32">
        <v>903</v>
      </c>
      <c r="L9" s="33">
        <v>12628</v>
      </c>
      <c r="M9" s="34">
        <v>14195</v>
      </c>
      <c r="N9" s="35">
        <v>6</v>
      </c>
      <c r="O9" s="32">
        <v>19</v>
      </c>
      <c r="P9" s="33">
        <v>25</v>
      </c>
      <c r="Q9" s="24">
        <v>0</v>
      </c>
      <c r="R9" s="32">
        <v>89</v>
      </c>
      <c r="S9" s="32">
        <v>97</v>
      </c>
      <c r="T9" s="32">
        <v>50</v>
      </c>
      <c r="U9" s="32">
        <v>38</v>
      </c>
      <c r="V9" s="32">
        <v>23</v>
      </c>
      <c r="W9" s="33">
        <v>297</v>
      </c>
      <c r="X9" s="34">
        <v>322</v>
      </c>
      <c r="Y9" s="31">
        <v>616</v>
      </c>
      <c r="Z9" s="32">
        <v>976</v>
      </c>
      <c r="AA9" s="33">
        <v>1592</v>
      </c>
      <c r="AB9" s="24">
        <v>0</v>
      </c>
      <c r="AC9" s="32">
        <v>5111</v>
      </c>
      <c r="AD9" s="32">
        <v>3533</v>
      </c>
      <c r="AE9" s="32">
        <v>1886</v>
      </c>
      <c r="AF9" s="32">
        <v>1469</v>
      </c>
      <c r="AG9" s="32">
        <v>926</v>
      </c>
      <c r="AH9" s="33">
        <v>12925</v>
      </c>
      <c r="AI9" s="34">
        <v>14517</v>
      </c>
    </row>
    <row r="10" spans="2:35" ht="21" customHeight="1" x14ac:dyDescent="0.2">
      <c r="B10" s="131" t="s">
        <v>8</v>
      </c>
      <c r="C10" s="31">
        <v>632</v>
      </c>
      <c r="D10" s="32">
        <v>732</v>
      </c>
      <c r="E10" s="33">
        <v>1364</v>
      </c>
      <c r="F10" s="24">
        <v>0</v>
      </c>
      <c r="G10" s="32">
        <v>2102</v>
      </c>
      <c r="H10" s="32">
        <v>2151</v>
      </c>
      <c r="I10" s="32">
        <v>1268</v>
      </c>
      <c r="J10" s="32">
        <v>914</v>
      </c>
      <c r="K10" s="32">
        <v>548</v>
      </c>
      <c r="L10" s="33">
        <v>6983</v>
      </c>
      <c r="M10" s="34">
        <v>8347</v>
      </c>
      <c r="N10" s="35">
        <v>11</v>
      </c>
      <c r="O10" s="32">
        <v>23</v>
      </c>
      <c r="P10" s="33">
        <v>34</v>
      </c>
      <c r="Q10" s="24">
        <v>0</v>
      </c>
      <c r="R10" s="32">
        <v>41</v>
      </c>
      <c r="S10" s="32">
        <v>71</v>
      </c>
      <c r="T10" s="32">
        <v>32</v>
      </c>
      <c r="U10" s="32">
        <v>30</v>
      </c>
      <c r="V10" s="32">
        <v>20</v>
      </c>
      <c r="W10" s="33">
        <v>194</v>
      </c>
      <c r="X10" s="34">
        <v>228</v>
      </c>
      <c r="Y10" s="31">
        <v>643</v>
      </c>
      <c r="Z10" s="32">
        <v>755</v>
      </c>
      <c r="AA10" s="33">
        <v>1398</v>
      </c>
      <c r="AB10" s="24">
        <v>0</v>
      </c>
      <c r="AC10" s="32">
        <v>2143</v>
      </c>
      <c r="AD10" s="32">
        <v>2222</v>
      </c>
      <c r="AE10" s="32">
        <v>1300</v>
      </c>
      <c r="AF10" s="32">
        <v>944</v>
      </c>
      <c r="AG10" s="32">
        <v>568</v>
      </c>
      <c r="AH10" s="33">
        <v>7177</v>
      </c>
      <c r="AI10" s="34">
        <v>8575</v>
      </c>
    </row>
    <row r="11" spans="2:35" ht="21" customHeight="1" x14ac:dyDescent="0.2">
      <c r="B11" s="131" t="s">
        <v>9</v>
      </c>
      <c r="C11" s="31">
        <v>516</v>
      </c>
      <c r="D11" s="32">
        <v>592</v>
      </c>
      <c r="E11" s="33">
        <v>1108</v>
      </c>
      <c r="F11" s="24">
        <v>0</v>
      </c>
      <c r="G11" s="32">
        <v>2010</v>
      </c>
      <c r="H11" s="32">
        <v>1501</v>
      </c>
      <c r="I11" s="32">
        <v>1045</v>
      </c>
      <c r="J11" s="32">
        <v>878</v>
      </c>
      <c r="K11" s="32">
        <v>545</v>
      </c>
      <c r="L11" s="33">
        <v>5979</v>
      </c>
      <c r="M11" s="34">
        <v>7087</v>
      </c>
      <c r="N11" s="35">
        <v>5</v>
      </c>
      <c r="O11" s="32">
        <v>10</v>
      </c>
      <c r="P11" s="33">
        <v>15</v>
      </c>
      <c r="Q11" s="24">
        <v>0</v>
      </c>
      <c r="R11" s="32">
        <v>35</v>
      </c>
      <c r="S11" s="32">
        <v>29</v>
      </c>
      <c r="T11" s="32">
        <v>16</v>
      </c>
      <c r="U11" s="32">
        <v>18</v>
      </c>
      <c r="V11" s="32">
        <v>16</v>
      </c>
      <c r="W11" s="33">
        <v>114</v>
      </c>
      <c r="X11" s="34">
        <v>129</v>
      </c>
      <c r="Y11" s="31">
        <v>521</v>
      </c>
      <c r="Z11" s="32">
        <v>602</v>
      </c>
      <c r="AA11" s="33">
        <v>1123</v>
      </c>
      <c r="AB11" s="24">
        <v>0</v>
      </c>
      <c r="AC11" s="32">
        <v>2045</v>
      </c>
      <c r="AD11" s="32">
        <v>1530</v>
      </c>
      <c r="AE11" s="32">
        <v>1061</v>
      </c>
      <c r="AF11" s="32">
        <v>896</v>
      </c>
      <c r="AG11" s="32">
        <v>561</v>
      </c>
      <c r="AH11" s="33">
        <v>6093</v>
      </c>
      <c r="AI11" s="34">
        <v>7216</v>
      </c>
    </row>
    <row r="12" spans="2:35" ht="21" customHeight="1" x14ac:dyDescent="0.2">
      <c r="B12" s="131" t="s">
        <v>10</v>
      </c>
      <c r="C12" s="31">
        <v>1281</v>
      </c>
      <c r="D12" s="32">
        <v>1558</v>
      </c>
      <c r="E12" s="33">
        <v>2839</v>
      </c>
      <c r="F12" s="24">
        <v>0</v>
      </c>
      <c r="G12" s="32">
        <v>4192</v>
      </c>
      <c r="H12" s="32">
        <v>2493</v>
      </c>
      <c r="I12" s="32">
        <v>1594</v>
      </c>
      <c r="J12" s="32">
        <v>1297</v>
      </c>
      <c r="K12" s="32">
        <v>884</v>
      </c>
      <c r="L12" s="33">
        <v>10460</v>
      </c>
      <c r="M12" s="34">
        <v>13299</v>
      </c>
      <c r="N12" s="35">
        <v>32</v>
      </c>
      <c r="O12" s="32">
        <v>35</v>
      </c>
      <c r="P12" s="33">
        <v>67</v>
      </c>
      <c r="Q12" s="24">
        <v>0</v>
      </c>
      <c r="R12" s="32">
        <v>88</v>
      </c>
      <c r="S12" s="32">
        <v>84</v>
      </c>
      <c r="T12" s="32">
        <v>47</v>
      </c>
      <c r="U12" s="32">
        <v>40</v>
      </c>
      <c r="V12" s="32">
        <v>33</v>
      </c>
      <c r="W12" s="33">
        <v>292</v>
      </c>
      <c r="X12" s="34">
        <v>359</v>
      </c>
      <c r="Y12" s="31">
        <v>1313</v>
      </c>
      <c r="Z12" s="32">
        <v>1593</v>
      </c>
      <c r="AA12" s="33">
        <v>2906</v>
      </c>
      <c r="AB12" s="24">
        <v>0</v>
      </c>
      <c r="AC12" s="32">
        <v>4280</v>
      </c>
      <c r="AD12" s="32">
        <v>2577</v>
      </c>
      <c r="AE12" s="32">
        <v>1641</v>
      </c>
      <c r="AF12" s="32">
        <v>1337</v>
      </c>
      <c r="AG12" s="32">
        <v>917</v>
      </c>
      <c r="AH12" s="33">
        <v>10752</v>
      </c>
      <c r="AI12" s="34">
        <v>13658</v>
      </c>
    </row>
    <row r="13" spans="2:35" ht="21" customHeight="1" x14ac:dyDescent="0.2">
      <c r="B13" s="131" t="s">
        <v>11</v>
      </c>
      <c r="C13" s="31">
        <v>551</v>
      </c>
      <c r="D13" s="32">
        <v>612</v>
      </c>
      <c r="E13" s="33">
        <v>1163</v>
      </c>
      <c r="F13" s="24">
        <v>0</v>
      </c>
      <c r="G13" s="32">
        <v>2117</v>
      </c>
      <c r="H13" s="32">
        <v>1372</v>
      </c>
      <c r="I13" s="32">
        <v>946</v>
      </c>
      <c r="J13" s="32">
        <v>797</v>
      </c>
      <c r="K13" s="32">
        <v>394</v>
      </c>
      <c r="L13" s="33">
        <v>5626</v>
      </c>
      <c r="M13" s="34">
        <v>6789</v>
      </c>
      <c r="N13" s="35">
        <v>10</v>
      </c>
      <c r="O13" s="32">
        <v>11</v>
      </c>
      <c r="P13" s="33">
        <v>21</v>
      </c>
      <c r="Q13" s="24">
        <v>0</v>
      </c>
      <c r="R13" s="32">
        <v>49</v>
      </c>
      <c r="S13" s="32">
        <v>27</v>
      </c>
      <c r="T13" s="32">
        <v>32</v>
      </c>
      <c r="U13" s="32">
        <v>20</v>
      </c>
      <c r="V13" s="32">
        <v>16</v>
      </c>
      <c r="W13" s="33">
        <v>144</v>
      </c>
      <c r="X13" s="34">
        <v>165</v>
      </c>
      <c r="Y13" s="31">
        <v>561</v>
      </c>
      <c r="Z13" s="32">
        <v>623</v>
      </c>
      <c r="AA13" s="33">
        <v>1184</v>
      </c>
      <c r="AB13" s="24">
        <v>0</v>
      </c>
      <c r="AC13" s="32">
        <v>2166</v>
      </c>
      <c r="AD13" s="32">
        <v>1399</v>
      </c>
      <c r="AE13" s="32">
        <v>978</v>
      </c>
      <c r="AF13" s="32">
        <v>817</v>
      </c>
      <c r="AG13" s="32">
        <v>410</v>
      </c>
      <c r="AH13" s="33">
        <v>5770</v>
      </c>
      <c r="AI13" s="34">
        <v>6954</v>
      </c>
    </row>
    <row r="14" spans="2:35" ht="21" customHeight="1" x14ac:dyDescent="0.2">
      <c r="B14" s="131" t="s">
        <v>12</v>
      </c>
      <c r="C14" s="31">
        <v>733</v>
      </c>
      <c r="D14" s="32">
        <v>1160</v>
      </c>
      <c r="E14" s="33">
        <v>1893</v>
      </c>
      <c r="F14" s="24">
        <v>0</v>
      </c>
      <c r="G14" s="32">
        <v>1747</v>
      </c>
      <c r="H14" s="32">
        <v>1508</v>
      </c>
      <c r="I14" s="32">
        <v>962</v>
      </c>
      <c r="J14" s="32">
        <v>836</v>
      </c>
      <c r="K14" s="32">
        <v>505</v>
      </c>
      <c r="L14" s="33">
        <v>5558</v>
      </c>
      <c r="M14" s="34">
        <v>7451</v>
      </c>
      <c r="N14" s="35">
        <v>12</v>
      </c>
      <c r="O14" s="32">
        <v>34</v>
      </c>
      <c r="P14" s="33">
        <v>46</v>
      </c>
      <c r="Q14" s="24">
        <v>0</v>
      </c>
      <c r="R14" s="32">
        <v>23</v>
      </c>
      <c r="S14" s="32">
        <v>40</v>
      </c>
      <c r="T14" s="32">
        <v>26</v>
      </c>
      <c r="U14" s="32">
        <v>17</v>
      </c>
      <c r="V14" s="32">
        <v>18</v>
      </c>
      <c r="W14" s="33">
        <v>124</v>
      </c>
      <c r="X14" s="34">
        <v>170</v>
      </c>
      <c r="Y14" s="31">
        <v>745</v>
      </c>
      <c r="Z14" s="32">
        <v>1194</v>
      </c>
      <c r="AA14" s="33">
        <v>1939</v>
      </c>
      <c r="AB14" s="24">
        <v>0</v>
      </c>
      <c r="AC14" s="32">
        <v>1770</v>
      </c>
      <c r="AD14" s="32">
        <v>1548</v>
      </c>
      <c r="AE14" s="32">
        <v>988</v>
      </c>
      <c r="AF14" s="32">
        <v>853</v>
      </c>
      <c r="AG14" s="32">
        <v>523</v>
      </c>
      <c r="AH14" s="33">
        <v>5682</v>
      </c>
      <c r="AI14" s="34">
        <v>7621</v>
      </c>
    </row>
    <row r="15" spans="2:35" ht="21" customHeight="1" x14ac:dyDescent="0.2">
      <c r="B15" s="131" t="s">
        <v>13</v>
      </c>
      <c r="C15" s="31">
        <v>131</v>
      </c>
      <c r="D15" s="32">
        <v>227</v>
      </c>
      <c r="E15" s="33">
        <v>358</v>
      </c>
      <c r="F15" s="24">
        <v>0</v>
      </c>
      <c r="G15" s="32">
        <v>680</v>
      </c>
      <c r="H15" s="32">
        <v>676</v>
      </c>
      <c r="I15" s="32">
        <v>408</v>
      </c>
      <c r="J15" s="32">
        <v>280</v>
      </c>
      <c r="K15" s="32">
        <v>210</v>
      </c>
      <c r="L15" s="33">
        <v>2254</v>
      </c>
      <c r="M15" s="34">
        <v>2612</v>
      </c>
      <c r="N15" s="35">
        <v>0</v>
      </c>
      <c r="O15" s="32">
        <v>2</v>
      </c>
      <c r="P15" s="33">
        <v>2</v>
      </c>
      <c r="Q15" s="24">
        <v>0</v>
      </c>
      <c r="R15" s="32">
        <v>11</v>
      </c>
      <c r="S15" s="32">
        <v>15</v>
      </c>
      <c r="T15" s="32">
        <v>7</v>
      </c>
      <c r="U15" s="32">
        <v>4</v>
      </c>
      <c r="V15" s="32">
        <v>8</v>
      </c>
      <c r="W15" s="33">
        <v>45</v>
      </c>
      <c r="X15" s="34">
        <v>47</v>
      </c>
      <c r="Y15" s="31">
        <v>131</v>
      </c>
      <c r="Z15" s="32">
        <v>229</v>
      </c>
      <c r="AA15" s="33">
        <v>360</v>
      </c>
      <c r="AB15" s="24">
        <v>0</v>
      </c>
      <c r="AC15" s="32">
        <v>691</v>
      </c>
      <c r="AD15" s="32">
        <v>691</v>
      </c>
      <c r="AE15" s="32">
        <v>415</v>
      </c>
      <c r="AF15" s="32">
        <v>284</v>
      </c>
      <c r="AG15" s="32">
        <v>218</v>
      </c>
      <c r="AH15" s="33">
        <v>2299</v>
      </c>
      <c r="AI15" s="34">
        <v>2659</v>
      </c>
    </row>
    <row r="16" spans="2:35" ht="21" customHeight="1" x14ac:dyDescent="0.2">
      <c r="B16" s="131" t="s">
        <v>15</v>
      </c>
      <c r="C16" s="31">
        <v>102</v>
      </c>
      <c r="D16" s="32">
        <v>198</v>
      </c>
      <c r="E16" s="33">
        <v>300</v>
      </c>
      <c r="F16" s="24">
        <v>0</v>
      </c>
      <c r="G16" s="32">
        <v>557</v>
      </c>
      <c r="H16" s="32">
        <v>552</v>
      </c>
      <c r="I16" s="32">
        <v>310</v>
      </c>
      <c r="J16" s="32">
        <v>204</v>
      </c>
      <c r="K16" s="32">
        <v>118</v>
      </c>
      <c r="L16" s="33">
        <v>1741</v>
      </c>
      <c r="M16" s="34">
        <v>2041</v>
      </c>
      <c r="N16" s="35">
        <v>2</v>
      </c>
      <c r="O16" s="32">
        <v>5</v>
      </c>
      <c r="P16" s="33">
        <v>7</v>
      </c>
      <c r="Q16" s="24">
        <v>0</v>
      </c>
      <c r="R16" s="32">
        <v>10</v>
      </c>
      <c r="S16" s="32">
        <v>12</v>
      </c>
      <c r="T16" s="32">
        <v>3</v>
      </c>
      <c r="U16" s="32">
        <v>1</v>
      </c>
      <c r="V16" s="32">
        <v>5</v>
      </c>
      <c r="W16" s="33">
        <v>31</v>
      </c>
      <c r="X16" s="34">
        <v>38</v>
      </c>
      <c r="Y16" s="31">
        <v>104</v>
      </c>
      <c r="Z16" s="32">
        <v>203</v>
      </c>
      <c r="AA16" s="33">
        <v>307</v>
      </c>
      <c r="AB16" s="24">
        <v>0</v>
      </c>
      <c r="AC16" s="32">
        <v>567</v>
      </c>
      <c r="AD16" s="32">
        <v>564</v>
      </c>
      <c r="AE16" s="32">
        <v>313</v>
      </c>
      <c r="AF16" s="32">
        <v>205</v>
      </c>
      <c r="AG16" s="32">
        <v>123</v>
      </c>
      <c r="AH16" s="33">
        <v>1772</v>
      </c>
      <c r="AI16" s="34">
        <v>2079</v>
      </c>
    </row>
    <row r="17" spans="2:35" ht="21" customHeight="1" x14ac:dyDescent="0.2">
      <c r="B17" s="131" t="s">
        <v>16</v>
      </c>
      <c r="C17" s="31">
        <v>250</v>
      </c>
      <c r="D17" s="32">
        <v>501</v>
      </c>
      <c r="E17" s="33">
        <v>751</v>
      </c>
      <c r="F17" s="24">
        <v>0</v>
      </c>
      <c r="G17" s="32">
        <v>948</v>
      </c>
      <c r="H17" s="32">
        <v>1328</v>
      </c>
      <c r="I17" s="32">
        <v>686</v>
      </c>
      <c r="J17" s="32">
        <v>528</v>
      </c>
      <c r="K17" s="32">
        <v>330</v>
      </c>
      <c r="L17" s="33">
        <v>3820</v>
      </c>
      <c r="M17" s="34">
        <v>4571</v>
      </c>
      <c r="N17" s="35">
        <v>4</v>
      </c>
      <c r="O17" s="32">
        <v>16</v>
      </c>
      <c r="P17" s="33">
        <v>20</v>
      </c>
      <c r="Q17" s="24">
        <v>0</v>
      </c>
      <c r="R17" s="32">
        <v>17</v>
      </c>
      <c r="S17" s="32">
        <v>40</v>
      </c>
      <c r="T17" s="32">
        <v>19</v>
      </c>
      <c r="U17" s="32">
        <v>16</v>
      </c>
      <c r="V17" s="32">
        <v>13</v>
      </c>
      <c r="W17" s="33">
        <v>105</v>
      </c>
      <c r="X17" s="34">
        <v>125</v>
      </c>
      <c r="Y17" s="31">
        <v>254</v>
      </c>
      <c r="Z17" s="32">
        <v>517</v>
      </c>
      <c r="AA17" s="33">
        <v>771</v>
      </c>
      <c r="AB17" s="24">
        <v>0</v>
      </c>
      <c r="AC17" s="32">
        <v>965</v>
      </c>
      <c r="AD17" s="32">
        <v>1368</v>
      </c>
      <c r="AE17" s="32">
        <v>705</v>
      </c>
      <c r="AF17" s="32">
        <v>544</v>
      </c>
      <c r="AG17" s="32">
        <v>343</v>
      </c>
      <c r="AH17" s="33">
        <v>3925</v>
      </c>
      <c r="AI17" s="34">
        <v>4696</v>
      </c>
    </row>
    <row r="18" spans="2:35" ht="21" customHeight="1" x14ac:dyDescent="0.2">
      <c r="B18" s="131" t="s">
        <v>17</v>
      </c>
      <c r="C18" s="31">
        <v>315</v>
      </c>
      <c r="D18" s="32">
        <v>653</v>
      </c>
      <c r="E18" s="33">
        <v>968</v>
      </c>
      <c r="F18" s="24">
        <v>0</v>
      </c>
      <c r="G18" s="32">
        <v>1103</v>
      </c>
      <c r="H18" s="32">
        <v>1766</v>
      </c>
      <c r="I18" s="32">
        <v>1034</v>
      </c>
      <c r="J18" s="32">
        <v>745</v>
      </c>
      <c r="K18" s="32">
        <v>416</v>
      </c>
      <c r="L18" s="33">
        <v>5064</v>
      </c>
      <c r="M18" s="34">
        <v>6032</v>
      </c>
      <c r="N18" s="35">
        <v>4</v>
      </c>
      <c r="O18" s="32">
        <v>26</v>
      </c>
      <c r="P18" s="33">
        <v>30</v>
      </c>
      <c r="Q18" s="24">
        <v>0</v>
      </c>
      <c r="R18" s="32">
        <v>20</v>
      </c>
      <c r="S18" s="32">
        <v>56</v>
      </c>
      <c r="T18" s="32">
        <v>35</v>
      </c>
      <c r="U18" s="32">
        <v>26</v>
      </c>
      <c r="V18" s="32">
        <v>24</v>
      </c>
      <c r="W18" s="33">
        <v>161</v>
      </c>
      <c r="X18" s="34">
        <v>191</v>
      </c>
      <c r="Y18" s="31">
        <v>319</v>
      </c>
      <c r="Z18" s="32">
        <v>679</v>
      </c>
      <c r="AA18" s="33">
        <v>998</v>
      </c>
      <c r="AB18" s="24">
        <v>0</v>
      </c>
      <c r="AC18" s="32">
        <v>1123</v>
      </c>
      <c r="AD18" s="32">
        <v>1822</v>
      </c>
      <c r="AE18" s="32">
        <v>1069</v>
      </c>
      <c r="AF18" s="32">
        <v>771</v>
      </c>
      <c r="AG18" s="32">
        <v>440</v>
      </c>
      <c r="AH18" s="33">
        <v>5225</v>
      </c>
      <c r="AI18" s="34">
        <v>6223</v>
      </c>
    </row>
    <row r="19" spans="2:35" ht="21" customHeight="1" x14ac:dyDescent="0.2">
      <c r="B19" s="131" t="s">
        <v>18</v>
      </c>
      <c r="C19" s="31">
        <v>396</v>
      </c>
      <c r="D19" s="32">
        <v>716</v>
      </c>
      <c r="E19" s="33">
        <v>1112</v>
      </c>
      <c r="F19" s="24">
        <v>0</v>
      </c>
      <c r="G19" s="32">
        <v>1898</v>
      </c>
      <c r="H19" s="32">
        <v>1758</v>
      </c>
      <c r="I19" s="32">
        <v>1087</v>
      </c>
      <c r="J19" s="32">
        <v>770</v>
      </c>
      <c r="K19" s="32">
        <v>445</v>
      </c>
      <c r="L19" s="33">
        <v>5958</v>
      </c>
      <c r="M19" s="34">
        <v>7070</v>
      </c>
      <c r="N19" s="35">
        <v>13</v>
      </c>
      <c r="O19" s="32">
        <v>24</v>
      </c>
      <c r="P19" s="33">
        <v>37</v>
      </c>
      <c r="Q19" s="24">
        <v>0</v>
      </c>
      <c r="R19" s="32">
        <v>43</v>
      </c>
      <c r="S19" s="32">
        <v>58</v>
      </c>
      <c r="T19" s="32">
        <v>30</v>
      </c>
      <c r="U19" s="32">
        <v>31</v>
      </c>
      <c r="V19" s="32">
        <v>28</v>
      </c>
      <c r="W19" s="33">
        <v>190</v>
      </c>
      <c r="X19" s="34">
        <v>227</v>
      </c>
      <c r="Y19" s="31">
        <v>409</v>
      </c>
      <c r="Z19" s="32">
        <v>740</v>
      </c>
      <c r="AA19" s="33">
        <v>1149</v>
      </c>
      <c r="AB19" s="24">
        <v>0</v>
      </c>
      <c r="AC19" s="32">
        <v>1941</v>
      </c>
      <c r="AD19" s="32">
        <v>1816</v>
      </c>
      <c r="AE19" s="32">
        <v>1117</v>
      </c>
      <c r="AF19" s="32">
        <v>801</v>
      </c>
      <c r="AG19" s="32">
        <v>473</v>
      </c>
      <c r="AH19" s="33">
        <v>6148</v>
      </c>
      <c r="AI19" s="34">
        <v>7297</v>
      </c>
    </row>
    <row r="20" spans="2:35" ht="21" customHeight="1" x14ac:dyDescent="0.2">
      <c r="B20" s="131" t="s">
        <v>19</v>
      </c>
      <c r="C20" s="31">
        <v>248</v>
      </c>
      <c r="D20" s="32">
        <v>341</v>
      </c>
      <c r="E20" s="33">
        <v>589</v>
      </c>
      <c r="F20" s="24">
        <v>0</v>
      </c>
      <c r="G20" s="32">
        <v>881</v>
      </c>
      <c r="H20" s="32">
        <v>696</v>
      </c>
      <c r="I20" s="32">
        <v>417</v>
      </c>
      <c r="J20" s="32">
        <v>273</v>
      </c>
      <c r="K20" s="32">
        <v>202</v>
      </c>
      <c r="L20" s="33">
        <v>2469</v>
      </c>
      <c r="M20" s="34">
        <v>3058</v>
      </c>
      <c r="N20" s="35">
        <v>5</v>
      </c>
      <c r="O20" s="32">
        <v>10</v>
      </c>
      <c r="P20" s="33">
        <v>15</v>
      </c>
      <c r="Q20" s="24">
        <v>0</v>
      </c>
      <c r="R20" s="32">
        <v>20</v>
      </c>
      <c r="S20" s="32">
        <v>17</v>
      </c>
      <c r="T20" s="32">
        <v>12</v>
      </c>
      <c r="U20" s="32">
        <v>6</v>
      </c>
      <c r="V20" s="32">
        <v>9</v>
      </c>
      <c r="W20" s="33">
        <v>64</v>
      </c>
      <c r="X20" s="34">
        <v>79</v>
      </c>
      <c r="Y20" s="31">
        <v>253</v>
      </c>
      <c r="Z20" s="32">
        <v>351</v>
      </c>
      <c r="AA20" s="33">
        <v>604</v>
      </c>
      <c r="AB20" s="24">
        <v>0</v>
      </c>
      <c r="AC20" s="32">
        <v>901</v>
      </c>
      <c r="AD20" s="32">
        <v>713</v>
      </c>
      <c r="AE20" s="32">
        <v>429</v>
      </c>
      <c r="AF20" s="32">
        <v>279</v>
      </c>
      <c r="AG20" s="32">
        <v>211</v>
      </c>
      <c r="AH20" s="33">
        <v>2533</v>
      </c>
      <c r="AI20" s="34">
        <v>3137</v>
      </c>
    </row>
    <row r="21" spans="2:35" ht="21" customHeight="1" x14ac:dyDescent="0.2">
      <c r="B21" s="131" t="s">
        <v>20</v>
      </c>
      <c r="C21" s="31">
        <v>226</v>
      </c>
      <c r="D21" s="32">
        <v>460</v>
      </c>
      <c r="E21" s="33">
        <v>686</v>
      </c>
      <c r="F21" s="24">
        <v>0</v>
      </c>
      <c r="G21" s="32">
        <v>1147</v>
      </c>
      <c r="H21" s="32">
        <v>789</v>
      </c>
      <c r="I21" s="32">
        <v>518</v>
      </c>
      <c r="J21" s="32">
        <v>346</v>
      </c>
      <c r="K21" s="32">
        <v>204</v>
      </c>
      <c r="L21" s="33">
        <v>3004</v>
      </c>
      <c r="M21" s="34">
        <v>3690</v>
      </c>
      <c r="N21" s="35">
        <v>4</v>
      </c>
      <c r="O21" s="32">
        <v>19</v>
      </c>
      <c r="P21" s="33">
        <v>23</v>
      </c>
      <c r="Q21" s="24">
        <v>0</v>
      </c>
      <c r="R21" s="32">
        <v>19</v>
      </c>
      <c r="S21" s="32">
        <v>21</v>
      </c>
      <c r="T21" s="32">
        <v>18</v>
      </c>
      <c r="U21" s="32">
        <v>13</v>
      </c>
      <c r="V21" s="32">
        <v>8</v>
      </c>
      <c r="W21" s="33">
        <v>79</v>
      </c>
      <c r="X21" s="34">
        <v>102</v>
      </c>
      <c r="Y21" s="31">
        <v>230</v>
      </c>
      <c r="Z21" s="32">
        <v>479</v>
      </c>
      <c r="AA21" s="33">
        <v>709</v>
      </c>
      <c r="AB21" s="24">
        <v>0</v>
      </c>
      <c r="AC21" s="32">
        <v>1166</v>
      </c>
      <c r="AD21" s="32">
        <v>810</v>
      </c>
      <c r="AE21" s="32">
        <v>536</v>
      </c>
      <c r="AF21" s="32">
        <v>359</v>
      </c>
      <c r="AG21" s="32">
        <v>212</v>
      </c>
      <c r="AH21" s="33">
        <v>3083</v>
      </c>
      <c r="AI21" s="34">
        <v>3792</v>
      </c>
    </row>
    <row r="22" spans="2:35" ht="21" customHeight="1" x14ac:dyDescent="0.2">
      <c r="B22" s="131" t="s">
        <v>21</v>
      </c>
      <c r="C22" s="31">
        <v>316</v>
      </c>
      <c r="D22" s="32">
        <v>444</v>
      </c>
      <c r="E22" s="33">
        <v>760</v>
      </c>
      <c r="F22" s="24">
        <v>0</v>
      </c>
      <c r="G22" s="32">
        <v>1024</v>
      </c>
      <c r="H22" s="32">
        <v>1026</v>
      </c>
      <c r="I22" s="32">
        <v>662</v>
      </c>
      <c r="J22" s="32">
        <v>418</v>
      </c>
      <c r="K22" s="32">
        <v>238</v>
      </c>
      <c r="L22" s="33">
        <v>3368</v>
      </c>
      <c r="M22" s="34">
        <v>4128</v>
      </c>
      <c r="N22" s="35">
        <v>8</v>
      </c>
      <c r="O22" s="32">
        <v>17</v>
      </c>
      <c r="P22" s="33">
        <v>25</v>
      </c>
      <c r="Q22" s="24">
        <v>0</v>
      </c>
      <c r="R22" s="32">
        <v>8</v>
      </c>
      <c r="S22" s="32">
        <v>40</v>
      </c>
      <c r="T22" s="32">
        <v>21</v>
      </c>
      <c r="U22" s="32">
        <v>7</v>
      </c>
      <c r="V22" s="32">
        <v>12</v>
      </c>
      <c r="W22" s="33">
        <v>88</v>
      </c>
      <c r="X22" s="34">
        <v>113</v>
      </c>
      <c r="Y22" s="31">
        <v>324</v>
      </c>
      <c r="Z22" s="32">
        <v>461</v>
      </c>
      <c r="AA22" s="33">
        <v>785</v>
      </c>
      <c r="AB22" s="24">
        <v>0</v>
      </c>
      <c r="AC22" s="32">
        <v>1032</v>
      </c>
      <c r="AD22" s="32">
        <v>1066</v>
      </c>
      <c r="AE22" s="32">
        <v>683</v>
      </c>
      <c r="AF22" s="32">
        <v>425</v>
      </c>
      <c r="AG22" s="32">
        <v>250</v>
      </c>
      <c r="AH22" s="33">
        <v>3456</v>
      </c>
      <c r="AI22" s="34">
        <v>4241</v>
      </c>
    </row>
    <row r="23" spans="2:35" ht="21" customHeight="1" x14ac:dyDescent="0.2">
      <c r="B23" s="131" t="s">
        <v>22</v>
      </c>
      <c r="C23" s="31">
        <v>79</v>
      </c>
      <c r="D23" s="32">
        <v>180</v>
      </c>
      <c r="E23" s="33">
        <v>259</v>
      </c>
      <c r="F23" s="24">
        <v>0</v>
      </c>
      <c r="G23" s="32">
        <v>379</v>
      </c>
      <c r="H23" s="32">
        <v>364</v>
      </c>
      <c r="I23" s="32">
        <v>215</v>
      </c>
      <c r="J23" s="32">
        <v>148</v>
      </c>
      <c r="K23" s="32">
        <v>85</v>
      </c>
      <c r="L23" s="33">
        <v>1191</v>
      </c>
      <c r="M23" s="34">
        <v>1450</v>
      </c>
      <c r="N23" s="35">
        <v>2</v>
      </c>
      <c r="O23" s="32">
        <v>3</v>
      </c>
      <c r="P23" s="33">
        <v>5</v>
      </c>
      <c r="Q23" s="24">
        <v>0</v>
      </c>
      <c r="R23" s="32">
        <v>8</v>
      </c>
      <c r="S23" s="32">
        <v>11</v>
      </c>
      <c r="T23" s="32">
        <v>2</v>
      </c>
      <c r="U23" s="32">
        <v>2</v>
      </c>
      <c r="V23" s="32">
        <v>3</v>
      </c>
      <c r="W23" s="33">
        <v>26</v>
      </c>
      <c r="X23" s="34">
        <v>31</v>
      </c>
      <c r="Y23" s="31">
        <v>81</v>
      </c>
      <c r="Z23" s="32">
        <v>183</v>
      </c>
      <c r="AA23" s="33">
        <v>264</v>
      </c>
      <c r="AB23" s="24">
        <v>0</v>
      </c>
      <c r="AC23" s="32">
        <v>387</v>
      </c>
      <c r="AD23" s="32">
        <v>375</v>
      </c>
      <c r="AE23" s="32">
        <v>217</v>
      </c>
      <c r="AF23" s="32">
        <v>150</v>
      </c>
      <c r="AG23" s="32">
        <v>88</v>
      </c>
      <c r="AH23" s="33">
        <v>1217</v>
      </c>
      <c r="AI23" s="34">
        <v>1481</v>
      </c>
    </row>
    <row r="24" spans="2:35" ht="21" customHeight="1" x14ac:dyDescent="0.2">
      <c r="B24" s="131" t="s">
        <v>23</v>
      </c>
      <c r="C24" s="31">
        <v>149</v>
      </c>
      <c r="D24" s="32">
        <v>285</v>
      </c>
      <c r="E24" s="33">
        <v>434</v>
      </c>
      <c r="F24" s="24">
        <v>0</v>
      </c>
      <c r="G24" s="32">
        <v>612</v>
      </c>
      <c r="H24" s="32">
        <v>596</v>
      </c>
      <c r="I24" s="32">
        <v>335</v>
      </c>
      <c r="J24" s="32">
        <v>278</v>
      </c>
      <c r="K24" s="32">
        <v>136</v>
      </c>
      <c r="L24" s="33">
        <v>1957</v>
      </c>
      <c r="M24" s="34">
        <v>2391</v>
      </c>
      <c r="N24" s="35">
        <v>5</v>
      </c>
      <c r="O24" s="32">
        <v>9</v>
      </c>
      <c r="P24" s="33">
        <v>14</v>
      </c>
      <c r="Q24" s="24">
        <v>0</v>
      </c>
      <c r="R24" s="32">
        <v>9</v>
      </c>
      <c r="S24" s="32">
        <v>20</v>
      </c>
      <c r="T24" s="32">
        <v>10</v>
      </c>
      <c r="U24" s="32">
        <v>7</v>
      </c>
      <c r="V24" s="32">
        <v>4</v>
      </c>
      <c r="W24" s="33">
        <v>50</v>
      </c>
      <c r="X24" s="34">
        <v>64</v>
      </c>
      <c r="Y24" s="31">
        <v>154</v>
      </c>
      <c r="Z24" s="32">
        <v>294</v>
      </c>
      <c r="AA24" s="33">
        <v>448</v>
      </c>
      <c r="AB24" s="24">
        <v>0</v>
      </c>
      <c r="AC24" s="32">
        <v>621</v>
      </c>
      <c r="AD24" s="32">
        <v>616</v>
      </c>
      <c r="AE24" s="32">
        <v>345</v>
      </c>
      <c r="AF24" s="32">
        <v>285</v>
      </c>
      <c r="AG24" s="32">
        <v>140</v>
      </c>
      <c r="AH24" s="33">
        <v>2007</v>
      </c>
      <c r="AI24" s="34">
        <v>2455</v>
      </c>
    </row>
    <row r="25" spans="2:35" ht="21" customHeight="1" x14ac:dyDescent="0.2">
      <c r="B25" s="131" t="s">
        <v>24</v>
      </c>
      <c r="C25" s="31">
        <v>110</v>
      </c>
      <c r="D25" s="32">
        <v>143</v>
      </c>
      <c r="E25" s="33">
        <v>253</v>
      </c>
      <c r="F25" s="24">
        <v>0</v>
      </c>
      <c r="G25" s="32">
        <v>341</v>
      </c>
      <c r="H25" s="32">
        <v>273</v>
      </c>
      <c r="I25" s="32">
        <v>151</v>
      </c>
      <c r="J25" s="32">
        <v>132</v>
      </c>
      <c r="K25" s="32">
        <v>82</v>
      </c>
      <c r="L25" s="33">
        <v>979</v>
      </c>
      <c r="M25" s="34">
        <v>1232</v>
      </c>
      <c r="N25" s="35">
        <v>1</v>
      </c>
      <c r="O25" s="32">
        <v>0</v>
      </c>
      <c r="P25" s="33">
        <v>1</v>
      </c>
      <c r="Q25" s="24">
        <v>0</v>
      </c>
      <c r="R25" s="32">
        <v>3</v>
      </c>
      <c r="S25" s="32">
        <v>5</v>
      </c>
      <c r="T25" s="32">
        <v>3</v>
      </c>
      <c r="U25" s="32">
        <v>3</v>
      </c>
      <c r="V25" s="32">
        <v>3</v>
      </c>
      <c r="W25" s="33">
        <v>17</v>
      </c>
      <c r="X25" s="34">
        <v>18</v>
      </c>
      <c r="Y25" s="31">
        <v>111</v>
      </c>
      <c r="Z25" s="32">
        <v>143</v>
      </c>
      <c r="AA25" s="33">
        <v>254</v>
      </c>
      <c r="AB25" s="24">
        <v>0</v>
      </c>
      <c r="AC25" s="32">
        <v>344</v>
      </c>
      <c r="AD25" s="32">
        <v>278</v>
      </c>
      <c r="AE25" s="32">
        <v>154</v>
      </c>
      <c r="AF25" s="32">
        <v>135</v>
      </c>
      <c r="AG25" s="32">
        <v>85</v>
      </c>
      <c r="AH25" s="33">
        <v>996</v>
      </c>
      <c r="AI25" s="34">
        <v>1250</v>
      </c>
    </row>
    <row r="26" spans="2:35" ht="21" customHeight="1" x14ac:dyDescent="0.2">
      <c r="B26" s="131" t="s">
        <v>25</v>
      </c>
      <c r="C26" s="31">
        <v>116</v>
      </c>
      <c r="D26" s="32">
        <v>181</v>
      </c>
      <c r="E26" s="33">
        <v>297</v>
      </c>
      <c r="F26" s="24">
        <v>0</v>
      </c>
      <c r="G26" s="32">
        <v>395</v>
      </c>
      <c r="H26" s="32">
        <v>316</v>
      </c>
      <c r="I26" s="32">
        <v>168</v>
      </c>
      <c r="J26" s="32">
        <v>133</v>
      </c>
      <c r="K26" s="32">
        <v>74</v>
      </c>
      <c r="L26" s="33">
        <v>1086</v>
      </c>
      <c r="M26" s="34">
        <v>1383</v>
      </c>
      <c r="N26" s="35">
        <v>1</v>
      </c>
      <c r="O26" s="32">
        <v>5</v>
      </c>
      <c r="P26" s="33">
        <v>6</v>
      </c>
      <c r="Q26" s="24">
        <v>0</v>
      </c>
      <c r="R26" s="32">
        <v>5</v>
      </c>
      <c r="S26" s="32">
        <v>10</v>
      </c>
      <c r="T26" s="32">
        <v>3</v>
      </c>
      <c r="U26" s="32">
        <v>3</v>
      </c>
      <c r="V26" s="32">
        <v>3</v>
      </c>
      <c r="W26" s="33">
        <v>24</v>
      </c>
      <c r="X26" s="34">
        <v>30</v>
      </c>
      <c r="Y26" s="31">
        <v>117</v>
      </c>
      <c r="Z26" s="32">
        <v>186</v>
      </c>
      <c r="AA26" s="33">
        <v>303</v>
      </c>
      <c r="AB26" s="24">
        <v>0</v>
      </c>
      <c r="AC26" s="32">
        <v>400</v>
      </c>
      <c r="AD26" s="32">
        <v>326</v>
      </c>
      <c r="AE26" s="32">
        <v>171</v>
      </c>
      <c r="AF26" s="32">
        <v>136</v>
      </c>
      <c r="AG26" s="32">
        <v>77</v>
      </c>
      <c r="AH26" s="33">
        <v>1110</v>
      </c>
      <c r="AI26" s="34">
        <v>1413</v>
      </c>
    </row>
    <row r="27" spans="2:35" ht="21" customHeight="1" x14ac:dyDescent="0.2">
      <c r="B27" s="131" t="s">
        <v>26</v>
      </c>
      <c r="C27" s="31">
        <v>83</v>
      </c>
      <c r="D27" s="32">
        <v>131</v>
      </c>
      <c r="E27" s="33">
        <v>214</v>
      </c>
      <c r="F27" s="24">
        <v>0</v>
      </c>
      <c r="G27" s="32">
        <v>310</v>
      </c>
      <c r="H27" s="32">
        <v>289</v>
      </c>
      <c r="I27" s="32">
        <v>188</v>
      </c>
      <c r="J27" s="32">
        <v>105</v>
      </c>
      <c r="K27" s="32">
        <v>89</v>
      </c>
      <c r="L27" s="33">
        <v>981</v>
      </c>
      <c r="M27" s="34">
        <v>1195</v>
      </c>
      <c r="N27" s="35">
        <v>2</v>
      </c>
      <c r="O27" s="32">
        <v>1</v>
      </c>
      <c r="P27" s="33">
        <v>3</v>
      </c>
      <c r="Q27" s="24">
        <v>0</v>
      </c>
      <c r="R27" s="32">
        <v>7</v>
      </c>
      <c r="S27" s="32">
        <v>5</v>
      </c>
      <c r="T27" s="32">
        <v>5</v>
      </c>
      <c r="U27" s="32">
        <v>4</v>
      </c>
      <c r="V27" s="32">
        <v>3</v>
      </c>
      <c r="W27" s="33">
        <v>24</v>
      </c>
      <c r="X27" s="34">
        <v>27</v>
      </c>
      <c r="Y27" s="31">
        <v>85</v>
      </c>
      <c r="Z27" s="32">
        <v>132</v>
      </c>
      <c r="AA27" s="33">
        <v>217</v>
      </c>
      <c r="AB27" s="24">
        <v>0</v>
      </c>
      <c r="AC27" s="32">
        <v>317</v>
      </c>
      <c r="AD27" s="32">
        <v>294</v>
      </c>
      <c r="AE27" s="32">
        <v>193</v>
      </c>
      <c r="AF27" s="32">
        <v>109</v>
      </c>
      <c r="AG27" s="32">
        <v>92</v>
      </c>
      <c r="AH27" s="33">
        <v>1005</v>
      </c>
      <c r="AI27" s="34">
        <v>1222</v>
      </c>
    </row>
    <row r="28" spans="2:35" ht="21" customHeight="1" x14ac:dyDescent="0.2">
      <c r="B28" s="131" t="s">
        <v>27</v>
      </c>
      <c r="C28" s="31">
        <v>134</v>
      </c>
      <c r="D28" s="32">
        <v>194</v>
      </c>
      <c r="E28" s="33">
        <v>328</v>
      </c>
      <c r="F28" s="24">
        <v>0</v>
      </c>
      <c r="G28" s="32">
        <v>256</v>
      </c>
      <c r="H28" s="32">
        <v>188</v>
      </c>
      <c r="I28" s="32">
        <v>136</v>
      </c>
      <c r="J28" s="32">
        <v>96</v>
      </c>
      <c r="K28" s="32">
        <v>65</v>
      </c>
      <c r="L28" s="33">
        <v>741</v>
      </c>
      <c r="M28" s="34">
        <v>1069</v>
      </c>
      <c r="N28" s="35">
        <v>4</v>
      </c>
      <c r="O28" s="32">
        <v>3</v>
      </c>
      <c r="P28" s="33">
        <v>7</v>
      </c>
      <c r="Q28" s="24">
        <v>0</v>
      </c>
      <c r="R28" s="32">
        <v>5</v>
      </c>
      <c r="S28" s="32">
        <v>6</v>
      </c>
      <c r="T28" s="32">
        <v>4</v>
      </c>
      <c r="U28" s="32">
        <v>1</v>
      </c>
      <c r="V28" s="32">
        <v>3</v>
      </c>
      <c r="W28" s="33">
        <v>19</v>
      </c>
      <c r="X28" s="34">
        <v>26</v>
      </c>
      <c r="Y28" s="31">
        <v>138</v>
      </c>
      <c r="Z28" s="32">
        <v>197</v>
      </c>
      <c r="AA28" s="33">
        <v>335</v>
      </c>
      <c r="AB28" s="24">
        <v>0</v>
      </c>
      <c r="AC28" s="32">
        <v>261</v>
      </c>
      <c r="AD28" s="32">
        <v>194</v>
      </c>
      <c r="AE28" s="32">
        <v>140</v>
      </c>
      <c r="AF28" s="32">
        <v>97</v>
      </c>
      <c r="AG28" s="32">
        <v>68</v>
      </c>
      <c r="AH28" s="33">
        <v>760</v>
      </c>
      <c r="AI28" s="34">
        <v>1095</v>
      </c>
    </row>
    <row r="29" spans="2:35" ht="21" customHeight="1" x14ac:dyDescent="0.2">
      <c r="B29" s="131" t="s">
        <v>28</v>
      </c>
      <c r="C29" s="31">
        <v>9</v>
      </c>
      <c r="D29" s="32">
        <v>21</v>
      </c>
      <c r="E29" s="33">
        <v>30</v>
      </c>
      <c r="F29" s="24">
        <v>0</v>
      </c>
      <c r="G29" s="32">
        <v>90</v>
      </c>
      <c r="H29" s="32">
        <v>101</v>
      </c>
      <c r="I29" s="32">
        <v>47</v>
      </c>
      <c r="J29" s="32">
        <v>37</v>
      </c>
      <c r="K29" s="32">
        <v>18</v>
      </c>
      <c r="L29" s="33">
        <v>293</v>
      </c>
      <c r="M29" s="34">
        <v>323</v>
      </c>
      <c r="N29" s="35">
        <v>0</v>
      </c>
      <c r="O29" s="32">
        <v>0</v>
      </c>
      <c r="P29" s="33">
        <v>0</v>
      </c>
      <c r="Q29" s="24">
        <v>0</v>
      </c>
      <c r="R29" s="32">
        <v>0</v>
      </c>
      <c r="S29" s="32">
        <v>2</v>
      </c>
      <c r="T29" s="32">
        <v>1</v>
      </c>
      <c r="U29" s="32">
        <v>1</v>
      </c>
      <c r="V29" s="32">
        <v>2</v>
      </c>
      <c r="W29" s="33">
        <v>6</v>
      </c>
      <c r="X29" s="34">
        <v>6</v>
      </c>
      <c r="Y29" s="31">
        <v>9</v>
      </c>
      <c r="Z29" s="32">
        <v>21</v>
      </c>
      <c r="AA29" s="33">
        <v>30</v>
      </c>
      <c r="AB29" s="24">
        <v>0</v>
      </c>
      <c r="AC29" s="32">
        <v>90</v>
      </c>
      <c r="AD29" s="32">
        <v>103</v>
      </c>
      <c r="AE29" s="32">
        <v>48</v>
      </c>
      <c r="AF29" s="32">
        <v>38</v>
      </c>
      <c r="AG29" s="32">
        <v>20</v>
      </c>
      <c r="AH29" s="33">
        <v>299</v>
      </c>
      <c r="AI29" s="34">
        <v>329</v>
      </c>
    </row>
    <row r="30" spans="2:35" ht="21" customHeight="1" x14ac:dyDescent="0.2">
      <c r="B30" s="131" t="s">
        <v>29</v>
      </c>
      <c r="C30" s="31">
        <v>33</v>
      </c>
      <c r="D30" s="32">
        <v>37</v>
      </c>
      <c r="E30" s="33">
        <v>70</v>
      </c>
      <c r="F30" s="24">
        <v>0</v>
      </c>
      <c r="G30" s="32">
        <v>98</v>
      </c>
      <c r="H30" s="32">
        <v>112</v>
      </c>
      <c r="I30" s="32">
        <v>79</v>
      </c>
      <c r="J30" s="32">
        <v>50</v>
      </c>
      <c r="K30" s="32">
        <v>29</v>
      </c>
      <c r="L30" s="33">
        <v>368</v>
      </c>
      <c r="M30" s="34">
        <v>438</v>
      </c>
      <c r="N30" s="35">
        <v>1</v>
      </c>
      <c r="O30" s="32">
        <v>3</v>
      </c>
      <c r="P30" s="33">
        <v>4</v>
      </c>
      <c r="Q30" s="24">
        <v>0</v>
      </c>
      <c r="R30" s="32">
        <v>4</v>
      </c>
      <c r="S30" s="32">
        <v>1</v>
      </c>
      <c r="T30" s="32">
        <v>3</v>
      </c>
      <c r="U30" s="32">
        <v>0</v>
      </c>
      <c r="V30" s="32">
        <v>2</v>
      </c>
      <c r="W30" s="33">
        <v>10</v>
      </c>
      <c r="X30" s="34">
        <v>14</v>
      </c>
      <c r="Y30" s="31">
        <v>34</v>
      </c>
      <c r="Z30" s="32">
        <v>40</v>
      </c>
      <c r="AA30" s="33">
        <v>74</v>
      </c>
      <c r="AB30" s="24">
        <v>0</v>
      </c>
      <c r="AC30" s="32">
        <v>102</v>
      </c>
      <c r="AD30" s="32">
        <v>113</v>
      </c>
      <c r="AE30" s="32">
        <v>82</v>
      </c>
      <c r="AF30" s="32">
        <v>50</v>
      </c>
      <c r="AG30" s="32">
        <v>31</v>
      </c>
      <c r="AH30" s="33">
        <v>378</v>
      </c>
      <c r="AI30" s="34">
        <v>452</v>
      </c>
    </row>
    <row r="31" spans="2:35" ht="21" customHeight="1" x14ac:dyDescent="0.2">
      <c r="B31" s="131" t="s">
        <v>30</v>
      </c>
      <c r="C31" s="31">
        <v>40</v>
      </c>
      <c r="D31" s="32">
        <v>30</v>
      </c>
      <c r="E31" s="33">
        <v>70</v>
      </c>
      <c r="F31" s="24">
        <v>0</v>
      </c>
      <c r="G31" s="32">
        <v>99</v>
      </c>
      <c r="H31" s="32">
        <v>65</v>
      </c>
      <c r="I31" s="32">
        <v>54</v>
      </c>
      <c r="J31" s="32">
        <v>43</v>
      </c>
      <c r="K31" s="32">
        <v>19</v>
      </c>
      <c r="L31" s="33">
        <v>280</v>
      </c>
      <c r="M31" s="34">
        <v>350</v>
      </c>
      <c r="N31" s="35">
        <v>0</v>
      </c>
      <c r="O31" s="32">
        <v>1</v>
      </c>
      <c r="P31" s="33">
        <v>1</v>
      </c>
      <c r="Q31" s="24">
        <v>0</v>
      </c>
      <c r="R31" s="32">
        <v>2</v>
      </c>
      <c r="S31" s="32">
        <v>2</v>
      </c>
      <c r="T31" s="32">
        <v>2</v>
      </c>
      <c r="U31" s="32">
        <v>2</v>
      </c>
      <c r="V31" s="32">
        <v>0</v>
      </c>
      <c r="W31" s="33">
        <v>8</v>
      </c>
      <c r="X31" s="34">
        <v>9</v>
      </c>
      <c r="Y31" s="31">
        <v>40</v>
      </c>
      <c r="Z31" s="32">
        <v>31</v>
      </c>
      <c r="AA31" s="33">
        <v>71</v>
      </c>
      <c r="AB31" s="24">
        <v>0</v>
      </c>
      <c r="AC31" s="32">
        <v>101</v>
      </c>
      <c r="AD31" s="32">
        <v>67</v>
      </c>
      <c r="AE31" s="32">
        <v>56</v>
      </c>
      <c r="AF31" s="32">
        <v>45</v>
      </c>
      <c r="AG31" s="32">
        <v>19</v>
      </c>
      <c r="AH31" s="33">
        <v>288</v>
      </c>
      <c r="AI31" s="34">
        <v>359</v>
      </c>
    </row>
    <row r="32" spans="2:35" ht="21" customHeight="1" x14ac:dyDescent="0.2">
      <c r="B32" s="131" t="s">
        <v>31</v>
      </c>
      <c r="C32" s="31">
        <v>26</v>
      </c>
      <c r="D32" s="32">
        <v>57</v>
      </c>
      <c r="E32" s="33">
        <v>83</v>
      </c>
      <c r="F32" s="24">
        <v>0</v>
      </c>
      <c r="G32" s="32">
        <v>108</v>
      </c>
      <c r="H32" s="32">
        <v>97</v>
      </c>
      <c r="I32" s="32">
        <v>55</v>
      </c>
      <c r="J32" s="32">
        <v>36</v>
      </c>
      <c r="K32" s="32">
        <v>17</v>
      </c>
      <c r="L32" s="33">
        <v>313</v>
      </c>
      <c r="M32" s="34">
        <v>396</v>
      </c>
      <c r="N32" s="35">
        <v>0</v>
      </c>
      <c r="O32" s="32">
        <v>3</v>
      </c>
      <c r="P32" s="33">
        <v>3</v>
      </c>
      <c r="Q32" s="24">
        <v>0</v>
      </c>
      <c r="R32" s="32">
        <v>2</v>
      </c>
      <c r="S32" s="32">
        <v>0</v>
      </c>
      <c r="T32" s="32">
        <v>0</v>
      </c>
      <c r="U32" s="32">
        <v>2</v>
      </c>
      <c r="V32" s="32">
        <v>1</v>
      </c>
      <c r="W32" s="33">
        <v>5</v>
      </c>
      <c r="X32" s="34">
        <v>8</v>
      </c>
      <c r="Y32" s="31">
        <v>26</v>
      </c>
      <c r="Z32" s="32">
        <v>60</v>
      </c>
      <c r="AA32" s="33">
        <v>86</v>
      </c>
      <c r="AB32" s="24">
        <v>0</v>
      </c>
      <c r="AC32" s="32">
        <v>110</v>
      </c>
      <c r="AD32" s="32">
        <v>97</v>
      </c>
      <c r="AE32" s="32">
        <v>55</v>
      </c>
      <c r="AF32" s="32">
        <v>38</v>
      </c>
      <c r="AG32" s="32">
        <v>18</v>
      </c>
      <c r="AH32" s="33">
        <v>318</v>
      </c>
      <c r="AI32" s="34">
        <v>404</v>
      </c>
    </row>
    <row r="33" spans="2:35" ht="21" customHeight="1" x14ac:dyDescent="0.2">
      <c r="B33" s="131" t="s">
        <v>32</v>
      </c>
      <c r="C33" s="31">
        <v>35</v>
      </c>
      <c r="D33" s="32">
        <v>60</v>
      </c>
      <c r="E33" s="33">
        <v>95</v>
      </c>
      <c r="F33" s="24">
        <v>0</v>
      </c>
      <c r="G33" s="32">
        <v>155</v>
      </c>
      <c r="H33" s="32">
        <v>117</v>
      </c>
      <c r="I33" s="32">
        <v>60</v>
      </c>
      <c r="J33" s="32">
        <v>54</v>
      </c>
      <c r="K33" s="32">
        <v>27</v>
      </c>
      <c r="L33" s="33">
        <v>413</v>
      </c>
      <c r="M33" s="34">
        <v>508</v>
      </c>
      <c r="N33" s="35">
        <v>0</v>
      </c>
      <c r="O33" s="32">
        <v>2</v>
      </c>
      <c r="P33" s="33">
        <v>2</v>
      </c>
      <c r="Q33" s="24">
        <v>0</v>
      </c>
      <c r="R33" s="32">
        <v>3</v>
      </c>
      <c r="S33" s="32">
        <v>7</v>
      </c>
      <c r="T33" s="32">
        <v>1</v>
      </c>
      <c r="U33" s="32">
        <v>2</v>
      </c>
      <c r="V33" s="32">
        <v>2</v>
      </c>
      <c r="W33" s="33">
        <v>15</v>
      </c>
      <c r="X33" s="34">
        <v>17</v>
      </c>
      <c r="Y33" s="31">
        <v>35</v>
      </c>
      <c r="Z33" s="32">
        <v>62</v>
      </c>
      <c r="AA33" s="33">
        <v>97</v>
      </c>
      <c r="AB33" s="24">
        <v>0</v>
      </c>
      <c r="AC33" s="32">
        <v>158</v>
      </c>
      <c r="AD33" s="32">
        <v>124</v>
      </c>
      <c r="AE33" s="32">
        <v>61</v>
      </c>
      <c r="AF33" s="32">
        <v>56</v>
      </c>
      <c r="AG33" s="32">
        <v>29</v>
      </c>
      <c r="AH33" s="33">
        <v>428</v>
      </c>
      <c r="AI33" s="34">
        <v>525</v>
      </c>
    </row>
    <row r="34" spans="2:35" ht="21" customHeight="1" x14ac:dyDescent="0.2">
      <c r="B34" s="131" t="s">
        <v>33</v>
      </c>
      <c r="C34" s="31">
        <v>33</v>
      </c>
      <c r="D34" s="32">
        <v>62</v>
      </c>
      <c r="E34" s="33">
        <v>95</v>
      </c>
      <c r="F34" s="24">
        <v>0</v>
      </c>
      <c r="G34" s="32">
        <v>141</v>
      </c>
      <c r="H34" s="32">
        <v>81</v>
      </c>
      <c r="I34" s="32">
        <v>67</v>
      </c>
      <c r="J34" s="32">
        <v>31</v>
      </c>
      <c r="K34" s="32">
        <v>27</v>
      </c>
      <c r="L34" s="33">
        <v>347</v>
      </c>
      <c r="M34" s="34">
        <v>442</v>
      </c>
      <c r="N34" s="35">
        <v>0</v>
      </c>
      <c r="O34" s="32">
        <v>0</v>
      </c>
      <c r="P34" s="33">
        <v>0</v>
      </c>
      <c r="Q34" s="24">
        <v>0</v>
      </c>
      <c r="R34" s="32">
        <v>2</v>
      </c>
      <c r="S34" s="32">
        <v>1</v>
      </c>
      <c r="T34" s="32">
        <v>0</v>
      </c>
      <c r="U34" s="32">
        <v>0</v>
      </c>
      <c r="V34" s="32">
        <v>1</v>
      </c>
      <c r="W34" s="33">
        <v>4</v>
      </c>
      <c r="X34" s="34">
        <v>4</v>
      </c>
      <c r="Y34" s="31">
        <v>33</v>
      </c>
      <c r="Z34" s="32">
        <v>62</v>
      </c>
      <c r="AA34" s="33">
        <v>95</v>
      </c>
      <c r="AB34" s="24">
        <v>0</v>
      </c>
      <c r="AC34" s="32">
        <v>143</v>
      </c>
      <c r="AD34" s="32">
        <v>82</v>
      </c>
      <c r="AE34" s="32">
        <v>67</v>
      </c>
      <c r="AF34" s="32">
        <v>31</v>
      </c>
      <c r="AG34" s="32">
        <v>28</v>
      </c>
      <c r="AH34" s="33">
        <v>351</v>
      </c>
      <c r="AI34" s="34">
        <v>446</v>
      </c>
    </row>
    <row r="35" spans="2:35" ht="21" customHeight="1" x14ac:dyDescent="0.2">
      <c r="B35" s="131" t="s">
        <v>34</v>
      </c>
      <c r="C35" s="31">
        <v>16</v>
      </c>
      <c r="D35" s="32">
        <v>27</v>
      </c>
      <c r="E35" s="33">
        <v>43</v>
      </c>
      <c r="F35" s="24">
        <v>0</v>
      </c>
      <c r="G35" s="32">
        <v>103</v>
      </c>
      <c r="H35" s="32">
        <v>70</v>
      </c>
      <c r="I35" s="32">
        <v>34</v>
      </c>
      <c r="J35" s="32">
        <v>25</v>
      </c>
      <c r="K35" s="32">
        <v>15</v>
      </c>
      <c r="L35" s="33">
        <v>247</v>
      </c>
      <c r="M35" s="34">
        <v>290</v>
      </c>
      <c r="N35" s="35">
        <v>0</v>
      </c>
      <c r="O35" s="32">
        <v>0</v>
      </c>
      <c r="P35" s="33">
        <v>0</v>
      </c>
      <c r="Q35" s="24">
        <v>0</v>
      </c>
      <c r="R35" s="32">
        <v>2</v>
      </c>
      <c r="S35" s="32">
        <v>2</v>
      </c>
      <c r="T35" s="32">
        <v>1</v>
      </c>
      <c r="U35" s="32">
        <v>1</v>
      </c>
      <c r="V35" s="32">
        <v>1</v>
      </c>
      <c r="W35" s="33">
        <v>7</v>
      </c>
      <c r="X35" s="34">
        <v>7</v>
      </c>
      <c r="Y35" s="31">
        <v>16</v>
      </c>
      <c r="Z35" s="32">
        <v>27</v>
      </c>
      <c r="AA35" s="33">
        <v>43</v>
      </c>
      <c r="AB35" s="24">
        <v>0</v>
      </c>
      <c r="AC35" s="32">
        <v>105</v>
      </c>
      <c r="AD35" s="32">
        <v>72</v>
      </c>
      <c r="AE35" s="32">
        <v>35</v>
      </c>
      <c r="AF35" s="32">
        <v>26</v>
      </c>
      <c r="AG35" s="32">
        <v>16</v>
      </c>
      <c r="AH35" s="33">
        <v>254</v>
      </c>
      <c r="AI35" s="34">
        <v>297</v>
      </c>
    </row>
    <row r="36" spans="2:35" ht="21" customHeight="1" x14ac:dyDescent="0.2">
      <c r="B36" s="131" t="s">
        <v>35</v>
      </c>
      <c r="C36" s="31">
        <v>84</v>
      </c>
      <c r="D36" s="32">
        <v>129</v>
      </c>
      <c r="E36" s="33">
        <v>213</v>
      </c>
      <c r="F36" s="24">
        <v>0</v>
      </c>
      <c r="G36" s="32">
        <v>375</v>
      </c>
      <c r="H36" s="32">
        <v>192</v>
      </c>
      <c r="I36" s="32">
        <v>154</v>
      </c>
      <c r="J36" s="32">
        <v>112</v>
      </c>
      <c r="K36" s="32">
        <v>57</v>
      </c>
      <c r="L36" s="33">
        <v>890</v>
      </c>
      <c r="M36" s="34">
        <v>1103</v>
      </c>
      <c r="N36" s="35">
        <v>0</v>
      </c>
      <c r="O36" s="32">
        <v>1</v>
      </c>
      <c r="P36" s="33">
        <v>1</v>
      </c>
      <c r="Q36" s="24">
        <v>0</v>
      </c>
      <c r="R36" s="32">
        <v>4</v>
      </c>
      <c r="S36" s="32">
        <v>6</v>
      </c>
      <c r="T36" s="32">
        <v>2</v>
      </c>
      <c r="U36" s="32">
        <v>1</v>
      </c>
      <c r="V36" s="32">
        <v>2</v>
      </c>
      <c r="W36" s="33">
        <v>15</v>
      </c>
      <c r="X36" s="34">
        <v>16</v>
      </c>
      <c r="Y36" s="31">
        <v>84</v>
      </c>
      <c r="Z36" s="32">
        <v>130</v>
      </c>
      <c r="AA36" s="33">
        <v>214</v>
      </c>
      <c r="AB36" s="24">
        <v>0</v>
      </c>
      <c r="AC36" s="32">
        <v>379</v>
      </c>
      <c r="AD36" s="32">
        <v>198</v>
      </c>
      <c r="AE36" s="32">
        <v>156</v>
      </c>
      <c r="AF36" s="32">
        <v>113</v>
      </c>
      <c r="AG36" s="32">
        <v>59</v>
      </c>
      <c r="AH36" s="33">
        <v>905</v>
      </c>
      <c r="AI36" s="34">
        <v>1119</v>
      </c>
    </row>
    <row r="37" spans="2:35" ht="21" customHeight="1" x14ac:dyDescent="0.2">
      <c r="B37" s="131" t="s">
        <v>36</v>
      </c>
      <c r="C37" s="31">
        <v>51</v>
      </c>
      <c r="D37" s="32">
        <v>136</v>
      </c>
      <c r="E37" s="33">
        <v>187</v>
      </c>
      <c r="F37" s="24">
        <v>0</v>
      </c>
      <c r="G37" s="32">
        <v>293</v>
      </c>
      <c r="H37" s="32">
        <v>290</v>
      </c>
      <c r="I37" s="32">
        <v>156</v>
      </c>
      <c r="J37" s="32">
        <v>103</v>
      </c>
      <c r="K37" s="32">
        <v>86</v>
      </c>
      <c r="L37" s="33">
        <v>928</v>
      </c>
      <c r="M37" s="34">
        <v>1115</v>
      </c>
      <c r="N37" s="35">
        <v>1</v>
      </c>
      <c r="O37" s="32">
        <v>3</v>
      </c>
      <c r="P37" s="33">
        <v>4</v>
      </c>
      <c r="Q37" s="24">
        <v>0</v>
      </c>
      <c r="R37" s="32">
        <v>6</v>
      </c>
      <c r="S37" s="32">
        <v>6</v>
      </c>
      <c r="T37" s="32">
        <v>5</v>
      </c>
      <c r="U37" s="32">
        <v>3</v>
      </c>
      <c r="V37" s="32">
        <v>4</v>
      </c>
      <c r="W37" s="33">
        <v>24</v>
      </c>
      <c r="X37" s="34">
        <v>28</v>
      </c>
      <c r="Y37" s="31">
        <v>52</v>
      </c>
      <c r="Z37" s="32">
        <v>139</v>
      </c>
      <c r="AA37" s="33">
        <v>191</v>
      </c>
      <c r="AB37" s="24">
        <v>0</v>
      </c>
      <c r="AC37" s="32">
        <v>299</v>
      </c>
      <c r="AD37" s="32">
        <v>296</v>
      </c>
      <c r="AE37" s="32">
        <v>161</v>
      </c>
      <c r="AF37" s="32">
        <v>106</v>
      </c>
      <c r="AG37" s="32">
        <v>90</v>
      </c>
      <c r="AH37" s="33">
        <v>952</v>
      </c>
      <c r="AI37" s="34">
        <v>1143</v>
      </c>
    </row>
    <row r="38" spans="2:35" ht="21" customHeight="1" thickBot="1" x14ac:dyDescent="0.25">
      <c r="B38" s="132" t="s">
        <v>37</v>
      </c>
      <c r="C38" s="36">
        <v>20</v>
      </c>
      <c r="D38" s="37">
        <v>0</v>
      </c>
      <c r="E38" s="38">
        <v>20</v>
      </c>
      <c r="F38" s="25">
        <v>0</v>
      </c>
      <c r="G38" s="37">
        <v>28</v>
      </c>
      <c r="H38" s="37">
        <v>17</v>
      </c>
      <c r="I38" s="37">
        <v>16</v>
      </c>
      <c r="J38" s="37">
        <v>15</v>
      </c>
      <c r="K38" s="37">
        <v>8</v>
      </c>
      <c r="L38" s="38">
        <v>84</v>
      </c>
      <c r="M38" s="39">
        <v>104</v>
      </c>
      <c r="N38" s="40">
        <v>0</v>
      </c>
      <c r="O38" s="37">
        <v>0</v>
      </c>
      <c r="P38" s="38">
        <v>0</v>
      </c>
      <c r="Q38" s="25">
        <v>0</v>
      </c>
      <c r="R38" s="37">
        <v>0</v>
      </c>
      <c r="S38" s="37">
        <v>3</v>
      </c>
      <c r="T38" s="37">
        <v>0</v>
      </c>
      <c r="U38" s="37">
        <v>1</v>
      </c>
      <c r="V38" s="37">
        <v>0</v>
      </c>
      <c r="W38" s="38">
        <v>4</v>
      </c>
      <c r="X38" s="39">
        <v>4</v>
      </c>
      <c r="Y38" s="36">
        <v>20</v>
      </c>
      <c r="Z38" s="37">
        <v>0</v>
      </c>
      <c r="AA38" s="38">
        <v>20</v>
      </c>
      <c r="AB38" s="25">
        <v>0</v>
      </c>
      <c r="AC38" s="37">
        <v>28</v>
      </c>
      <c r="AD38" s="37">
        <v>20</v>
      </c>
      <c r="AE38" s="37">
        <v>16</v>
      </c>
      <c r="AF38" s="37">
        <v>16</v>
      </c>
      <c r="AG38" s="37">
        <v>8</v>
      </c>
      <c r="AH38" s="38">
        <v>88</v>
      </c>
      <c r="AI38" s="39">
        <v>108</v>
      </c>
    </row>
    <row r="39" spans="2:35" x14ac:dyDescent="0.2">
      <c r="AA39" s="11"/>
      <c r="AB39" s="11"/>
      <c r="AC39" s="11"/>
      <c r="AD39" s="11"/>
      <c r="AE39" s="11"/>
      <c r="AF39" s="11"/>
      <c r="AG39" s="11"/>
      <c r="AH39" s="11"/>
      <c r="AI39" s="1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50" customWidth="1"/>
    <col min="2" max="2" width="9.77734375" style="50" customWidth="1"/>
    <col min="3" max="4" width="9" style="50"/>
    <col min="5" max="5" width="10.33203125" style="50" customWidth="1"/>
    <col min="6" max="6" width="7.6640625" style="50" customWidth="1"/>
    <col min="7" max="7" width="10.21875" style="50" customWidth="1"/>
    <col min="8" max="8" width="10.44140625" style="50" customWidth="1"/>
    <col min="9" max="16" width="9" style="50"/>
    <col min="17" max="17" width="7.21875" style="50" customWidth="1"/>
    <col min="18" max="27" width="9" style="50"/>
    <col min="28" max="28" width="7.6640625" style="50" customWidth="1"/>
    <col min="29" max="38" width="9" style="50"/>
    <col min="39" max="39" width="7.6640625" style="50" customWidth="1"/>
    <col min="40" max="49" width="9" style="50"/>
    <col min="50" max="50" width="7.21875" style="50" customWidth="1"/>
    <col min="51" max="60" width="9" style="50"/>
    <col min="61" max="61" width="7.21875" style="50" customWidth="1"/>
    <col min="62" max="71" width="9" style="50"/>
    <col min="72" max="72" width="7.33203125" style="50" customWidth="1"/>
    <col min="73" max="82" width="9" style="50"/>
    <col min="83" max="83" width="7.44140625" style="50" customWidth="1"/>
    <col min="84" max="93" width="9" style="50"/>
    <col min="94" max="94" width="7.6640625" style="50" customWidth="1"/>
    <col min="95" max="104" width="9" style="50"/>
    <col min="105" max="105" width="7.44140625" style="50" customWidth="1"/>
    <col min="106" max="115" width="9" style="50"/>
    <col min="116" max="116" width="7.44140625" style="50" customWidth="1"/>
    <col min="117" max="126" width="9" style="50"/>
    <col min="127" max="127" width="7.44140625" style="50" customWidth="1"/>
    <col min="128" max="137" width="9" style="50"/>
    <col min="138" max="138" width="7.33203125" style="50" customWidth="1"/>
    <col min="139" max="148" width="9" style="50"/>
    <col min="149" max="149" width="7.77734375" style="50" customWidth="1"/>
    <col min="150" max="16384" width="9" style="50"/>
  </cols>
  <sheetData>
    <row r="1" spans="2:156" ht="24" customHeight="1" x14ac:dyDescent="0.2">
      <c r="B1" s="75" t="s">
        <v>120</v>
      </c>
      <c r="I1" s="464">
        <f>第１表!F2</f>
        <v>6</v>
      </c>
      <c r="J1" s="464"/>
      <c r="K1" s="43">
        <f>第１表!G2</f>
        <v>4</v>
      </c>
      <c r="L1" s="468">
        <f>IF(K1&lt;3,K1+12-2,K1-2)</f>
        <v>2</v>
      </c>
      <c r="M1" s="468"/>
    </row>
    <row r="2" spans="2:156" ht="24" customHeight="1" thickBot="1" x14ac:dyDescent="0.25">
      <c r="B2" s="75" t="s">
        <v>135</v>
      </c>
      <c r="G2" s="42"/>
      <c r="H2" s="43"/>
      <c r="J2" s="49"/>
      <c r="K2" s="49"/>
    </row>
    <row r="3" spans="2:156" ht="21" customHeight="1" thickBot="1" x14ac:dyDescent="0.25">
      <c r="B3" s="481"/>
      <c r="C3" s="472" t="s">
        <v>70</v>
      </c>
      <c r="D3" s="473"/>
      <c r="E3" s="473"/>
      <c r="F3" s="473"/>
      <c r="G3" s="473"/>
      <c r="H3" s="473"/>
      <c r="I3" s="473"/>
      <c r="J3" s="473"/>
      <c r="K3" s="473"/>
      <c r="L3" s="473"/>
      <c r="M3" s="474"/>
      <c r="N3" s="472" t="s">
        <v>71</v>
      </c>
      <c r="O3" s="473"/>
      <c r="P3" s="473"/>
      <c r="Q3" s="473"/>
      <c r="R3" s="473"/>
      <c r="S3" s="473"/>
      <c r="T3" s="473"/>
      <c r="U3" s="473"/>
      <c r="V3" s="473"/>
      <c r="W3" s="473"/>
      <c r="X3" s="474"/>
      <c r="Y3" s="472" t="s">
        <v>72</v>
      </c>
      <c r="Z3" s="473"/>
      <c r="AA3" s="473"/>
      <c r="AB3" s="473"/>
      <c r="AC3" s="473"/>
      <c r="AD3" s="473"/>
      <c r="AE3" s="473"/>
      <c r="AF3" s="473"/>
      <c r="AG3" s="473"/>
      <c r="AH3" s="473"/>
      <c r="AI3" s="474"/>
      <c r="AJ3" s="472" t="s">
        <v>73</v>
      </c>
      <c r="AK3" s="473"/>
      <c r="AL3" s="473"/>
      <c r="AM3" s="473"/>
      <c r="AN3" s="473"/>
      <c r="AO3" s="473"/>
      <c r="AP3" s="473"/>
      <c r="AQ3" s="473"/>
      <c r="AR3" s="473"/>
      <c r="AS3" s="473"/>
      <c r="AT3" s="474"/>
      <c r="AU3" s="472" t="s">
        <v>74</v>
      </c>
      <c r="AV3" s="473"/>
      <c r="AW3" s="473"/>
      <c r="AX3" s="473"/>
      <c r="AY3" s="473"/>
      <c r="AZ3" s="473"/>
      <c r="BA3" s="473"/>
      <c r="BB3" s="473"/>
      <c r="BC3" s="473"/>
      <c r="BD3" s="473"/>
      <c r="BE3" s="474"/>
      <c r="BF3" s="472" t="s">
        <v>75</v>
      </c>
      <c r="BG3" s="473"/>
      <c r="BH3" s="473"/>
      <c r="BI3" s="473"/>
      <c r="BJ3" s="473"/>
      <c r="BK3" s="473"/>
      <c r="BL3" s="473"/>
      <c r="BM3" s="473"/>
      <c r="BN3" s="473"/>
      <c r="BO3" s="473"/>
      <c r="BP3" s="474"/>
      <c r="BQ3" s="472" t="s">
        <v>76</v>
      </c>
      <c r="BR3" s="473"/>
      <c r="BS3" s="473"/>
      <c r="BT3" s="473"/>
      <c r="BU3" s="473"/>
      <c r="BV3" s="473"/>
      <c r="BW3" s="473"/>
      <c r="BX3" s="473"/>
      <c r="BY3" s="473"/>
      <c r="BZ3" s="473"/>
      <c r="CA3" s="474"/>
      <c r="CB3" s="472" t="s">
        <v>77</v>
      </c>
      <c r="CC3" s="473"/>
      <c r="CD3" s="473"/>
      <c r="CE3" s="473"/>
      <c r="CF3" s="473"/>
      <c r="CG3" s="473"/>
      <c r="CH3" s="473"/>
      <c r="CI3" s="473"/>
      <c r="CJ3" s="473"/>
      <c r="CK3" s="473"/>
      <c r="CL3" s="474"/>
      <c r="CM3" s="472" t="s">
        <v>78</v>
      </c>
      <c r="CN3" s="473"/>
      <c r="CO3" s="473"/>
      <c r="CP3" s="473"/>
      <c r="CQ3" s="473"/>
      <c r="CR3" s="473"/>
      <c r="CS3" s="473"/>
      <c r="CT3" s="473"/>
      <c r="CU3" s="473"/>
      <c r="CV3" s="473"/>
      <c r="CW3" s="474"/>
      <c r="CX3" s="472" t="s">
        <v>79</v>
      </c>
      <c r="CY3" s="473"/>
      <c r="CZ3" s="473"/>
      <c r="DA3" s="473"/>
      <c r="DB3" s="473"/>
      <c r="DC3" s="473"/>
      <c r="DD3" s="473"/>
      <c r="DE3" s="473"/>
      <c r="DF3" s="473"/>
      <c r="DG3" s="473"/>
      <c r="DH3" s="474"/>
      <c r="DI3" s="472" t="s">
        <v>149</v>
      </c>
      <c r="DJ3" s="473"/>
      <c r="DK3" s="473"/>
      <c r="DL3" s="473"/>
      <c r="DM3" s="473"/>
      <c r="DN3" s="473"/>
      <c r="DO3" s="473"/>
      <c r="DP3" s="473"/>
      <c r="DQ3" s="473"/>
      <c r="DR3" s="473"/>
      <c r="DS3" s="474"/>
      <c r="DT3" s="472" t="s">
        <v>80</v>
      </c>
      <c r="DU3" s="473"/>
      <c r="DV3" s="473"/>
      <c r="DW3" s="473"/>
      <c r="DX3" s="473"/>
      <c r="DY3" s="473"/>
      <c r="DZ3" s="473"/>
      <c r="EA3" s="473"/>
      <c r="EB3" s="473"/>
      <c r="EC3" s="473"/>
      <c r="ED3" s="474"/>
      <c r="EE3" s="472" t="s">
        <v>68</v>
      </c>
      <c r="EF3" s="473"/>
      <c r="EG3" s="473"/>
      <c r="EH3" s="473"/>
      <c r="EI3" s="473"/>
      <c r="EJ3" s="473"/>
      <c r="EK3" s="473"/>
      <c r="EL3" s="473"/>
      <c r="EM3" s="473"/>
      <c r="EN3" s="473"/>
      <c r="EO3" s="474"/>
      <c r="EP3" s="469" t="s">
        <v>69</v>
      </c>
      <c r="EQ3" s="470"/>
      <c r="ER3" s="470"/>
      <c r="ES3" s="470"/>
      <c r="ET3" s="470"/>
      <c r="EU3" s="470"/>
      <c r="EV3" s="470"/>
      <c r="EW3" s="470"/>
      <c r="EX3" s="470"/>
      <c r="EY3" s="470"/>
      <c r="EZ3" s="471"/>
    </row>
    <row r="4" spans="2:156" ht="21" customHeight="1" x14ac:dyDescent="0.2">
      <c r="B4" s="482"/>
      <c r="C4" s="480" t="s">
        <v>61</v>
      </c>
      <c r="D4" s="476"/>
      <c r="E4" s="477"/>
      <c r="F4" s="475" t="s">
        <v>62</v>
      </c>
      <c r="G4" s="476"/>
      <c r="H4" s="476"/>
      <c r="I4" s="476"/>
      <c r="J4" s="476"/>
      <c r="K4" s="476"/>
      <c r="L4" s="484"/>
      <c r="M4" s="478" t="s">
        <v>52</v>
      </c>
      <c r="N4" s="480" t="s">
        <v>61</v>
      </c>
      <c r="O4" s="476"/>
      <c r="P4" s="477"/>
      <c r="Q4" s="475" t="s">
        <v>62</v>
      </c>
      <c r="R4" s="476"/>
      <c r="S4" s="476"/>
      <c r="T4" s="476"/>
      <c r="U4" s="476"/>
      <c r="V4" s="476"/>
      <c r="W4" s="477"/>
      <c r="X4" s="478" t="s">
        <v>52</v>
      </c>
      <c r="Y4" s="480" t="s">
        <v>61</v>
      </c>
      <c r="Z4" s="476"/>
      <c r="AA4" s="477"/>
      <c r="AB4" s="475" t="s">
        <v>62</v>
      </c>
      <c r="AC4" s="476"/>
      <c r="AD4" s="476"/>
      <c r="AE4" s="476"/>
      <c r="AF4" s="476"/>
      <c r="AG4" s="476"/>
      <c r="AH4" s="477"/>
      <c r="AI4" s="478" t="s">
        <v>52</v>
      </c>
      <c r="AJ4" s="480" t="s">
        <v>61</v>
      </c>
      <c r="AK4" s="476"/>
      <c r="AL4" s="477"/>
      <c r="AM4" s="475" t="s">
        <v>62</v>
      </c>
      <c r="AN4" s="476"/>
      <c r="AO4" s="476"/>
      <c r="AP4" s="476"/>
      <c r="AQ4" s="476"/>
      <c r="AR4" s="476"/>
      <c r="AS4" s="477"/>
      <c r="AT4" s="478" t="s">
        <v>52</v>
      </c>
      <c r="AU4" s="480" t="s">
        <v>61</v>
      </c>
      <c r="AV4" s="476"/>
      <c r="AW4" s="477"/>
      <c r="AX4" s="475" t="s">
        <v>62</v>
      </c>
      <c r="AY4" s="476"/>
      <c r="AZ4" s="476"/>
      <c r="BA4" s="476"/>
      <c r="BB4" s="476"/>
      <c r="BC4" s="476"/>
      <c r="BD4" s="484"/>
      <c r="BE4" s="478" t="s">
        <v>52</v>
      </c>
      <c r="BF4" s="480" t="s">
        <v>61</v>
      </c>
      <c r="BG4" s="476"/>
      <c r="BH4" s="477"/>
      <c r="BI4" s="475" t="s">
        <v>62</v>
      </c>
      <c r="BJ4" s="476"/>
      <c r="BK4" s="476"/>
      <c r="BL4" s="476"/>
      <c r="BM4" s="476"/>
      <c r="BN4" s="476"/>
      <c r="BO4" s="477"/>
      <c r="BP4" s="478" t="s">
        <v>52</v>
      </c>
      <c r="BQ4" s="480" t="s">
        <v>61</v>
      </c>
      <c r="BR4" s="476"/>
      <c r="BS4" s="477"/>
      <c r="BT4" s="475" t="s">
        <v>62</v>
      </c>
      <c r="BU4" s="476"/>
      <c r="BV4" s="476"/>
      <c r="BW4" s="476"/>
      <c r="BX4" s="476"/>
      <c r="BY4" s="476"/>
      <c r="BZ4" s="477"/>
      <c r="CA4" s="478" t="s">
        <v>52</v>
      </c>
      <c r="CB4" s="480" t="s">
        <v>61</v>
      </c>
      <c r="CC4" s="476"/>
      <c r="CD4" s="477"/>
      <c r="CE4" s="475" t="s">
        <v>62</v>
      </c>
      <c r="CF4" s="476"/>
      <c r="CG4" s="476"/>
      <c r="CH4" s="476"/>
      <c r="CI4" s="476"/>
      <c r="CJ4" s="476"/>
      <c r="CK4" s="477"/>
      <c r="CL4" s="478" t="s">
        <v>52</v>
      </c>
      <c r="CM4" s="480" t="s">
        <v>61</v>
      </c>
      <c r="CN4" s="476"/>
      <c r="CO4" s="477"/>
      <c r="CP4" s="475" t="s">
        <v>62</v>
      </c>
      <c r="CQ4" s="476"/>
      <c r="CR4" s="476"/>
      <c r="CS4" s="476"/>
      <c r="CT4" s="476"/>
      <c r="CU4" s="476"/>
      <c r="CV4" s="477"/>
      <c r="CW4" s="478" t="s">
        <v>52</v>
      </c>
      <c r="CX4" s="480" t="s">
        <v>61</v>
      </c>
      <c r="CY4" s="476"/>
      <c r="CZ4" s="477"/>
      <c r="DA4" s="475" t="s">
        <v>62</v>
      </c>
      <c r="DB4" s="476"/>
      <c r="DC4" s="476"/>
      <c r="DD4" s="476"/>
      <c r="DE4" s="476"/>
      <c r="DF4" s="476"/>
      <c r="DG4" s="477"/>
      <c r="DH4" s="478" t="s">
        <v>52</v>
      </c>
      <c r="DI4" s="480" t="s">
        <v>61</v>
      </c>
      <c r="DJ4" s="476"/>
      <c r="DK4" s="477"/>
      <c r="DL4" s="475" t="s">
        <v>62</v>
      </c>
      <c r="DM4" s="476"/>
      <c r="DN4" s="476"/>
      <c r="DO4" s="476"/>
      <c r="DP4" s="476"/>
      <c r="DQ4" s="476"/>
      <c r="DR4" s="477"/>
      <c r="DS4" s="478" t="s">
        <v>52</v>
      </c>
      <c r="DT4" s="480" t="s">
        <v>61</v>
      </c>
      <c r="DU4" s="476"/>
      <c r="DV4" s="477"/>
      <c r="DW4" s="475" t="s">
        <v>62</v>
      </c>
      <c r="DX4" s="476"/>
      <c r="DY4" s="476"/>
      <c r="DZ4" s="476"/>
      <c r="EA4" s="476"/>
      <c r="EB4" s="476"/>
      <c r="EC4" s="477"/>
      <c r="ED4" s="478" t="s">
        <v>52</v>
      </c>
      <c r="EE4" s="480" t="s">
        <v>61</v>
      </c>
      <c r="EF4" s="476"/>
      <c r="EG4" s="477"/>
      <c r="EH4" s="475" t="s">
        <v>62</v>
      </c>
      <c r="EI4" s="476"/>
      <c r="EJ4" s="476"/>
      <c r="EK4" s="476"/>
      <c r="EL4" s="476"/>
      <c r="EM4" s="476"/>
      <c r="EN4" s="477"/>
      <c r="EO4" s="478" t="s">
        <v>52</v>
      </c>
      <c r="EP4" s="480" t="s">
        <v>61</v>
      </c>
      <c r="EQ4" s="476"/>
      <c r="ER4" s="477"/>
      <c r="ES4" s="475" t="s">
        <v>62</v>
      </c>
      <c r="ET4" s="476"/>
      <c r="EU4" s="476"/>
      <c r="EV4" s="476"/>
      <c r="EW4" s="476"/>
      <c r="EX4" s="476"/>
      <c r="EY4" s="477"/>
      <c r="EZ4" s="478" t="s">
        <v>52</v>
      </c>
    </row>
    <row r="5" spans="2:156" ht="30" customHeight="1" thickBot="1" x14ac:dyDescent="0.25">
      <c r="B5" s="483"/>
      <c r="C5" s="52" t="s">
        <v>43</v>
      </c>
      <c r="D5" s="51" t="s">
        <v>44</v>
      </c>
      <c r="E5" s="109" t="s">
        <v>45</v>
      </c>
      <c r="F5" s="55" t="s">
        <v>83</v>
      </c>
      <c r="G5" s="51" t="s">
        <v>47</v>
      </c>
      <c r="H5" s="51" t="s">
        <v>48</v>
      </c>
      <c r="I5" s="51" t="s">
        <v>49</v>
      </c>
      <c r="J5" s="51" t="s">
        <v>50</v>
      </c>
      <c r="K5" s="51" t="s">
        <v>51</v>
      </c>
      <c r="L5" s="56" t="s">
        <v>45</v>
      </c>
      <c r="M5" s="479"/>
      <c r="N5" s="52" t="s">
        <v>43</v>
      </c>
      <c r="O5" s="51" t="s">
        <v>44</v>
      </c>
      <c r="P5" s="54" t="s">
        <v>45</v>
      </c>
      <c r="Q5" s="55" t="s">
        <v>83</v>
      </c>
      <c r="R5" s="51" t="s">
        <v>47</v>
      </c>
      <c r="S5" s="51" t="s">
        <v>48</v>
      </c>
      <c r="T5" s="51" t="s">
        <v>49</v>
      </c>
      <c r="U5" s="51" t="s">
        <v>50</v>
      </c>
      <c r="V5" s="51" t="s">
        <v>51</v>
      </c>
      <c r="W5" s="54" t="s">
        <v>45</v>
      </c>
      <c r="X5" s="479"/>
      <c r="Y5" s="52" t="s">
        <v>43</v>
      </c>
      <c r="Z5" s="51" t="s">
        <v>44</v>
      </c>
      <c r="AA5" s="54" t="s">
        <v>45</v>
      </c>
      <c r="AB5" s="55" t="s">
        <v>83</v>
      </c>
      <c r="AC5" s="51" t="s">
        <v>47</v>
      </c>
      <c r="AD5" s="51" t="s">
        <v>48</v>
      </c>
      <c r="AE5" s="51" t="s">
        <v>49</v>
      </c>
      <c r="AF5" s="51" t="s">
        <v>50</v>
      </c>
      <c r="AG5" s="51" t="s">
        <v>51</v>
      </c>
      <c r="AH5" s="54" t="s">
        <v>45</v>
      </c>
      <c r="AI5" s="479"/>
      <c r="AJ5" s="52" t="s">
        <v>43</v>
      </c>
      <c r="AK5" s="51" t="s">
        <v>44</v>
      </c>
      <c r="AL5" s="54" t="s">
        <v>45</v>
      </c>
      <c r="AM5" s="55" t="s">
        <v>83</v>
      </c>
      <c r="AN5" s="51" t="s">
        <v>47</v>
      </c>
      <c r="AO5" s="51" t="s">
        <v>48</v>
      </c>
      <c r="AP5" s="51" t="s">
        <v>49</v>
      </c>
      <c r="AQ5" s="51" t="s">
        <v>50</v>
      </c>
      <c r="AR5" s="51" t="s">
        <v>51</v>
      </c>
      <c r="AS5" s="54" t="s">
        <v>45</v>
      </c>
      <c r="AT5" s="479"/>
      <c r="AU5" s="52" t="s">
        <v>43</v>
      </c>
      <c r="AV5" s="51" t="s">
        <v>44</v>
      </c>
      <c r="AW5" s="54" t="s">
        <v>45</v>
      </c>
      <c r="AX5" s="55" t="s">
        <v>83</v>
      </c>
      <c r="AY5" s="51" t="s">
        <v>47</v>
      </c>
      <c r="AZ5" s="51" t="s">
        <v>48</v>
      </c>
      <c r="BA5" s="51" t="s">
        <v>49</v>
      </c>
      <c r="BB5" s="51" t="s">
        <v>50</v>
      </c>
      <c r="BC5" s="51" t="s">
        <v>51</v>
      </c>
      <c r="BD5" s="56" t="s">
        <v>45</v>
      </c>
      <c r="BE5" s="479"/>
      <c r="BF5" s="52" t="s">
        <v>43</v>
      </c>
      <c r="BG5" s="51" t="s">
        <v>44</v>
      </c>
      <c r="BH5" s="54" t="s">
        <v>45</v>
      </c>
      <c r="BI5" s="55" t="s">
        <v>83</v>
      </c>
      <c r="BJ5" s="51" t="s">
        <v>47</v>
      </c>
      <c r="BK5" s="51" t="s">
        <v>48</v>
      </c>
      <c r="BL5" s="51" t="s">
        <v>49</v>
      </c>
      <c r="BM5" s="51" t="s">
        <v>50</v>
      </c>
      <c r="BN5" s="51" t="s">
        <v>51</v>
      </c>
      <c r="BO5" s="54" t="s">
        <v>45</v>
      </c>
      <c r="BP5" s="479"/>
      <c r="BQ5" s="52" t="s">
        <v>43</v>
      </c>
      <c r="BR5" s="51" t="s">
        <v>44</v>
      </c>
      <c r="BS5" s="54" t="s">
        <v>45</v>
      </c>
      <c r="BT5" s="55" t="s">
        <v>83</v>
      </c>
      <c r="BU5" s="51" t="s">
        <v>47</v>
      </c>
      <c r="BV5" s="51" t="s">
        <v>48</v>
      </c>
      <c r="BW5" s="51" t="s">
        <v>49</v>
      </c>
      <c r="BX5" s="51" t="s">
        <v>50</v>
      </c>
      <c r="BY5" s="51" t="s">
        <v>51</v>
      </c>
      <c r="BZ5" s="54" t="s">
        <v>45</v>
      </c>
      <c r="CA5" s="479"/>
      <c r="CB5" s="52" t="s">
        <v>43</v>
      </c>
      <c r="CC5" s="51" t="s">
        <v>44</v>
      </c>
      <c r="CD5" s="54" t="s">
        <v>45</v>
      </c>
      <c r="CE5" s="55" t="s">
        <v>83</v>
      </c>
      <c r="CF5" s="51" t="s">
        <v>47</v>
      </c>
      <c r="CG5" s="51" t="s">
        <v>48</v>
      </c>
      <c r="CH5" s="51" t="s">
        <v>49</v>
      </c>
      <c r="CI5" s="51" t="s">
        <v>50</v>
      </c>
      <c r="CJ5" s="51" t="s">
        <v>51</v>
      </c>
      <c r="CK5" s="54" t="s">
        <v>45</v>
      </c>
      <c r="CL5" s="479"/>
      <c r="CM5" s="52" t="s">
        <v>43</v>
      </c>
      <c r="CN5" s="51" t="s">
        <v>44</v>
      </c>
      <c r="CO5" s="54" t="s">
        <v>45</v>
      </c>
      <c r="CP5" s="55" t="s">
        <v>83</v>
      </c>
      <c r="CQ5" s="51" t="s">
        <v>47</v>
      </c>
      <c r="CR5" s="51" t="s">
        <v>48</v>
      </c>
      <c r="CS5" s="51" t="s">
        <v>49</v>
      </c>
      <c r="CT5" s="51" t="s">
        <v>50</v>
      </c>
      <c r="CU5" s="51" t="s">
        <v>51</v>
      </c>
      <c r="CV5" s="54" t="s">
        <v>45</v>
      </c>
      <c r="CW5" s="479"/>
      <c r="CX5" s="52" t="s">
        <v>43</v>
      </c>
      <c r="CY5" s="51" t="s">
        <v>44</v>
      </c>
      <c r="CZ5" s="54" t="s">
        <v>45</v>
      </c>
      <c r="DA5" s="55" t="s">
        <v>83</v>
      </c>
      <c r="DB5" s="51" t="s">
        <v>47</v>
      </c>
      <c r="DC5" s="51" t="s">
        <v>48</v>
      </c>
      <c r="DD5" s="51" t="s">
        <v>49</v>
      </c>
      <c r="DE5" s="51" t="s">
        <v>50</v>
      </c>
      <c r="DF5" s="51" t="s">
        <v>51</v>
      </c>
      <c r="DG5" s="54" t="s">
        <v>45</v>
      </c>
      <c r="DH5" s="479"/>
      <c r="DI5" s="95" t="s">
        <v>43</v>
      </c>
      <c r="DJ5" s="51" t="s">
        <v>44</v>
      </c>
      <c r="DK5" s="54" t="s">
        <v>45</v>
      </c>
      <c r="DL5" s="55" t="s">
        <v>83</v>
      </c>
      <c r="DM5" s="51" t="s">
        <v>47</v>
      </c>
      <c r="DN5" s="51" t="s">
        <v>48</v>
      </c>
      <c r="DO5" s="51" t="s">
        <v>49</v>
      </c>
      <c r="DP5" s="51" t="s">
        <v>50</v>
      </c>
      <c r="DQ5" s="51" t="s">
        <v>51</v>
      </c>
      <c r="DR5" s="54" t="s">
        <v>45</v>
      </c>
      <c r="DS5" s="479"/>
      <c r="DT5" s="52" t="s">
        <v>43</v>
      </c>
      <c r="DU5" s="51" t="s">
        <v>44</v>
      </c>
      <c r="DV5" s="54" t="s">
        <v>45</v>
      </c>
      <c r="DW5" s="55" t="s">
        <v>83</v>
      </c>
      <c r="DX5" s="51" t="s">
        <v>47</v>
      </c>
      <c r="DY5" s="51" t="s">
        <v>48</v>
      </c>
      <c r="DZ5" s="51" t="s">
        <v>49</v>
      </c>
      <c r="EA5" s="51" t="s">
        <v>50</v>
      </c>
      <c r="EB5" s="51" t="s">
        <v>51</v>
      </c>
      <c r="EC5" s="54" t="s">
        <v>45</v>
      </c>
      <c r="ED5" s="479"/>
      <c r="EE5" s="52" t="s">
        <v>43</v>
      </c>
      <c r="EF5" s="51" t="s">
        <v>44</v>
      </c>
      <c r="EG5" s="54" t="s">
        <v>45</v>
      </c>
      <c r="EH5" s="55" t="s">
        <v>83</v>
      </c>
      <c r="EI5" s="51" t="s">
        <v>47</v>
      </c>
      <c r="EJ5" s="51" t="s">
        <v>48</v>
      </c>
      <c r="EK5" s="51" t="s">
        <v>49</v>
      </c>
      <c r="EL5" s="51" t="s">
        <v>50</v>
      </c>
      <c r="EM5" s="51" t="s">
        <v>51</v>
      </c>
      <c r="EN5" s="54" t="s">
        <v>45</v>
      </c>
      <c r="EO5" s="479"/>
      <c r="EP5" s="52" t="s">
        <v>43</v>
      </c>
      <c r="EQ5" s="51" t="s">
        <v>44</v>
      </c>
      <c r="ER5" s="54" t="s">
        <v>45</v>
      </c>
      <c r="ES5" s="55" t="s">
        <v>83</v>
      </c>
      <c r="ET5" s="51" t="s">
        <v>47</v>
      </c>
      <c r="EU5" s="51" t="s">
        <v>48</v>
      </c>
      <c r="EV5" s="51" t="s">
        <v>49</v>
      </c>
      <c r="EW5" s="51" t="s">
        <v>50</v>
      </c>
      <c r="EX5" s="51" t="s">
        <v>51</v>
      </c>
      <c r="EY5" s="54" t="s">
        <v>45</v>
      </c>
      <c r="EZ5" s="479"/>
    </row>
    <row r="6" spans="2:156" ht="21" customHeight="1" x14ac:dyDescent="0.2">
      <c r="B6" s="129" t="s">
        <v>4</v>
      </c>
      <c r="C6" s="57">
        <v>0</v>
      </c>
      <c r="D6" s="60">
        <v>0</v>
      </c>
      <c r="E6" s="110">
        <v>0</v>
      </c>
      <c r="F6" s="59">
        <v>0</v>
      </c>
      <c r="G6" s="60">
        <v>18959</v>
      </c>
      <c r="H6" s="60">
        <v>23335</v>
      </c>
      <c r="I6" s="60">
        <v>12552</v>
      </c>
      <c r="J6" s="60">
        <v>9928</v>
      </c>
      <c r="K6" s="60">
        <v>7552</v>
      </c>
      <c r="L6" s="61">
        <v>72326</v>
      </c>
      <c r="M6" s="62">
        <v>72326</v>
      </c>
      <c r="N6" s="57">
        <v>3</v>
      </c>
      <c r="O6" s="60">
        <v>23</v>
      </c>
      <c r="P6" s="58">
        <v>26</v>
      </c>
      <c r="Q6" s="59">
        <v>0</v>
      </c>
      <c r="R6" s="60">
        <v>123</v>
      </c>
      <c r="S6" s="60">
        <v>414</v>
      </c>
      <c r="T6" s="60">
        <v>772</v>
      </c>
      <c r="U6" s="60">
        <v>1985</v>
      </c>
      <c r="V6" s="60">
        <v>3427</v>
      </c>
      <c r="W6" s="58">
        <v>6721</v>
      </c>
      <c r="X6" s="62">
        <v>6747</v>
      </c>
      <c r="Y6" s="57">
        <v>2407</v>
      </c>
      <c r="Z6" s="60">
        <v>6216</v>
      </c>
      <c r="AA6" s="58">
        <v>8623</v>
      </c>
      <c r="AB6" s="59">
        <v>0</v>
      </c>
      <c r="AC6" s="60">
        <v>12423</v>
      </c>
      <c r="AD6" s="60">
        <v>17926</v>
      </c>
      <c r="AE6" s="60">
        <v>10396</v>
      </c>
      <c r="AF6" s="60">
        <v>8641</v>
      </c>
      <c r="AG6" s="60">
        <v>6523</v>
      </c>
      <c r="AH6" s="58">
        <v>55909</v>
      </c>
      <c r="AI6" s="62">
        <v>64532</v>
      </c>
      <c r="AJ6" s="57">
        <v>260</v>
      </c>
      <c r="AK6" s="60">
        <v>829</v>
      </c>
      <c r="AL6" s="58">
        <v>1089</v>
      </c>
      <c r="AM6" s="59">
        <v>0</v>
      </c>
      <c r="AN6" s="60">
        <v>1128</v>
      </c>
      <c r="AO6" s="60">
        <v>1782</v>
      </c>
      <c r="AP6" s="60">
        <v>1059</v>
      </c>
      <c r="AQ6" s="60">
        <v>903</v>
      </c>
      <c r="AR6" s="60">
        <v>597</v>
      </c>
      <c r="AS6" s="58">
        <v>5469</v>
      </c>
      <c r="AT6" s="62">
        <v>6558</v>
      </c>
      <c r="AU6" s="57">
        <v>2984</v>
      </c>
      <c r="AV6" s="60">
        <v>4166</v>
      </c>
      <c r="AW6" s="58">
        <v>7150</v>
      </c>
      <c r="AX6" s="59">
        <v>0</v>
      </c>
      <c r="AY6" s="60">
        <v>18768</v>
      </c>
      <c r="AZ6" s="60">
        <v>23901</v>
      </c>
      <c r="BA6" s="60">
        <v>20516</v>
      </c>
      <c r="BB6" s="60">
        <v>19666</v>
      </c>
      <c r="BC6" s="60">
        <v>14864</v>
      </c>
      <c r="BD6" s="61">
        <v>97715</v>
      </c>
      <c r="BE6" s="62">
        <v>104865</v>
      </c>
      <c r="BF6" s="57">
        <v>0</v>
      </c>
      <c r="BG6" s="60">
        <v>0</v>
      </c>
      <c r="BH6" s="58">
        <v>0</v>
      </c>
      <c r="BI6" s="59">
        <v>0</v>
      </c>
      <c r="BJ6" s="60">
        <v>22102</v>
      </c>
      <c r="BK6" s="60">
        <v>21371</v>
      </c>
      <c r="BL6" s="60">
        <v>11075</v>
      </c>
      <c r="BM6" s="60">
        <v>6235</v>
      </c>
      <c r="BN6" s="60">
        <v>3015</v>
      </c>
      <c r="BO6" s="58">
        <v>63798</v>
      </c>
      <c r="BP6" s="62">
        <v>63798</v>
      </c>
      <c r="BQ6" s="57">
        <v>1709</v>
      </c>
      <c r="BR6" s="60">
        <v>2754</v>
      </c>
      <c r="BS6" s="58">
        <v>4463</v>
      </c>
      <c r="BT6" s="59">
        <v>0</v>
      </c>
      <c r="BU6" s="60">
        <v>4522</v>
      </c>
      <c r="BV6" s="60">
        <v>6468</v>
      </c>
      <c r="BW6" s="60">
        <v>3701</v>
      </c>
      <c r="BX6" s="60">
        <v>2279</v>
      </c>
      <c r="BY6" s="60">
        <v>831</v>
      </c>
      <c r="BZ6" s="58">
        <v>17801</v>
      </c>
      <c r="CA6" s="62">
        <v>22264</v>
      </c>
      <c r="CB6" s="57">
        <v>56</v>
      </c>
      <c r="CC6" s="60">
        <v>212</v>
      </c>
      <c r="CD6" s="58">
        <v>268</v>
      </c>
      <c r="CE6" s="59">
        <v>0</v>
      </c>
      <c r="CF6" s="60">
        <v>2058</v>
      </c>
      <c r="CG6" s="60">
        <v>3470</v>
      </c>
      <c r="CH6" s="60">
        <v>4248</v>
      </c>
      <c r="CI6" s="60">
        <v>3017</v>
      </c>
      <c r="CJ6" s="60">
        <v>1723</v>
      </c>
      <c r="CK6" s="58">
        <v>14516</v>
      </c>
      <c r="CL6" s="62">
        <v>14784</v>
      </c>
      <c r="CM6" s="57">
        <v>3</v>
      </c>
      <c r="CN6" s="60">
        <v>15</v>
      </c>
      <c r="CO6" s="58">
        <v>18</v>
      </c>
      <c r="CP6" s="59">
        <v>0</v>
      </c>
      <c r="CQ6" s="60">
        <v>199</v>
      </c>
      <c r="CR6" s="60">
        <v>445</v>
      </c>
      <c r="CS6" s="60">
        <v>518</v>
      </c>
      <c r="CT6" s="60">
        <v>507</v>
      </c>
      <c r="CU6" s="60">
        <v>291</v>
      </c>
      <c r="CV6" s="58">
        <v>1960</v>
      </c>
      <c r="CW6" s="62">
        <v>1978</v>
      </c>
      <c r="CX6" s="57">
        <v>0</v>
      </c>
      <c r="CY6" s="60">
        <v>0</v>
      </c>
      <c r="CZ6" s="58">
        <v>0</v>
      </c>
      <c r="DA6" s="59">
        <v>0</v>
      </c>
      <c r="DB6" s="60">
        <v>0</v>
      </c>
      <c r="DC6" s="60">
        <v>0</v>
      </c>
      <c r="DD6" s="60">
        <v>0</v>
      </c>
      <c r="DE6" s="60">
        <v>0</v>
      </c>
      <c r="DF6" s="60">
        <v>0</v>
      </c>
      <c r="DG6" s="58">
        <v>0</v>
      </c>
      <c r="DH6" s="62">
        <v>0</v>
      </c>
      <c r="DI6" s="57">
        <v>0</v>
      </c>
      <c r="DJ6" s="60">
        <v>0</v>
      </c>
      <c r="DK6" s="58">
        <v>0</v>
      </c>
      <c r="DL6" s="59">
        <v>0</v>
      </c>
      <c r="DM6" s="60">
        <v>0</v>
      </c>
      <c r="DN6" s="60">
        <v>0</v>
      </c>
      <c r="DO6" s="60">
        <v>0</v>
      </c>
      <c r="DP6" s="60">
        <v>0</v>
      </c>
      <c r="DQ6" s="60">
        <v>0</v>
      </c>
      <c r="DR6" s="58">
        <v>0</v>
      </c>
      <c r="DS6" s="62">
        <v>0</v>
      </c>
      <c r="DT6" s="57">
        <v>11540</v>
      </c>
      <c r="DU6" s="60">
        <v>24847</v>
      </c>
      <c r="DV6" s="58">
        <v>36387</v>
      </c>
      <c r="DW6" s="59">
        <v>0</v>
      </c>
      <c r="DX6" s="60">
        <v>28067</v>
      </c>
      <c r="DY6" s="60">
        <v>47504</v>
      </c>
      <c r="DZ6" s="60">
        <v>26900</v>
      </c>
      <c r="EA6" s="60">
        <v>20557</v>
      </c>
      <c r="EB6" s="60">
        <v>13148</v>
      </c>
      <c r="EC6" s="58">
        <v>136176</v>
      </c>
      <c r="ED6" s="62">
        <v>172563</v>
      </c>
      <c r="EE6" s="57">
        <v>1637</v>
      </c>
      <c r="EF6" s="60">
        <v>1283</v>
      </c>
      <c r="EG6" s="58">
        <v>2920</v>
      </c>
      <c r="EH6" s="59">
        <v>0</v>
      </c>
      <c r="EI6" s="60">
        <v>6140</v>
      </c>
      <c r="EJ6" s="60">
        <v>5756</v>
      </c>
      <c r="EK6" s="60">
        <v>4912</v>
      </c>
      <c r="EL6" s="60">
        <v>5542</v>
      </c>
      <c r="EM6" s="60">
        <v>3151</v>
      </c>
      <c r="EN6" s="58">
        <v>25501</v>
      </c>
      <c r="EO6" s="62">
        <v>28421</v>
      </c>
      <c r="EP6" s="57">
        <v>14723</v>
      </c>
      <c r="EQ6" s="60">
        <v>29443</v>
      </c>
      <c r="ER6" s="58">
        <v>44166</v>
      </c>
      <c r="ES6" s="59">
        <v>0</v>
      </c>
      <c r="ET6" s="60">
        <v>57705</v>
      </c>
      <c r="EU6" s="60">
        <v>62218</v>
      </c>
      <c r="EV6" s="60">
        <v>31605</v>
      </c>
      <c r="EW6" s="60">
        <v>21590</v>
      </c>
      <c r="EX6" s="60">
        <v>13184</v>
      </c>
      <c r="EY6" s="58">
        <v>186302</v>
      </c>
      <c r="EZ6" s="62">
        <v>230468</v>
      </c>
    </row>
    <row r="7" spans="2:156" ht="21" customHeight="1" x14ac:dyDescent="0.2">
      <c r="B7" s="130" t="s">
        <v>5</v>
      </c>
      <c r="C7" s="63">
        <v>0</v>
      </c>
      <c r="D7" s="66">
        <v>0</v>
      </c>
      <c r="E7" s="111">
        <v>0</v>
      </c>
      <c r="F7" s="65">
        <v>0</v>
      </c>
      <c r="G7" s="66">
        <v>6579</v>
      </c>
      <c r="H7" s="66">
        <v>11392</v>
      </c>
      <c r="I7" s="66">
        <v>5433</v>
      </c>
      <c r="J7" s="66">
        <v>4008</v>
      </c>
      <c r="K7" s="66">
        <v>3023</v>
      </c>
      <c r="L7" s="67">
        <v>30435</v>
      </c>
      <c r="M7" s="68">
        <v>30435</v>
      </c>
      <c r="N7" s="63">
        <v>2</v>
      </c>
      <c r="O7" s="66">
        <v>11</v>
      </c>
      <c r="P7" s="64">
        <v>13</v>
      </c>
      <c r="Q7" s="65">
        <v>0</v>
      </c>
      <c r="R7" s="66">
        <v>35</v>
      </c>
      <c r="S7" s="66">
        <v>154</v>
      </c>
      <c r="T7" s="66">
        <v>298</v>
      </c>
      <c r="U7" s="66">
        <v>788</v>
      </c>
      <c r="V7" s="66">
        <v>1463</v>
      </c>
      <c r="W7" s="64">
        <v>2738</v>
      </c>
      <c r="X7" s="68">
        <v>2751</v>
      </c>
      <c r="Y7" s="63">
        <v>1059</v>
      </c>
      <c r="Z7" s="66">
        <v>3244</v>
      </c>
      <c r="AA7" s="64">
        <v>4303</v>
      </c>
      <c r="AB7" s="65">
        <v>0</v>
      </c>
      <c r="AC7" s="66">
        <v>4345</v>
      </c>
      <c r="AD7" s="66">
        <v>8969</v>
      </c>
      <c r="AE7" s="66">
        <v>4922</v>
      </c>
      <c r="AF7" s="66">
        <v>3808</v>
      </c>
      <c r="AG7" s="66">
        <v>2804</v>
      </c>
      <c r="AH7" s="64">
        <v>24848</v>
      </c>
      <c r="AI7" s="68">
        <v>29151</v>
      </c>
      <c r="AJ7" s="63">
        <v>92</v>
      </c>
      <c r="AK7" s="66">
        <v>414</v>
      </c>
      <c r="AL7" s="64">
        <v>506</v>
      </c>
      <c r="AM7" s="65">
        <v>0</v>
      </c>
      <c r="AN7" s="66">
        <v>287</v>
      </c>
      <c r="AO7" s="66">
        <v>723</v>
      </c>
      <c r="AP7" s="66">
        <v>454</v>
      </c>
      <c r="AQ7" s="66">
        <v>363</v>
      </c>
      <c r="AR7" s="66">
        <v>217</v>
      </c>
      <c r="AS7" s="64">
        <v>2044</v>
      </c>
      <c r="AT7" s="68">
        <v>2550</v>
      </c>
      <c r="AU7" s="63">
        <v>1237</v>
      </c>
      <c r="AV7" s="66">
        <v>2035</v>
      </c>
      <c r="AW7" s="64">
        <v>3272</v>
      </c>
      <c r="AX7" s="65">
        <v>0</v>
      </c>
      <c r="AY7" s="66">
        <v>6773</v>
      </c>
      <c r="AZ7" s="66">
        <v>10555</v>
      </c>
      <c r="BA7" s="66">
        <v>8460</v>
      </c>
      <c r="BB7" s="66">
        <v>7982</v>
      </c>
      <c r="BC7" s="66">
        <v>6046</v>
      </c>
      <c r="BD7" s="67">
        <v>39816</v>
      </c>
      <c r="BE7" s="68">
        <v>43088</v>
      </c>
      <c r="BF7" s="63">
        <v>0</v>
      </c>
      <c r="BG7" s="66">
        <v>0</v>
      </c>
      <c r="BH7" s="64">
        <v>0</v>
      </c>
      <c r="BI7" s="65">
        <v>0</v>
      </c>
      <c r="BJ7" s="66">
        <v>6788</v>
      </c>
      <c r="BK7" s="66">
        <v>8718</v>
      </c>
      <c r="BL7" s="66">
        <v>4102</v>
      </c>
      <c r="BM7" s="66">
        <v>2210</v>
      </c>
      <c r="BN7" s="66">
        <v>1087</v>
      </c>
      <c r="BO7" s="64">
        <v>22905</v>
      </c>
      <c r="BP7" s="68">
        <v>22905</v>
      </c>
      <c r="BQ7" s="63">
        <v>757</v>
      </c>
      <c r="BR7" s="66">
        <v>1273</v>
      </c>
      <c r="BS7" s="64">
        <v>2030</v>
      </c>
      <c r="BT7" s="65">
        <v>0</v>
      </c>
      <c r="BU7" s="66">
        <v>1312</v>
      </c>
      <c r="BV7" s="66">
        <v>2939</v>
      </c>
      <c r="BW7" s="66">
        <v>1645</v>
      </c>
      <c r="BX7" s="66">
        <v>1036</v>
      </c>
      <c r="BY7" s="66">
        <v>360</v>
      </c>
      <c r="BZ7" s="64">
        <v>7292</v>
      </c>
      <c r="CA7" s="68">
        <v>9322</v>
      </c>
      <c r="CB7" s="63">
        <v>14</v>
      </c>
      <c r="CC7" s="66">
        <v>87</v>
      </c>
      <c r="CD7" s="64">
        <v>101</v>
      </c>
      <c r="CE7" s="65">
        <v>0</v>
      </c>
      <c r="CF7" s="66">
        <v>606</v>
      </c>
      <c r="CG7" s="66">
        <v>1287</v>
      </c>
      <c r="CH7" s="66">
        <v>1548</v>
      </c>
      <c r="CI7" s="66">
        <v>1030</v>
      </c>
      <c r="CJ7" s="66">
        <v>640</v>
      </c>
      <c r="CK7" s="64">
        <v>5111</v>
      </c>
      <c r="CL7" s="68">
        <v>5212</v>
      </c>
      <c r="CM7" s="63">
        <v>2</v>
      </c>
      <c r="CN7" s="66">
        <v>8</v>
      </c>
      <c r="CO7" s="64">
        <v>10</v>
      </c>
      <c r="CP7" s="65">
        <v>0</v>
      </c>
      <c r="CQ7" s="66">
        <v>80</v>
      </c>
      <c r="CR7" s="66">
        <v>246</v>
      </c>
      <c r="CS7" s="66">
        <v>294</v>
      </c>
      <c r="CT7" s="66">
        <v>297</v>
      </c>
      <c r="CU7" s="66">
        <v>167</v>
      </c>
      <c r="CV7" s="64">
        <v>1084</v>
      </c>
      <c r="CW7" s="68">
        <v>1094</v>
      </c>
      <c r="CX7" s="63">
        <v>0</v>
      </c>
      <c r="CY7" s="66">
        <v>0</v>
      </c>
      <c r="CZ7" s="64">
        <v>0</v>
      </c>
      <c r="DA7" s="65">
        <v>0</v>
      </c>
      <c r="DB7" s="66">
        <v>0</v>
      </c>
      <c r="DC7" s="66">
        <v>0</v>
      </c>
      <c r="DD7" s="66">
        <v>0</v>
      </c>
      <c r="DE7" s="66">
        <v>0</v>
      </c>
      <c r="DF7" s="66">
        <v>0</v>
      </c>
      <c r="DG7" s="64">
        <v>0</v>
      </c>
      <c r="DH7" s="68">
        <v>0</v>
      </c>
      <c r="DI7" s="63">
        <v>0</v>
      </c>
      <c r="DJ7" s="66">
        <v>0</v>
      </c>
      <c r="DK7" s="64">
        <v>0</v>
      </c>
      <c r="DL7" s="65">
        <v>0</v>
      </c>
      <c r="DM7" s="66">
        <v>0</v>
      </c>
      <c r="DN7" s="66">
        <v>0</v>
      </c>
      <c r="DO7" s="66">
        <v>0</v>
      </c>
      <c r="DP7" s="66">
        <v>0</v>
      </c>
      <c r="DQ7" s="66">
        <v>0</v>
      </c>
      <c r="DR7" s="64">
        <v>0</v>
      </c>
      <c r="DS7" s="68">
        <v>0</v>
      </c>
      <c r="DT7" s="63">
        <v>3890</v>
      </c>
      <c r="DU7" s="66">
        <v>10695</v>
      </c>
      <c r="DV7" s="64">
        <v>14585</v>
      </c>
      <c r="DW7" s="65">
        <v>0</v>
      </c>
      <c r="DX7" s="66">
        <v>7860</v>
      </c>
      <c r="DY7" s="66">
        <v>21135</v>
      </c>
      <c r="DZ7" s="66">
        <v>11114</v>
      </c>
      <c r="EA7" s="66">
        <v>8246</v>
      </c>
      <c r="EB7" s="66">
        <v>5320</v>
      </c>
      <c r="EC7" s="64">
        <v>53675</v>
      </c>
      <c r="ED7" s="68">
        <v>68260</v>
      </c>
      <c r="EE7" s="63">
        <v>687</v>
      </c>
      <c r="EF7" s="66">
        <v>605</v>
      </c>
      <c r="EG7" s="64">
        <v>1292</v>
      </c>
      <c r="EH7" s="65">
        <v>0</v>
      </c>
      <c r="EI7" s="66">
        <v>2453</v>
      </c>
      <c r="EJ7" s="66">
        <v>2753</v>
      </c>
      <c r="EK7" s="66">
        <v>2146</v>
      </c>
      <c r="EL7" s="66">
        <v>2464</v>
      </c>
      <c r="EM7" s="66">
        <v>1324</v>
      </c>
      <c r="EN7" s="64">
        <v>11140</v>
      </c>
      <c r="EO7" s="68">
        <v>12432</v>
      </c>
      <c r="EP7" s="63">
        <v>5307</v>
      </c>
      <c r="EQ7" s="66">
        <v>13075</v>
      </c>
      <c r="ER7" s="64">
        <v>18382</v>
      </c>
      <c r="ES7" s="65">
        <v>0</v>
      </c>
      <c r="ET7" s="66">
        <v>18512</v>
      </c>
      <c r="EU7" s="66">
        <v>28043</v>
      </c>
      <c r="EV7" s="66">
        <v>13172</v>
      </c>
      <c r="EW7" s="66">
        <v>8671</v>
      </c>
      <c r="EX7" s="66">
        <v>5339</v>
      </c>
      <c r="EY7" s="64">
        <v>73737</v>
      </c>
      <c r="EZ7" s="68">
        <v>92119</v>
      </c>
    </row>
    <row r="8" spans="2:156" ht="21" customHeight="1" x14ac:dyDescent="0.2">
      <c r="B8" s="131" t="s">
        <v>6</v>
      </c>
      <c r="C8" s="63">
        <v>0</v>
      </c>
      <c r="D8" s="66">
        <v>0</v>
      </c>
      <c r="E8" s="111">
        <v>0</v>
      </c>
      <c r="F8" s="65">
        <v>0</v>
      </c>
      <c r="G8" s="66">
        <v>3416</v>
      </c>
      <c r="H8" s="66">
        <v>3106</v>
      </c>
      <c r="I8" s="66">
        <v>1804</v>
      </c>
      <c r="J8" s="66">
        <v>1536</v>
      </c>
      <c r="K8" s="66">
        <v>1220</v>
      </c>
      <c r="L8" s="67">
        <v>11082</v>
      </c>
      <c r="M8" s="68">
        <v>11082</v>
      </c>
      <c r="N8" s="63">
        <v>1</v>
      </c>
      <c r="O8" s="66">
        <v>1</v>
      </c>
      <c r="P8" s="64">
        <v>2</v>
      </c>
      <c r="Q8" s="65">
        <v>0</v>
      </c>
      <c r="R8" s="66">
        <v>18</v>
      </c>
      <c r="S8" s="66">
        <v>50</v>
      </c>
      <c r="T8" s="66">
        <v>98</v>
      </c>
      <c r="U8" s="66">
        <v>258</v>
      </c>
      <c r="V8" s="66">
        <v>512</v>
      </c>
      <c r="W8" s="64">
        <v>936</v>
      </c>
      <c r="X8" s="68">
        <v>938</v>
      </c>
      <c r="Y8" s="63">
        <v>359</v>
      </c>
      <c r="Z8" s="66">
        <v>818</v>
      </c>
      <c r="AA8" s="64">
        <v>1177</v>
      </c>
      <c r="AB8" s="65">
        <v>0</v>
      </c>
      <c r="AC8" s="66">
        <v>2344</v>
      </c>
      <c r="AD8" s="66">
        <v>2444</v>
      </c>
      <c r="AE8" s="66">
        <v>1415</v>
      </c>
      <c r="AF8" s="66">
        <v>1200</v>
      </c>
      <c r="AG8" s="66">
        <v>939</v>
      </c>
      <c r="AH8" s="64">
        <v>8342</v>
      </c>
      <c r="AI8" s="68">
        <v>9519</v>
      </c>
      <c r="AJ8" s="63">
        <v>25</v>
      </c>
      <c r="AK8" s="66">
        <v>58</v>
      </c>
      <c r="AL8" s="64">
        <v>83</v>
      </c>
      <c r="AM8" s="65">
        <v>0</v>
      </c>
      <c r="AN8" s="66">
        <v>186</v>
      </c>
      <c r="AO8" s="66">
        <v>197</v>
      </c>
      <c r="AP8" s="66">
        <v>104</v>
      </c>
      <c r="AQ8" s="66">
        <v>116</v>
      </c>
      <c r="AR8" s="66">
        <v>74</v>
      </c>
      <c r="AS8" s="64">
        <v>677</v>
      </c>
      <c r="AT8" s="68">
        <v>760</v>
      </c>
      <c r="AU8" s="63">
        <v>501</v>
      </c>
      <c r="AV8" s="66">
        <v>602</v>
      </c>
      <c r="AW8" s="64">
        <v>1103</v>
      </c>
      <c r="AX8" s="65">
        <v>0</v>
      </c>
      <c r="AY8" s="66">
        <v>3569</v>
      </c>
      <c r="AZ8" s="66">
        <v>3883</v>
      </c>
      <c r="BA8" s="66">
        <v>3303</v>
      </c>
      <c r="BB8" s="66">
        <v>3213</v>
      </c>
      <c r="BC8" s="66">
        <v>2534</v>
      </c>
      <c r="BD8" s="67">
        <v>16502</v>
      </c>
      <c r="BE8" s="68">
        <v>17605</v>
      </c>
      <c r="BF8" s="63">
        <v>0</v>
      </c>
      <c r="BG8" s="66">
        <v>0</v>
      </c>
      <c r="BH8" s="64">
        <v>0</v>
      </c>
      <c r="BI8" s="65">
        <v>0</v>
      </c>
      <c r="BJ8" s="66">
        <v>3745</v>
      </c>
      <c r="BK8" s="66">
        <v>3010</v>
      </c>
      <c r="BL8" s="66">
        <v>1596</v>
      </c>
      <c r="BM8" s="66">
        <v>960</v>
      </c>
      <c r="BN8" s="66">
        <v>474</v>
      </c>
      <c r="BO8" s="64">
        <v>9785</v>
      </c>
      <c r="BP8" s="68">
        <v>9785</v>
      </c>
      <c r="BQ8" s="63">
        <v>114</v>
      </c>
      <c r="BR8" s="66">
        <v>191</v>
      </c>
      <c r="BS8" s="64">
        <v>305</v>
      </c>
      <c r="BT8" s="65">
        <v>0</v>
      </c>
      <c r="BU8" s="66">
        <v>636</v>
      </c>
      <c r="BV8" s="66">
        <v>711</v>
      </c>
      <c r="BW8" s="66">
        <v>448</v>
      </c>
      <c r="BX8" s="66">
        <v>287</v>
      </c>
      <c r="BY8" s="66">
        <v>113</v>
      </c>
      <c r="BZ8" s="64">
        <v>2195</v>
      </c>
      <c r="CA8" s="68">
        <v>2500</v>
      </c>
      <c r="CB8" s="63">
        <v>5</v>
      </c>
      <c r="CC8" s="66">
        <v>23</v>
      </c>
      <c r="CD8" s="64">
        <v>28</v>
      </c>
      <c r="CE8" s="65">
        <v>0</v>
      </c>
      <c r="CF8" s="66">
        <v>219</v>
      </c>
      <c r="CG8" s="66">
        <v>412</v>
      </c>
      <c r="CH8" s="66">
        <v>541</v>
      </c>
      <c r="CI8" s="66">
        <v>401</v>
      </c>
      <c r="CJ8" s="66">
        <v>249</v>
      </c>
      <c r="CK8" s="64">
        <v>1822</v>
      </c>
      <c r="CL8" s="68">
        <v>1850</v>
      </c>
      <c r="CM8" s="63">
        <v>0</v>
      </c>
      <c r="CN8" s="66">
        <v>0</v>
      </c>
      <c r="CO8" s="64">
        <v>0</v>
      </c>
      <c r="CP8" s="65">
        <v>0</v>
      </c>
      <c r="CQ8" s="66">
        <v>29</v>
      </c>
      <c r="CR8" s="66">
        <v>48</v>
      </c>
      <c r="CS8" s="66">
        <v>58</v>
      </c>
      <c r="CT8" s="66">
        <v>53</v>
      </c>
      <c r="CU8" s="66">
        <v>47</v>
      </c>
      <c r="CV8" s="64">
        <v>235</v>
      </c>
      <c r="CW8" s="68">
        <v>235</v>
      </c>
      <c r="CX8" s="63">
        <v>0</v>
      </c>
      <c r="CY8" s="66">
        <v>0</v>
      </c>
      <c r="CZ8" s="64">
        <v>0</v>
      </c>
      <c r="DA8" s="65">
        <v>0</v>
      </c>
      <c r="DB8" s="66">
        <v>0</v>
      </c>
      <c r="DC8" s="66">
        <v>0</v>
      </c>
      <c r="DD8" s="66">
        <v>0</v>
      </c>
      <c r="DE8" s="66">
        <v>0</v>
      </c>
      <c r="DF8" s="66">
        <v>0</v>
      </c>
      <c r="DG8" s="64">
        <v>0</v>
      </c>
      <c r="DH8" s="68">
        <v>0</v>
      </c>
      <c r="DI8" s="63">
        <v>0</v>
      </c>
      <c r="DJ8" s="66">
        <v>0</v>
      </c>
      <c r="DK8" s="64">
        <v>0</v>
      </c>
      <c r="DL8" s="65">
        <v>0</v>
      </c>
      <c r="DM8" s="66">
        <v>0</v>
      </c>
      <c r="DN8" s="66">
        <v>0</v>
      </c>
      <c r="DO8" s="66">
        <v>0</v>
      </c>
      <c r="DP8" s="66">
        <v>0</v>
      </c>
      <c r="DQ8" s="66">
        <v>0</v>
      </c>
      <c r="DR8" s="64">
        <v>0</v>
      </c>
      <c r="DS8" s="68">
        <v>0</v>
      </c>
      <c r="DT8" s="63">
        <v>1731</v>
      </c>
      <c r="DU8" s="66">
        <v>3070</v>
      </c>
      <c r="DV8" s="64">
        <v>4801</v>
      </c>
      <c r="DW8" s="65">
        <v>0</v>
      </c>
      <c r="DX8" s="66">
        <v>5215</v>
      </c>
      <c r="DY8" s="66">
        <v>6262</v>
      </c>
      <c r="DZ8" s="66">
        <v>3802</v>
      </c>
      <c r="EA8" s="66">
        <v>3087</v>
      </c>
      <c r="EB8" s="66">
        <v>2074</v>
      </c>
      <c r="EC8" s="64">
        <v>20440</v>
      </c>
      <c r="ED8" s="68">
        <v>25241</v>
      </c>
      <c r="EE8" s="63">
        <v>229</v>
      </c>
      <c r="EF8" s="66">
        <v>157</v>
      </c>
      <c r="EG8" s="64">
        <v>386</v>
      </c>
      <c r="EH8" s="65">
        <v>0</v>
      </c>
      <c r="EI8" s="66">
        <v>908</v>
      </c>
      <c r="EJ8" s="66">
        <v>742</v>
      </c>
      <c r="EK8" s="66">
        <v>689</v>
      </c>
      <c r="EL8" s="66">
        <v>790</v>
      </c>
      <c r="EM8" s="66">
        <v>494</v>
      </c>
      <c r="EN8" s="64">
        <v>3623</v>
      </c>
      <c r="EO8" s="68">
        <v>4009</v>
      </c>
      <c r="EP8" s="63">
        <v>2084</v>
      </c>
      <c r="EQ8" s="66">
        <v>3572</v>
      </c>
      <c r="ER8" s="64">
        <v>5656</v>
      </c>
      <c r="ES8" s="65">
        <v>0</v>
      </c>
      <c r="ET8" s="66">
        <v>9620</v>
      </c>
      <c r="EU8" s="66">
        <v>7969</v>
      </c>
      <c r="EV8" s="66">
        <v>4333</v>
      </c>
      <c r="EW8" s="66">
        <v>3179</v>
      </c>
      <c r="EX8" s="66">
        <v>2080</v>
      </c>
      <c r="EY8" s="64">
        <v>27181</v>
      </c>
      <c r="EZ8" s="68">
        <v>32837</v>
      </c>
    </row>
    <row r="9" spans="2:156" ht="21" customHeight="1" x14ac:dyDescent="0.2">
      <c r="B9" s="131" t="s">
        <v>14</v>
      </c>
      <c r="C9" s="63">
        <v>0</v>
      </c>
      <c r="D9" s="66">
        <v>0</v>
      </c>
      <c r="E9" s="111">
        <v>0</v>
      </c>
      <c r="F9" s="65">
        <v>0</v>
      </c>
      <c r="G9" s="66">
        <v>1189</v>
      </c>
      <c r="H9" s="66">
        <v>1755</v>
      </c>
      <c r="I9" s="66">
        <v>1033</v>
      </c>
      <c r="J9" s="66">
        <v>793</v>
      </c>
      <c r="K9" s="66">
        <v>516</v>
      </c>
      <c r="L9" s="67">
        <v>5286</v>
      </c>
      <c r="M9" s="68">
        <v>5286</v>
      </c>
      <c r="N9" s="63">
        <v>0</v>
      </c>
      <c r="O9" s="66">
        <v>3</v>
      </c>
      <c r="P9" s="64">
        <v>3</v>
      </c>
      <c r="Q9" s="65">
        <v>0</v>
      </c>
      <c r="R9" s="66">
        <v>3</v>
      </c>
      <c r="S9" s="66">
        <v>26</v>
      </c>
      <c r="T9" s="66">
        <v>48</v>
      </c>
      <c r="U9" s="66">
        <v>154</v>
      </c>
      <c r="V9" s="66">
        <v>207</v>
      </c>
      <c r="W9" s="64">
        <v>438</v>
      </c>
      <c r="X9" s="68">
        <v>441</v>
      </c>
      <c r="Y9" s="63">
        <v>119</v>
      </c>
      <c r="Z9" s="66">
        <v>427</v>
      </c>
      <c r="AA9" s="64">
        <v>546</v>
      </c>
      <c r="AB9" s="65">
        <v>0</v>
      </c>
      <c r="AC9" s="66">
        <v>733</v>
      </c>
      <c r="AD9" s="66">
        <v>1249</v>
      </c>
      <c r="AE9" s="66">
        <v>815</v>
      </c>
      <c r="AF9" s="66">
        <v>665</v>
      </c>
      <c r="AG9" s="66">
        <v>448</v>
      </c>
      <c r="AH9" s="64">
        <v>3910</v>
      </c>
      <c r="AI9" s="68">
        <v>4456</v>
      </c>
      <c r="AJ9" s="63">
        <v>6</v>
      </c>
      <c r="AK9" s="66">
        <v>38</v>
      </c>
      <c r="AL9" s="64">
        <v>44</v>
      </c>
      <c r="AM9" s="65">
        <v>0</v>
      </c>
      <c r="AN9" s="66">
        <v>23</v>
      </c>
      <c r="AO9" s="66">
        <v>72</v>
      </c>
      <c r="AP9" s="66">
        <v>47</v>
      </c>
      <c r="AQ9" s="66">
        <v>39</v>
      </c>
      <c r="AR9" s="66">
        <v>22</v>
      </c>
      <c r="AS9" s="64">
        <v>203</v>
      </c>
      <c r="AT9" s="68">
        <v>247</v>
      </c>
      <c r="AU9" s="63">
        <v>214</v>
      </c>
      <c r="AV9" s="66">
        <v>373</v>
      </c>
      <c r="AW9" s="64">
        <v>587</v>
      </c>
      <c r="AX9" s="65">
        <v>0</v>
      </c>
      <c r="AY9" s="66">
        <v>1266</v>
      </c>
      <c r="AZ9" s="66">
        <v>1748</v>
      </c>
      <c r="BA9" s="66">
        <v>1752</v>
      </c>
      <c r="BB9" s="66">
        <v>1502</v>
      </c>
      <c r="BC9" s="66">
        <v>1041</v>
      </c>
      <c r="BD9" s="67">
        <v>7309</v>
      </c>
      <c r="BE9" s="68">
        <v>7896</v>
      </c>
      <c r="BF9" s="63">
        <v>0</v>
      </c>
      <c r="BG9" s="66">
        <v>0</v>
      </c>
      <c r="BH9" s="64">
        <v>0</v>
      </c>
      <c r="BI9" s="65">
        <v>0</v>
      </c>
      <c r="BJ9" s="66">
        <v>1635</v>
      </c>
      <c r="BK9" s="66">
        <v>1881</v>
      </c>
      <c r="BL9" s="66">
        <v>1117</v>
      </c>
      <c r="BM9" s="66">
        <v>582</v>
      </c>
      <c r="BN9" s="66">
        <v>264</v>
      </c>
      <c r="BO9" s="64">
        <v>5479</v>
      </c>
      <c r="BP9" s="68">
        <v>5479</v>
      </c>
      <c r="BQ9" s="63">
        <v>86</v>
      </c>
      <c r="BR9" s="66">
        <v>178</v>
      </c>
      <c r="BS9" s="64">
        <v>264</v>
      </c>
      <c r="BT9" s="65">
        <v>0</v>
      </c>
      <c r="BU9" s="66">
        <v>156</v>
      </c>
      <c r="BV9" s="66">
        <v>405</v>
      </c>
      <c r="BW9" s="66">
        <v>251</v>
      </c>
      <c r="BX9" s="66">
        <v>132</v>
      </c>
      <c r="BY9" s="66">
        <v>44</v>
      </c>
      <c r="BZ9" s="64">
        <v>988</v>
      </c>
      <c r="CA9" s="68">
        <v>1252</v>
      </c>
      <c r="CB9" s="63">
        <v>3</v>
      </c>
      <c r="CC9" s="66">
        <v>7</v>
      </c>
      <c r="CD9" s="64">
        <v>10</v>
      </c>
      <c r="CE9" s="65">
        <v>0</v>
      </c>
      <c r="CF9" s="66">
        <v>122</v>
      </c>
      <c r="CG9" s="66">
        <v>262</v>
      </c>
      <c r="CH9" s="66">
        <v>361</v>
      </c>
      <c r="CI9" s="66">
        <v>290</v>
      </c>
      <c r="CJ9" s="66">
        <v>127</v>
      </c>
      <c r="CK9" s="64">
        <v>1162</v>
      </c>
      <c r="CL9" s="68">
        <v>1172</v>
      </c>
      <c r="CM9" s="63">
        <v>0</v>
      </c>
      <c r="CN9" s="66">
        <v>0</v>
      </c>
      <c r="CO9" s="64">
        <v>0</v>
      </c>
      <c r="CP9" s="65">
        <v>0</v>
      </c>
      <c r="CQ9" s="66">
        <v>2</v>
      </c>
      <c r="CR9" s="66">
        <v>9</v>
      </c>
      <c r="CS9" s="66">
        <v>5</v>
      </c>
      <c r="CT9" s="66">
        <v>13</v>
      </c>
      <c r="CU9" s="66">
        <v>4</v>
      </c>
      <c r="CV9" s="64">
        <v>33</v>
      </c>
      <c r="CW9" s="68">
        <v>33</v>
      </c>
      <c r="CX9" s="63">
        <v>0</v>
      </c>
      <c r="CY9" s="66">
        <v>0</v>
      </c>
      <c r="CZ9" s="64">
        <v>0</v>
      </c>
      <c r="DA9" s="65">
        <v>0</v>
      </c>
      <c r="DB9" s="66">
        <v>0</v>
      </c>
      <c r="DC9" s="66">
        <v>0</v>
      </c>
      <c r="DD9" s="66">
        <v>0</v>
      </c>
      <c r="DE9" s="66">
        <v>0</v>
      </c>
      <c r="DF9" s="66">
        <v>0</v>
      </c>
      <c r="DG9" s="64">
        <v>0</v>
      </c>
      <c r="DH9" s="68">
        <v>0</v>
      </c>
      <c r="DI9" s="63">
        <v>0</v>
      </c>
      <c r="DJ9" s="66">
        <v>0</v>
      </c>
      <c r="DK9" s="64">
        <v>0</v>
      </c>
      <c r="DL9" s="65">
        <v>0</v>
      </c>
      <c r="DM9" s="66">
        <v>0</v>
      </c>
      <c r="DN9" s="66">
        <v>0</v>
      </c>
      <c r="DO9" s="66">
        <v>0</v>
      </c>
      <c r="DP9" s="66">
        <v>0</v>
      </c>
      <c r="DQ9" s="66">
        <v>0</v>
      </c>
      <c r="DR9" s="64">
        <v>0</v>
      </c>
      <c r="DS9" s="68">
        <v>0</v>
      </c>
      <c r="DT9" s="63">
        <v>886</v>
      </c>
      <c r="DU9" s="66">
        <v>2446</v>
      </c>
      <c r="DV9" s="64">
        <v>3332</v>
      </c>
      <c r="DW9" s="65">
        <v>0</v>
      </c>
      <c r="DX9" s="66">
        <v>1923</v>
      </c>
      <c r="DY9" s="66">
        <v>3904</v>
      </c>
      <c r="DZ9" s="66">
        <v>2362</v>
      </c>
      <c r="EA9" s="66">
        <v>1704</v>
      </c>
      <c r="EB9" s="66">
        <v>952</v>
      </c>
      <c r="EC9" s="64">
        <v>10845</v>
      </c>
      <c r="ED9" s="68">
        <v>14177</v>
      </c>
      <c r="EE9" s="63">
        <v>115</v>
      </c>
      <c r="EF9" s="66">
        <v>109</v>
      </c>
      <c r="EG9" s="64">
        <v>224</v>
      </c>
      <c r="EH9" s="65">
        <v>0</v>
      </c>
      <c r="EI9" s="66">
        <v>341</v>
      </c>
      <c r="EJ9" s="66">
        <v>285</v>
      </c>
      <c r="EK9" s="66">
        <v>285</v>
      </c>
      <c r="EL9" s="66">
        <v>319</v>
      </c>
      <c r="EM9" s="66">
        <v>163</v>
      </c>
      <c r="EN9" s="64">
        <v>1393</v>
      </c>
      <c r="EO9" s="68">
        <v>1617</v>
      </c>
      <c r="EP9" s="63">
        <v>1028</v>
      </c>
      <c r="EQ9" s="66">
        <v>2717</v>
      </c>
      <c r="ER9" s="64">
        <v>3745</v>
      </c>
      <c r="ES9" s="65">
        <v>0</v>
      </c>
      <c r="ET9" s="66">
        <v>3995</v>
      </c>
      <c r="EU9" s="66">
        <v>5191</v>
      </c>
      <c r="EV9" s="66">
        <v>2804</v>
      </c>
      <c r="EW9" s="66">
        <v>1838</v>
      </c>
      <c r="EX9" s="66">
        <v>979</v>
      </c>
      <c r="EY9" s="64">
        <v>14807</v>
      </c>
      <c r="EZ9" s="68">
        <v>18552</v>
      </c>
    </row>
    <row r="10" spans="2:156" ht="21" customHeight="1" x14ac:dyDescent="0.2">
      <c r="B10" s="131" t="s">
        <v>7</v>
      </c>
      <c r="C10" s="63">
        <v>0</v>
      </c>
      <c r="D10" s="66">
        <v>0</v>
      </c>
      <c r="E10" s="111">
        <v>0</v>
      </c>
      <c r="F10" s="65">
        <v>0</v>
      </c>
      <c r="G10" s="66">
        <v>1460</v>
      </c>
      <c r="H10" s="66">
        <v>1091</v>
      </c>
      <c r="I10" s="66">
        <v>545</v>
      </c>
      <c r="J10" s="66">
        <v>513</v>
      </c>
      <c r="K10" s="66">
        <v>376</v>
      </c>
      <c r="L10" s="67">
        <v>3985</v>
      </c>
      <c r="M10" s="68">
        <v>3985</v>
      </c>
      <c r="N10" s="63">
        <v>0</v>
      </c>
      <c r="O10" s="66">
        <v>0</v>
      </c>
      <c r="P10" s="64">
        <v>0</v>
      </c>
      <c r="Q10" s="65">
        <v>0</v>
      </c>
      <c r="R10" s="66">
        <v>8</v>
      </c>
      <c r="S10" s="66">
        <v>37</v>
      </c>
      <c r="T10" s="66">
        <v>53</v>
      </c>
      <c r="U10" s="66">
        <v>127</v>
      </c>
      <c r="V10" s="66">
        <v>200</v>
      </c>
      <c r="W10" s="64">
        <v>425</v>
      </c>
      <c r="X10" s="68">
        <v>425</v>
      </c>
      <c r="Y10" s="63">
        <v>20</v>
      </c>
      <c r="Z10" s="66">
        <v>32</v>
      </c>
      <c r="AA10" s="64">
        <v>52</v>
      </c>
      <c r="AB10" s="65">
        <v>0</v>
      </c>
      <c r="AC10" s="66">
        <v>542</v>
      </c>
      <c r="AD10" s="66">
        <v>530</v>
      </c>
      <c r="AE10" s="66">
        <v>317</v>
      </c>
      <c r="AF10" s="66">
        <v>320</v>
      </c>
      <c r="AG10" s="66">
        <v>305</v>
      </c>
      <c r="AH10" s="64">
        <v>2014</v>
      </c>
      <c r="AI10" s="68">
        <v>2066</v>
      </c>
      <c r="AJ10" s="63">
        <v>6</v>
      </c>
      <c r="AK10" s="66">
        <v>6</v>
      </c>
      <c r="AL10" s="64">
        <v>12</v>
      </c>
      <c r="AM10" s="65">
        <v>0</v>
      </c>
      <c r="AN10" s="66">
        <v>75</v>
      </c>
      <c r="AO10" s="66">
        <v>82</v>
      </c>
      <c r="AP10" s="66">
        <v>51</v>
      </c>
      <c r="AQ10" s="66">
        <v>51</v>
      </c>
      <c r="AR10" s="66">
        <v>29</v>
      </c>
      <c r="AS10" s="64">
        <v>288</v>
      </c>
      <c r="AT10" s="68">
        <v>300</v>
      </c>
      <c r="AU10" s="63">
        <v>127</v>
      </c>
      <c r="AV10" s="66">
        <v>97</v>
      </c>
      <c r="AW10" s="64">
        <v>224</v>
      </c>
      <c r="AX10" s="65">
        <v>0</v>
      </c>
      <c r="AY10" s="66">
        <v>1207</v>
      </c>
      <c r="AZ10" s="66">
        <v>1168</v>
      </c>
      <c r="BA10" s="66">
        <v>991</v>
      </c>
      <c r="BB10" s="66">
        <v>1015</v>
      </c>
      <c r="BC10" s="66">
        <v>722</v>
      </c>
      <c r="BD10" s="67">
        <v>5103</v>
      </c>
      <c r="BE10" s="68">
        <v>5327</v>
      </c>
      <c r="BF10" s="63">
        <v>0</v>
      </c>
      <c r="BG10" s="66">
        <v>0</v>
      </c>
      <c r="BH10" s="64">
        <v>0</v>
      </c>
      <c r="BI10" s="65">
        <v>0</v>
      </c>
      <c r="BJ10" s="66">
        <v>1762</v>
      </c>
      <c r="BK10" s="66">
        <v>1044</v>
      </c>
      <c r="BL10" s="66">
        <v>495</v>
      </c>
      <c r="BM10" s="66">
        <v>265</v>
      </c>
      <c r="BN10" s="66">
        <v>133</v>
      </c>
      <c r="BO10" s="64">
        <v>3699</v>
      </c>
      <c r="BP10" s="68">
        <v>3699</v>
      </c>
      <c r="BQ10" s="63">
        <v>53</v>
      </c>
      <c r="BR10" s="66">
        <v>69</v>
      </c>
      <c r="BS10" s="64">
        <v>122</v>
      </c>
      <c r="BT10" s="65">
        <v>0</v>
      </c>
      <c r="BU10" s="66">
        <v>268</v>
      </c>
      <c r="BV10" s="66">
        <v>213</v>
      </c>
      <c r="BW10" s="66">
        <v>127</v>
      </c>
      <c r="BX10" s="66">
        <v>58</v>
      </c>
      <c r="BY10" s="66">
        <v>25</v>
      </c>
      <c r="BZ10" s="64">
        <v>691</v>
      </c>
      <c r="CA10" s="68">
        <v>813</v>
      </c>
      <c r="CB10" s="63">
        <v>1</v>
      </c>
      <c r="CC10" s="66">
        <v>3</v>
      </c>
      <c r="CD10" s="64">
        <v>4</v>
      </c>
      <c r="CE10" s="65">
        <v>0</v>
      </c>
      <c r="CF10" s="66">
        <v>212</v>
      </c>
      <c r="CG10" s="66">
        <v>255</v>
      </c>
      <c r="CH10" s="66">
        <v>246</v>
      </c>
      <c r="CI10" s="66">
        <v>178</v>
      </c>
      <c r="CJ10" s="66">
        <v>104</v>
      </c>
      <c r="CK10" s="64">
        <v>995</v>
      </c>
      <c r="CL10" s="68">
        <v>999</v>
      </c>
      <c r="CM10" s="63">
        <v>0</v>
      </c>
      <c r="CN10" s="66">
        <v>0</v>
      </c>
      <c r="CO10" s="64">
        <v>0</v>
      </c>
      <c r="CP10" s="65">
        <v>0</v>
      </c>
      <c r="CQ10" s="66">
        <v>14</v>
      </c>
      <c r="CR10" s="66">
        <v>13</v>
      </c>
      <c r="CS10" s="66">
        <v>14</v>
      </c>
      <c r="CT10" s="66">
        <v>9</v>
      </c>
      <c r="CU10" s="66">
        <v>5</v>
      </c>
      <c r="CV10" s="64">
        <v>55</v>
      </c>
      <c r="CW10" s="68">
        <v>55</v>
      </c>
      <c r="CX10" s="63">
        <v>0</v>
      </c>
      <c r="CY10" s="66">
        <v>0</v>
      </c>
      <c r="CZ10" s="64">
        <v>0</v>
      </c>
      <c r="DA10" s="65">
        <v>0</v>
      </c>
      <c r="DB10" s="66">
        <v>0</v>
      </c>
      <c r="DC10" s="66">
        <v>0</v>
      </c>
      <c r="DD10" s="66">
        <v>0</v>
      </c>
      <c r="DE10" s="66">
        <v>0</v>
      </c>
      <c r="DF10" s="66">
        <v>0</v>
      </c>
      <c r="DG10" s="64">
        <v>0</v>
      </c>
      <c r="DH10" s="68">
        <v>0</v>
      </c>
      <c r="DI10" s="63">
        <v>0</v>
      </c>
      <c r="DJ10" s="66">
        <v>0</v>
      </c>
      <c r="DK10" s="64">
        <v>0</v>
      </c>
      <c r="DL10" s="65">
        <v>0</v>
      </c>
      <c r="DM10" s="66">
        <v>0</v>
      </c>
      <c r="DN10" s="66">
        <v>0</v>
      </c>
      <c r="DO10" s="66">
        <v>0</v>
      </c>
      <c r="DP10" s="66">
        <v>0</v>
      </c>
      <c r="DQ10" s="66">
        <v>0</v>
      </c>
      <c r="DR10" s="64">
        <v>0</v>
      </c>
      <c r="DS10" s="68">
        <v>0</v>
      </c>
      <c r="DT10" s="63">
        <v>406</v>
      </c>
      <c r="DU10" s="66">
        <v>797</v>
      </c>
      <c r="DV10" s="64">
        <v>1203</v>
      </c>
      <c r="DW10" s="65">
        <v>0</v>
      </c>
      <c r="DX10" s="66">
        <v>2105</v>
      </c>
      <c r="DY10" s="66">
        <v>2242</v>
      </c>
      <c r="DZ10" s="66">
        <v>1163</v>
      </c>
      <c r="EA10" s="66">
        <v>922</v>
      </c>
      <c r="EB10" s="66">
        <v>617</v>
      </c>
      <c r="EC10" s="64">
        <v>7049</v>
      </c>
      <c r="ED10" s="68">
        <v>8252</v>
      </c>
      <c r="EE10" s="63">
        <v>88</v>
      </c>
      <c r="EF10" s="66">
        <v>45</v>
      </c>
      <c r="EG10" s="64">
        <v>133</v>
      </c>
      <c r="EH10" s="65">
        <v>0</v>
      </c>
      <c r="EI10" s="66">
        <v>454</v>
      </c>
      <c r="EJ10" s="66">
        <v>299</v>
      </c>
      <c r="EK10" s="66">
        <v>254</v>
      </c>
      <c r="EL10" s="66">
        <v>280</v>
      </c>
      <c r="EM10" s="66">
        <v>158</v>
      </c>
      <c r="EN10" s="64">
        <v>1445</v>
      </c>
      <c r="EO10" s="68">
        <v>1578</v>
      </c>
      <c r="EP10" s="63">
        <v>466</v>
      </c>
      <c r="EQ10" s="66">
        <v>863</v>
      </c>
      <c r="ER10" s="64">
        <v>1329</v>
      </c>
      <c r="ES10" s="65">
        <v>0</v>
      </c>
      <c r="ET10" s="66">
        <v>4410</v>
      </c>
      <c r="EU10" s="66">
        <v>2966</v>
      </c>
      <c r="EV10" s="66">
        <v>1407</v>
      </c>
      <c r="EW10" s="66">
        <v>1000</v>
      </c>
      <c r="EX10" s="66">
        <v>620</v>
      </c>
      <c r="EY10" s="64">
        <v>10403</v>
      </c>
      <c r="EZ10" s="68">
        <v>11732</v>
      </c>
    </row>
    <row r="11" spans="2:156" ht="21" customHeight="1" x14ac:dyDescent="0.2">
      <c r="B11" s="131" t="s">
        <v>8</v>
      </c>
      <c r="C11" s="63">
        <v>0</v>
      </c>
      <c r="D11" s="66">
        <v>0</v>
      </c>
      <c r="E11" s="111">
        <v>0</v>
      </c>
      <c r="F11" s="65">
        <v>0</v>
      </c>
      <c r="G11" s="66">
        <v>456</v>
      </c>
      <c r="H11" s="66">
        <v>646</v>
      </c>
      <c r="I11" s="66">
        <v>386</v>
      </c>
      <c r="J11" s="66">
        <v>319</v>
      </c>
      <c r="K11" s="66">
        <v>254</v>
      </c>
      <c r="L11" s="67">
        <v>2061</v>
      </c>
      <c r="M11" s="68">
        <v>2061</v>
      </c>
      <c r="N11" s="63">
        <v>0</v>
      </c>
      <c r="O11" s="66">
        <v>0</v>
      </c>
      <c r="P11" s="64">
        <v>0</v>
      </c>
      <c r="Q11" s="65">
        <v>0</v>
      </c>
      <c r="R11" s="66">
        <v>5</v>
      </c>
      <c r="S11" s="66">
        <v>15</v>
      </c>
      <c r="T11" s="66">
        <v>30</v>
      </c>
      <c r="U11" s="66">
        <v>54</v>
      </c>
      <c r="V11" s="66">
        <v>87</v>
      </c>
      <c r="W11" s="64">
        <v>191</v>
      </c>
      <c r="X11" s="68">
        <v>191</v>
      </c>
      <c r="Y11" s="63">
        <v>58</v>
      </c>
      <c r="Z11" s="66">
        <v>83</v>
      </c>
      <c r="AA11" s="64">
        <v>141</v>
      </c>
      <c r="AB11" s="65">
        <v>0</v>
      </c>
      <c r="AC11" s="66">
        <v>307</v>
      </c>
      <c r="AD11" s="66">
        <v>431</v>
      </c>
      <c r="AE11" s="66">
        <v>266</v>
      </c>
      <c r="AF11" s="66">
        <v>228</v>
      </c>
      <c r="AG11" s="66">
        <v>197</v>
      </c>
      <c r="AH11" s="64">
        <v>1429</v>
      </c>
      <c r="AI11" s="68">
        <v>1570</v>
      </c>
      <c r="AJ11" s="63">
        <v>8</v>
      </c>
      <c r="AK11" s="66">
        <v>21</v>
      </c>
      <c r="AL11" s="64">
        <v>29</v>
      </c>
      <c r="AM11" s="65">
        <v>0</v>
      </c>
      <c r="AN11" s="66">
        <v>73</v>
      </c>
      <c r="AO11" s="66">
        <v>87</v>
      </c>
      <c r="AP11" s="66">
        <v>47</v>
      </c>
      <c r="AQ11" s="66">
        <v>49</v>
      </c>
      <c r="AR11" s="66">
        <v>32</v>
      </c>
      <c r="AS11" s="64">
        <v>288</v>
      </c>
      <c r="AT11" s="68">
        <v>317</v>
      </c>
      <c r="AU11" s="63">
        <v>83</v>
      </c>
      <c r="AV11" s="66">
        <v>61</v>
      </c>
      <c r="AW11" s="64">
        <v>144</v>
      </c>
      <c r="AX11" s="65">
        <v>0</v>
      </c>
      <c r="AY11" s="66">
        <v>476</v>
      </c>
      <c r="AZ11" s="66">
        <v>574</v>
      </c>
      <c r="BA11" s="66">
        <v>568</v>
      </c>
      <c r="BB11" s="66">
        <v>571</v>
      </c>
      <c r="BC11" s="66">
        <v>421</v>
      </c>
      <c r="BD11" s="67">
        <v>2610</v>
      </c>
      <c r="BE11" s="68">
        <v>2754</v>
      </c>
      <c r="BF11" s="63">
        <v>0</v>
      </c>
      <c r="BG11" s="66">
        <v>0</v>
      </c>
      <c r="BH11" s="64">
        <v>0</v>
      </c>
      <c r="BI11" s="65">
        <v>0</v>
      </c>
      <c r="BJ11" s="66">
        <v>581</v>
      </c>
      <c r="BK11" s="66">
        <v>633</v>
      </c>
      <c r="BL11" s="66">
        <v>353</v>
      </c>
      <c r="BM11" s="66">
        <v>205</v>
      </c>
      <c r="BN11" s="66">
        <v>108</v>
      </c>
      <c r="BO11" s="64">
        <v>1880</v>
      </c>
      <c r="BP11" s="68">
        <v>1880</v>
      </c>
      <c r="BQ11" s="63">
        <v>60</v>
      </c>
      <c r="BR11" s="66">
        <v>63</v>
      </c>
      <c r="BS11" s="64">
        <v>123</v>
      </c>
      <c r="BT11" s="65">
        <v>0</v>
      </c>
      <c r="BU11" s="66">
        <v>163</v>
      </c>
      <c r="BV11" s="66">
        <v>159</v>
      </c>
      <c r="BW11" s="66">
        <v>102</v>
      </c>
      <c r="BX11" s="66">
        <v>57</v>
      </c>
      <c r="BY11" s="66">
        <v>18</v>
      </c>
      <c r="BZ11" s="64">
        <v>499</v>
      </c>
      <c r="CA11" s="68">
        <v>622</v>
      </c>
      <c r="CB11" s="63">
        <v>2</v>
      </c>
      <c r="CC11" s="66">
        <v>11</v>
      </c>
      <c r="CD11" s="64">
        <v>13</v>
      </c>
      <c r="CE11" s="65">
        <v>0</v>
      </c>
      <c r="CF11" s="66">
        <v>79</v>
      </c>
      <c r="CG11" s="66">
        <v>162</v>
      </c>
      <c r="CH11" s="66">
        <v>195</v>
      </c>
      <c r="CI11" s="66">
        <v>120</v>
      </c>
      <c r="CJ11" s="66">
        <v>60</v>
      </c>
      <c r="CK11" s="64">
        <v>616</v>
      </c>
      <c r="CL11" s="68">
        <v>629</v>
      </c>
      <c r="CM11" s="63">
        <v>0</v>
      </c>
      <c r="CN11" s="66">
        <v>0</v>
      </c>
      <c r="CO11" s="64">
        <v>0</v>
      </c>
      <c r="CP11" s="65">
        <v>0</v>
      </c>
      <c r="CQ11" s="66">
        <v>1</v>
      </c>
      <c r="CR11" s="66">
        <v>7</v>
      </c>
      <c r="CS11" s="66">
        <v>6</v>
      </c>
      <c r="CT11" s="66">
        <v>5</v>
      </c>
      <c r="CU11" s="66">
        <v>1</v>
      </c>
      <c r="CV11" s="64">
        <v>20</v>
      </c>
      <c r="CW11" s="68">
        <v>20</v>
      </c>
      <c r="CX11" s="63">
        <v>0</v>
      </c>
      <c r="CY11" s="66">
        <v>0</v>
      </c>
      <c r="CZ11" s="64">
        <v>0</v>
      </c>
      <c r="DA11" s="65">
        <v>0</v>
      </c>
      <c r="DB11" s="66">
        <v>0</v>
      </c>
      <c r="DC11" s="66">
        <v>0</v>
      </c>
      <c r="DD11" s="66">
        <v>0</v>
      </c>
      <c r="DE11" s="66">
        <v>0</v>
      </c>
      <c r="DF11" s="66">
        <v>0</v>
      </c>
      <c r="DG11" s="64">
        <v>0</v>
      </c>
      <c r="DH11" s="68">
        <v>0</v>
      </c>
      <c r="DI11" s="63">
        <v>0</v>
      </c>
      <c r="DJ11" s="66">
        <v>0</v>
      </c>
      <c r="DK11" s="64">
        <v>0</v>
      </c>
      <c r="DL11" s="65">
        <v>0</v>
      </c>
      <c r="DM11" s="66">
        <v>0</v>
      </c>
      <c r="DN11" s="66">
        <v>0</v>
      </c>
      <c r="DO11" s="66">
        <v>0</v>
      </c>
      <c r="DP11" s="66">
        <v>0</v>
      </c>
      <c r="DQ11" s="66">
        <v>0</v>
      </c>
      <c r="DR11" s="64">
        <v>0</v>
      </c>
      <c r="DS11" s="68">
        <v>0</v>
      </c>
      <c r="DT11" s="63">
        <v>451</v>
      </c>
      <c r="DU11" s="66">
        <v>618</v>
      </c>
      <c r="DV11" s="64">
        <v>1069</v>
      </c>
      <c r="DW11" s="65">
        <v>0</v>
      </c>
      <c r="DX11" s="66">
        <v>1021</v>
      </c>
      <c r="DY11" s="66">
        <v>1582</v>
      </c>
      <c r="DZ11" s="66">
        <v>879</v>
      </c>
      <c r="EA11" s="66">
        <v>644</v>
      </c>
      <c r="EB11" s="66">
        <v>402</v>
      </c>
      <c r="EC11" s="64">
        <v>4528</v>
      </c>
      <c r="ED11" s="68">
        <v>5597</v>
      </c>
      <c r="EE11" s="63">
        <v>53</v>
      </c>
      <c r="EF11" s="66">
        <v>20</v>
      </c>
      <c r="EG11" s="64">
        <v>73</v>
      </c>
      <c r="EH11" s="65">
        <v>0</v>
      </c>
      <c r="EI11" s="66">
        <v>154</v>
      </c>
      <c r="EJ11" s="66">
        <v>125</v>
      </c>
      <c r="EK11" s="66">
        <v>108</v>
      </c>
      <c r="EL11" s="66">
        <v>135</v>
      </c>
      <c r="EM11" s="66">
        <v>72</v>
      </c>
      <c r="EN11" s="64">
        <v>594</v>
      </c>
      <c r="EO11" s="68">
        <v>667</v>
      </c>
      <c r="EP11" s="63">
        <v>543</v>
      </c>
      <c r="EQ11" s="66">
        <v>703</v>
      </c>
      <c r="ER11" s="64">
        <v>1246</v>
      </c>
      <c r="ES11" s="65">
        <v>0</v>
      </c>
      <c r="ET11" s="66">
        <v>1877</v>
      </c>
      <c r="EU11" s="66">
        <v>1975</v>
      </c>
      <c r="EV11" s="66">
        <v>1025</v>
      </c>
      <c r="EW11" s="66">
        <v>688</v>
      </c>
      <c r="EX11" s="66">
        <v>424</v>
      </c>
      <c r="EY11" s="64">
        <v>5989</v>
      </c>
      <c r="EZ11" s="68">
        <v>7235</v>
      </c>
    </row>
    <row r="12" spans="2:156" ht="21" customHeight="1" x14ac:dyDescent="0.2">
      <c r="B12" s="131" t="s">
        <v>9</v>
      </c>
      <c r="C12" s="63">
        <v>0</v>
      </c>
      <c r="D12" s="66">
        <v>0</v>
      </c>
      <c r="E12" s="111">
        <v>0</v>
      </c>
      <c r="F12" s="65">
        <v>0</v>
      </c>
      <c r="G12" s="66">
        <v>632</v>
      </c>
      <c r="H12" s="66">
        <v>498</v>
      </c>
      <c r="I12" s="66">
        <v>353</v>
      </c>
      <c r="J12" s="66">
        <v>339</v>
      </c>
      <c r="K12" s="66">
        <v>252</v>
      </c>
      <c r="L12" s="67">
        <v>2074</v>
      </c>
      <c r="M12" s="68">
        <v>2074</v>
      </c>
      <c r="N12" s="63">
        <v>0</v>
      </c>
      <c r="O12" s="66">
        <v>0</v>
      </c>
      <c r="P12" s="64">
        <v>0</v>
      </c>
      <c r="Q12" s="65">
        <v>0</v>
      </c>
      <c r="R12" s="66">
        <v>2</v>
      </c>
      <c r="S12" s="66">
        <v>5</v>
      </c>
      <c r="T12" s="66">
        <v>21</v>
      </c>
      <c r="U12" s="66">
        <v>49</v>
      </c>
      <c r="V12" s="66">
        <v>103</v>
      </c>
      <c r="W12" s="64">
        <v>180</v>
      </c>
      <c r="X12" s="68">
        <v>180</v>
      </c>
      <c r="Y12" s="63">
        <v>56</v>
      </c>
      <c r="Z12" s="66">
        <v>92</v>
      </c>
      <c r="AA12" s="64">
        <v>148</v>
      </c>
      <c r="AB12" s="65">
        <v>0</v>
      </c>
      <c r="AC12" s="66">
        <v>395</v>
      </c>
      <c r="AD12" s="66">
        <v>338</v>
      </c>
      <c r="AE12" s="66">
        <v>254</v>
      </c>
      <c r="AF12" s="66">
        <v>244</v>
      </c>
      <c r="AG12" s="66">
        <v>200</v>
      </c>
      <c r="AH12" s="64">
        <v>1431</v>
      </c>
      <c r="AI12" s="68">
        <v>1579</v>
      </c>
      <c r="AJ12" s="63">
        <v>8</v>
      </c>
      <c r="AK12" s="66">
        <v>15</v>
      </c>
      <c r="AL12" s="64">
        <v>23</v>
      </c>
      <c r="AM12" s="65">
        <v>0</v>
      </c>
      <c r="AN12" s="66">
        <v>39</v>
      </c>
      <c r="AO12" s="66">
        <v>48</v>
      </c>
      <c r="AP12" s="66">
        <v>39</v>
      </c>
      <c r="AQ12" s="66">
        <v>38</v>
      </c>
      <c r="AR12" s="66">
        <v>29</v>
      </c>
      <c r="AS12" s="64">
        <v>193</v>
      </c>
      <c r="AT12" s="68">
        <v>216</v>
      </c>
      <c r="AU12" s="63">
        <v>85</v>
      </c>
      <c r="AV12" s="66">
        <v>65</v>
      </c>
      <c r="AW12" s="64">
        <v>150</v>
      </c>
      <c r="AX12" s="65">
        <v>0</v>
      </c>
      <c r="AY12" s="66">
        <v>542</v>
      </c>
      <c r="AZ12" s="66">
        <v>554</v>
      </c>
      <c r="BA12" s="66">
        <v>564</v>
      </c>
      <c r="BB12" s="66">
        <v>608</v>
      </c>
      <c r="BC12" s="66">
        <v>433</v>
      </c>
      <c r="BD12" s="67">
        <v>2701</v>
      </c>
      <c r="BE12" s="68">
        <v>2851</v>
      </c>
      <c r="BF12" s="63">
        <v>0</v>
      </c>
      <c r="BG12" s="66">
        <v>0</v>
      </c>
      <c r="BH12" s="64">
        <v>0</v>
      </c>
      <c r="BI12" s="65">
        <v>0</v>
      </c>
      <c r="BJ12" s="66">
        <v>610</v>
      </c>
      <c r="BK12" s="66">
        <v>415</v>
      </c>
      <c r="BL12" s="66">
        <v>254</v>
      </c>
      <c r="BM12" s="66">
        <v>158</v>
      </c>
      <c r="BN12" s="66">
        <v>54</v>
      </c>
      <c r="BO12" s="64">
        <v>1491</v>
      </c>
      <c r="BP12" s="68">
        <v>1491</v>
      </c>
      <c r="BQ12" s="63">
        <v>55</v>
      </c>
      <c r="BR12" s="66">
        <v>77</v>
      </c>
      <c r="BS12" s="64">
        <v>132</v>
      </c>
      <c r="BT12" s="65">
        <v>0</v>
      </c>
      <c r="BU12" s="66">
        <v>154</v>
      </c>
      <c r="BV12" s="66">
        <v>137</v>
      </c>
      <c r="BW12" s="66">
        <v>79</v>
      </c>
      <c r="BX12" s="66">
        <v>83</v>
      </c>
      <c r="BY12" s="66">
        <v>25</v>
      </c>
      <c r="BZ12" s="64">
        <v>478</v>
      </c>
      <c r="CA12" s="68">
        <v>610</v>
      </c>
      <c r="CB12" s="63">
        <v>4</v>
      </c>
      <c r="CC12" s="66">
        <v>6</v>
      </c>
      <c r="CD12" s="64">
        <v>10</v>
      </c>
      <c r="CE12" s="65">
        <v>0</v>
      </c>
      <c r="CF12" s="66">
        <v>79</v>
      </c>
      <c r="CG12" s="66">
        <v>75</v>
      </c>
      <c r="CH12" s="66">
        <v>122</v>
      </c>
      <c r="CI12" s="66">
        <v>88</v>
      </c>
      <c r="CJ12" s="66">
        <v>49</v>
      </c>
      <c r="CK12" s="64">
        <v>413</v>
      </c>
      <c r="CL12" s="68">
        <v>423</v>
      </c>
      <c r="CM12" s="63">
        <v>0</v>
      </c>
      <c r="CN12" s="66">
        <v>1</v>
      </c>
      <c r="CO12" s="64">
        <v>1</v>
      </c>
      <c r="CP12" s="65">
        <v>0</v>
      </c>
      <c r="CQ12" s="66">
        <v>9</v>
      </c>
      <c r="CR12" s="66">
        <v>13</v>
      </c>
      <c r="CS12" s="66">
        <v>26</v>
      </c>
      <c r="CT12" s="66">
        <v>25</v>
      </c>
      <c r="CU12" s="66">
        <v>10</v>
      </c>
      <c r="CV12" s="64">
        <v>83</v>
      </c>
      <c r="CW12" s="68">
        <v>84</v>
      </c>
      <c r="CX12" s="63">
        <v>0</v>
      </c>
      <c r="CY12" s="66">
        <v>0</v>
      </c>
      <c r="CZ12" s="64">
        <v>0</v>
      </c>
      <c r="DA12" s="65">
        <v>0</v>
      </c>
      <c r="DB12" s="66">
        <v>0</v>
      </c>
      <c r="DC12" s="66">
        <v>0</v>
      </c>
      <c r="DD12" s="66">
        <v>0</v>
      </c>
      <c r="DE12" s="66">
        <v>0</v>
      </c>
      <c r="DF12" s="66">
        <v>0</v>
      </c>
      <c r="DG12" s="64">
        <v>0</v>
      </c>
      <c r="DH12" s="68">
        <v>0</v>
      </c>
      <c r="DI12" s="63">
        <v>0</v>
      </c>
      <c r="DJ12" s="66">
        <v>0</v>
      </c>
      <c r="DK12" s="64">
        <v>0</v>
      </c>
      <c r="DL12" s="65">
        <v>0</v>
      </c>
      <c r="DM12" s="66">
        <v>0</v>
      </c>
      <c r="DN12" s="66">
        <v>0</v>
      </c>
      <c r="DO12" s="66">
        <v>0</v>
      </c>
      <c r="DP12" s="66">
        <v>0</v>
      </c>
      <c r="DQ12" s="66">
        <v>0</v>
      </c>
      <c r="DR12" s="64">
        <v>0</v>
      </c>
      <c r="DS12" s="68">
        <v>0</v>
      </c>
      <c r="DT12" s="63">
        <v>350</v>
      </c>
      <c r="DU12" s="66">
        <v>473</v>
      </c>
      <c r="DV12" s="64">
        <v>823</v>
      </c>
      <c r="DW12" s="65">
        <v>0</v>
      </c>
      <c r="DX12" s="66">
        <v>969</v>
      </c>
      <c r="DY12" s="66">
        <v>976</v>
      </c>
      <c r="DZ12" s="66">
        <v>668</v>
      </c>
      <c r="EA12" s="66">
        <v>579</v>
      </c>
      <c r="EB12" s="66">
        <v>376</v>
      </c>
      <c r="EC12" s="64">
        <v>3568</v>
      </c>
      <c r="ED12" s="68">
        <v>4391</v>
      </c>
      <c r="EE12" s="63">
        <v>55</v>
      </c>
      <c r="EF12" s="66">
        <v>20</v>
      </c>
      <c r="EG12" s="64">
        <v>75</v>
      </c>
      <c r="EH12" s="65">
        <v>0</v>
      </c>
      <c r="EI12" s="66">
        <v>199</v>
      </c>
      <c r="EJ12" s="66">
        <v>158</v>
      </c>
      <c r="EK12" s="66">
        <v>174</v>
      </c>
      <c r="EL12" s="66">
        <v>168</v>
      </c>
      <c r="EM12" s="66">
        <v>117</v>
      </c>
      <c r="EN12" s="64">
        <v>816</v>
      </c>
      <c r="EO12" s="68">
        <v>891</v>
      </c>
      <c r="EP12" s="63">
        <v>437</v>
      </c>
      <c r="EQ12" s="66">
        <v>555</v>
      </c>
      <c r="ER12" s="64">
        <v>992</v>
      </c>
      <c r="ES12" s="65">
        <v>0</v>
      </c>
      <c r="ET12" s="66">
        <v>1765</v>
      </c>
      <c r="EU12" s="66">
        <v>1261</v>
      </c>
      <c r="EV12" s="66">
        <v>765</v>
      </c>
      <c r="EW12" s="66">
        <v>600</v>
      </c>
      <c r="EX12" s="66">
        <v>367</v>
      </c>
      <c r="EY12" s="64">
        <v>4758</v>
      </c>
      <c r="EZ12" s="68">
        <v>5750</v>
      </c>
    </row>
    <row r="13" spans="2:156" ht="21" customHeight="1" x14ac:dyDescent="0.2">
      <c r="B13" s="131" t="s">
        <v>10</v>
      </c>
      <c r="C13" s="63">
        <v>0</v>
      </c>
      <c r="D13" s="66">
        <v>0</v>
      </c>
      <c r="E13" s="111">
        <v>0</v>
      </c>
      <c r="F13" s="65">
        <v>0</v>
      </c>
      <c r="G13" s="66">
        <v>1348</v>
      </c>
      <c r="H13" s="66">
        <v>786</v>
      </c>
      <c r="I13" s="66">
        <v>521</v>
      </c>
      <c r="J13" s="66">
        <v>464</v>
      </c>
      <c r="K13" s="66">
        <v>366</v>
      </c>
      <c r="L13" s="67">
        <v>3485</v>
      </c>
      <c r="M13" s="68">
        <v>3485</v>
      </c>
      <c r="N13" s="63">
        <v>0</v>
      </c>
      <c r="O13" s="66">
        <v>1</v>
      </c>
      <c r="P13" s="64">
        <v>1</v>
      </c>
      <c r="Q13" s="65">
        <v>0</v>
      </c>
      <c r="R13" s="66">
        <v>13</v>
      </c>
      <c r="S13" s="66">
        <v>24</v>
      </c>
      <c r="T13" s="66">
        <v>35</v>
      </c>
      <c r="U13" s="66">
        <v>85</v>
      </c>
      <c r="V13" s="66">
        <v>174</v>
      </c>
      <c r="W13" s="64">
        <v>331</v>
      </c>
      <c r="X13" s="68">
        <v>332</v>
      </c>
      <c r="Y13" s="63">
        <v>169</v>
      </c>
      <c r="Z13" s="66">
        <v>286</v>
      </c>
      <c r="AA13" s="64">
        <v>455</v>
      </c>
      <c r="AB13" s="65">
        <v>0</v>
      </c>
      <c r="AC13" s="66">
        <v>864</v>
      </c>
      <c r="AD13" s="66">
        <v>597</v>
      </c>
      <c r="AE13" s="66">
        <v>356</v>
      </c>
      <c r="AF13" s="66">
        <v>336</v>
      </c>
      <c r="AG13" s="66">
        <v>286</v>
      </c>
      <c r="AH13" s="64">
        <v>2439</v>
      </c>
      <c r="AI13" s="68">
        <v>2894</v>
      </c>
      <c r="AJ13" s="63">
        <v>23</v>
      </c>
      <c r="AK13" s="66">
        <v>42</v>
      </c>
      <c r="AL13" s="64">
        <v>65</v>
      </c>
      <c r="AM13" s="65">
        <v>0</v>
      </c>
      <c r="AN13" s="66">
        <v>100</v>
      </c>
      <c r="AO13" s="66">
        <v>93</v>
      </c>
      <c r="AP13" s="66">
        <v>59</v>
      </c>
      <c r="AQ13" s="66">
        <v>38</v>
      </c>
      <c r="AR13" s="66">
        <v>57</v>
      </c>
      <c r="AS13" s="64">
        <v>347</v>
      </c>
      <c r="AT13" s="68">
        <v>412</v>
      </c>
      <c r="AU13" s="63">
        <v>195</v>
      </c>
      <c r="AV13" s="66">
        <v>289</v>
      </c>
      <c r="AW13" s="64">
        <v>484</v>
      </c>
      <c r="AX13" s="65">
        <v>0</v>
      </c>
      <c r="AY13" s="66">
        <v>1363</v>
      </c>
      <c r="AZ13" s="66">
        <v>1133</v>
      </c>
      <c r="BA13" s="66">
        <v>986</v>
      </c>
      <c r="BB13" s="66">
        <v>985</v>
      </c>
      <c r="BC13" s="66">
        <v>784</v>
      </c>
      <c r="BD13" s="67">
        <v>5251</v>
      </c>
      <c r="BE13" s="68">
        <v>5735</v>
      </c>
      <c r="BF13" s="63">
        <v>0</v>
      </c>
      <c r="BG13" s="66">
        <v>0</v>
      </c>
      <c r="BH13" s="64">
        <v>0</v>
      </c>
      <c r="BI13" s="65">
        <v>0</v>
      </c>
      <c r="BJ13" s="66">
        <v>1642</v>
      </c>
      <c r="BK13" s="66">
        <v>859</v>
      </c>
      <c r="BL13" s="66">
        <v>498</v>
      </c>
      <c r="BM13" s="66">
        <v>282</v>
      </c>
      <c r="BN13" s="66">
        <v>135</v>
      </c>
      <c r="BO13" s="64">
        <v>3416</v>
      </c>
      <c r="BP13" s="68">
        <v>3416</v>
      </c>
      <c r="BQ13" s="63">
        <v>52</v>
      </c>
      <c r="BR13" s="66">
        <v>87</v>
      </c>
      <c r="BS13" s="64">
        <v>139</v>
      </c>
      <c r="BT13" s="65">
        <v>0</v>
      </c>
      <c r="BU13" s="66">
        <v>263</v>
      </c>
      <c r="BV13" s="66">
        <v>202</v>
      </c>
      <c r="BW13" s="66">
        <v>95</v>
      </c>
      <c r="BX13" s="66">
        <v>62</v>
      </c>
      <c r="BY13" s="66">
        <v>33</v>
      </c>
      <c r="BZ13" s="64">
        <v>655</v>
      </c>
      <c r="CA13" s="68">
        <v>794</v>
      </c>
      <c r="CB13" s="63">
        <v>6</v>
      </c>
      <c r="CC13" s="66">
        <v>14</v>
      </c>
      <c r="CD13" s="64">
        <v>20</v>
      </c>
      <c r="CE13" s="65">
        <v>0</v>
      </c>
      <c r="CF13" s="66">
        <v>184</v>
      </c>
      <c r="CG13" s="66">
        <v>162</v>
      </c>
      <c r="CH13" s="66">
        <v>193</v>
      </c>
      <c r="CI13" s="66">
        <v>146</v>
      </c>
      <c r="CJ13" s="66">
        <v>82</v>
      </c>
      <c r="CK13" s="64">
        <v>767</v>
      </c>
      <c r="CL13" s="68">
        <v>787</v>
      </c>
      <c r="CM13" s="63">
        <v>0</v>
      </c>
      <c r="CN13" s="66">
        <v>2</v>
      </c>
      <c r="CO13" s="64">
        <v>2</v>
      </c>
      <c r="CP13" s="65">
        <v>0</v>
      </c>
      <c r="CQ13" s="66">
        <v>10</v>
      </c>
      <c r="CR13" s="66">
        <v>17</v>
      </c>
      <c r="CS13" s="66">
        <v>20</v>
      </c>
      <c r="CT13" s="66">
        <v>16</v>
      </c>
      <c r="CU13" s="66">
        <v>7</v>
      </c>
      <c r="CV13" s="64">
        <v>70</v>
      </c>
      <c r="CW13" s="68">
        <v>72</v>
      </c>
      <c r="CX13" s="63">
        <v>0</v>
      </c>
      <c r="CY13" s="66">
        <v>0</v>
      </c>
      <c r="CZ13" s="64">
        <v>0</v>
      </c>
      <c r="DA13" s="65">
        <v>0</v>
      </c>
      <c r="DB13" s="66">
        <v>0</v>
      </c>
      <c r="DC13" s="66">
        <v>0</v>
      </c>
      <c r="DD13" s="66">
        <v>0</v>
      </c>
      <c r="DE13" s="66">
        <v>0</v>
      </c>
      <c r="DF13" s="66">
        <v>0</v>
      </c>
      <c r="DG13" s="64">
        <v>0</v>
      </c>
      <c r="DH13" s="68">
        <v>0</v>
      </c>
      <c r="DI13" s="63">
        <v>0</v>
      </c>
      <c r="DJ13" s="66">
        <v>0</v>
      </c>
      <c r="DK13" s="64">
        <v>0</v>
      </c>
      <c r="DL13" s="65">
        <v>0</v>
      </c>
      <c r="DM13" s="66">
        <v>0</v>
      </c>
      <c r="DN13" s="66">
        <v>0</v>
      </c>
      <c r="DO13" s="66">
        <v>0</v>
      </c>
      <c r="DP13" s="66">
        <v>0</v>
      </c>
      <c r="DQ13" s="66">
        <v>0</v>
      </c>
      <c r="DR13" s="64">
        <v>0</v>
      </c>
      <c r="DS13" s="68">
        <v>0</v>
      </c>
      <c r="DT13" s="63">
        <v>931</v>
      </c>
      <c r="DU13" s="66">
        <v>1216</v>
      </c>
      <c r="DV13" s="64">
        <v>2147</v>
      </c>
      <c r="DW13" s="65">
        <v>0</v>
      </c>
      <c r="DX13" s="66">
        <v>2078</v>
      </c>
      <c r="DY13" s="66">
        <v>1678</v>
      </c>
      <c r="DZ13" s="66">
        <v>1033</v>
      </c>
      <c r="EA13" s="66">
        <v>876</v>
      </c>
      <c r="EB13" s="66">
        <v>630</v>
      </c>
      <c r="EC13" s="64">
        <v>6295</v>
      </c>
      <c r="ED13" s="68">
        <v>8442</v>
      </c>
      <c r="EE13" s="63">
        <v>75</v>
      </c>
      <c r="EF13" s="66">
        <v>67</v>
      </c>
      <c r="EG13" s="64">
        <v>142</v>
      </c>
      <c r="EH13" s="65">
        <v>0</v>
      </c>
      <c r="EI13" s="66">
        <v>296</v>
      </c>
      <c r="EJ13" s="66">
        <v>247</v>
      </c>
      <c r="EK13" s="66">
        <v>224</v>
      </c>
      <c r="EL13" s="66">
        <v>235</v>
      </c>
      <c r="EM13" s="66">
        <v>146</v>
      </c>
      <c r="EN13" s="64">
        <v>1148</v>
      </c>
      <c r="EO13" s="68">
        <v>1290</v>
      </c>
      <c r="EP13" s="63">
        <v>1104</v>
      </c>
      <c r="EQ13" s="66">
        <v>1397</v>
      </c>
      <c r="ER13" s="64">
        <v>2501</v>
      </c>
      <c r="ES13" s="65">
        <v>0</v>
      </c>
      <c r="ET13" s="66">
        <v>3643</v>
      </c>
      <c r="EU13" s="66">
        <v>2051</v>
      </c>
      <c r="EV13" s="66">
        <v>1149</v>
      </c>
      <c r="EW13" s="66">
        <v>845</v>
      </c>
      <c r="EX13" s="66">
        <v>581</v>
      </c>
      <c r="EY13" s="64">
        <v>8269</v>
      </c>
      <c r="EZ13" s="68">
        <v>10770</v>
      </c>
    </row>
    <row r="14" spans="2:156" ht="21" customHeight="1" x14ac:dyDescent="0.2">
      <c r="B14" s="131" t="s">
        <v>11</v>
      </c>
      <c r="C14" s="63">
        <v>0</v>
      </c>
      <c r="D14" s="66">
        <v>0</v>
      </c>
      <c r="E14" s="111">
        <v>0</v>
      </c>
      <c r="F14" s="65">
        <v>0</v>
      </c>
      <c r="G14" s="66">
        <v>524</v>
      </c>
      <c r="H14" s="66">
        <v>382</v>
      </c>
      <c r="I14" s="66">
        <v>249</v>
      </c>
      <c r="J14" s="66">
        <v>257</v>
      </c>
      <c r="K14" s="66">
        <v>164</v>
      </c>
      <c r="L14" s="67">
        <v>1576</v>
      </c>
      <c r="M14" s="68">
        <v>1576</v>
      </c>
      <c r="N14" s="63">
        <v>0</v>
      </c>
      <c r="O14" s="66">
        <v>0</v>
      </c>
      <c r="P14" s="64">
        <v>0</v>
      </c>
      <c r="Q14" s="65">
        <v>0</v>
      </c>
      <c r="R14" s="66">
        <v>4</v>
      </c>
      <c r="S14" s="66">
        <v>8</v>
      </c>
      <c r="T14" s="66">
        <v>21</v>
      </c>
      <c r="U14" s="66">
        <v>61</v>
      </c>
      <c r="V14" s="66">
        <v>61</v>
      </c>
      <c r="W14" s="64">
        <v>155</v>
      </c>
      <c r="X14" s="68">
        <v>155</v>
      </c>
      <c r="Y14" s="63">
        <v>48</v>
      </c>
      <c r="Z14" s="66">
        <v>74</v>
      </c>
      <c r="AA14" s="64">
        <v>122</v>
      </c>
      <c r="AB14" s="65">
        <v>0</v>
      </c>
      <c r="AC14" s="66">
        <v>345</v>
      </c>
      <c r="AD14" s="66">
        <v>241</v>
      </c>
      <c r="AE14" s="66">
        <v>199</v>
      </c>
      <c r="AF14" s="66">
        <v>235</v>
      </c>
      <c r="AG14" s="66">
        <v>145</v>
      </c>
      <c r="AH14" s="64">
        <v>1165</v>
      </c>
      <c r="AI14" s="68">
        <v>1287</v>
      </c>
      <c r="AJ14" s="63">
        <v>4</v>
      </c>
      <c r="AK14" s="66">
        <v>8</v>
      </c>
      <c r="AL14" s="64">
        <v>12</v>
      </c>
      <c r="AM14" s="65">
        <v>0</v>
      </c>
      <c r="AN14" s="66">
        <v>24</v>
      </c>
      <c r="AO14" s="66">
        <v>34</v>
      </c>
      <c r="AP14" s="66">
        <v>24</v>
      </c>
      <c r="AQ14" s="66">
        <v>24</v>
      </c>
      <c r="AR14" s="66">
        <v>5</v>
      </c>
      <c r="AS14" s="64">
        <v>111</v>
      </c>
      <c r="AT14" s="68">
        <v>123</v>
      </c>
      <c r="AU14" s="63">
        <v>47</v>
      </c>
      <c r="AV14" s="66">
        <v>46</v>
      </c>
      <c r="AW14" s="64">
        <v>93</v>
      </c>
      <c r="AX14" s="65">
        <v>0</v>
      </c>
      <c r="AY14" s="66">
        <v>414</v>
      </c>
      <c r="AZ14" s="66">
        <v>470</v>
      </c>
      <c r="BA14" s="66">
        <v>407</v>
      </c>
      <c r="BB14" s="66">
        <v>441</v>
      </c>
      <c r="BC14" s="66">
        <v>279</v>
      </c>
      <c r="BD14" s="67">
        <v>2011</v>
      </c>
      <c r="BE14" s="68">
        <v>2104</v>
      </c>
      <c r="BF14" s="63">
        <v>0</v>
      </c>
      <c r="BG14" s="66">
        <v>0</v>
      </c>
      <c r="BH14" s="64">
        <v>0</v>
      </c>
      <c r="BI14" s="65">
        <v>0</v>
      </c>
      <c r="BJ14" s="66">
        <v>688</v>
      </c>
      <c r="BK14" s="66">
        <v>412</v>
      </c>
      <c r="BL14" s="66">
        <v>264</v>
      </c>
      <c r="BM14" s="66">
        <v>202</v>
      </c>
      <c r="BN14" s="66">
        <v>82</v>
      </c>
      <c r="BO14" s="64">
        <v>1648</v>
      </c>
      <c r="BP14" s="68">
        <v>1648</v>
      </c>
      <c r="BQ14" s="63">
        <v>101</v>
      </c>
      <c r="BR14" s="66">
        <v>76</v>
      </c>
      <c r="BS14" s="64">
        <v>177</v>
      </c>
      <c r="BT14" s="65">
        <v>0</v>
      </c>
      <c r="BU14" s="66">
        <v>248</v>
      </c>
      <c r="BV14" s="66">
        <v>154</v>
      </c>
      <c r="BW14" s="66">
        <v>94</v>
      </c>
      <c r="BX14" s="66">
        <v>71</v>
      </c>
      <c r="BY14" s="66">
        <v>22</v>
      </c>
      <c r="BZ14" s="64">
        <v>589</v>
      </c>
      <c r="CA14" s="68">
        <v>766</v>
      </c>
      <c r="CB14" s="63">
        <v>5</v>
      </c>
      <c r="CC14" s="66">
        <v>11</v>
      </c>
      <c r="CD14" s="64">
        <v>16</v>
      </c>
      <c r="CE14" s="65">
        <v>0</v>
      </c>
      <c r="CF14" s="66">
        <v>77</v>
      </c>
      <c r="CG14" s="66">
        <v>68</v>
      </c>
      <c r="CH14" s="66">
        <v>100</v>
      </c>
      <c r="CI14" s="66">
        <v>75</v>
      </c>
      <c r="CJ14" s="66">
        <v>47</v>
      </c>
      <c r="CK14" s="64">
        <v>367</v>
      </c>
      <c r="CL14" s="68">
        <v>383</v>
      </c>
      <c r="CM14" s="63">
        <v>0</v>
      </c>
      <c r="CN14" s="66">
        <v>1</v>
      </c>
      <c r="CO14" s="64">
        <v>1</v>
      </c>
      <c r="CP14" s="65">
        <v>0</v>
      </c>
      <c r="CQ14" s="66">
        <v>9</v>
      </c>
      <c r="CR14" s="66">
        <v>5</v>
      </c>
      <c r="CS14" s="66">
        <v>9</v>
      </c>
      <c r="CT14" s="66">
        <v>8</v>
      </c>
      <c r="CU14" s="66">
        <v>10</v>
      </c>
      <c r="CV14" s="64">
        <v>41</v>
      </c>
      <c r="CW14" s="68">
        <v>42</v>
      </c>
      <c r="CX14" s="63">
        <v>0</v>
      </c>
      <c r="CY14" s="66">
        <v>0</v>
      </c>
      <c r="CZ14" s="64">
        <v>0</v>
      </c>
      <c r="DA14" s="65">
        <v>0</v>
      </c>
      <c r="DB14" s="66">
        <v>0</v>
      </c>
      <c r="DC14" s="66">
        <v>0</v>
      </c>
      <c r="DD14" s="66">
        <v>0</v>
      </c>
      <c r="DE14" s="66">
        <v>0</v>
      </c>
      <c r="DF14" s="66">
        <v>0</v>
      </c>
      <c r="DG14" s="64">
        <v>0</v>
      </c>
      <c r="DH14" s="68">
        <v>0</v>
      </c>
      <c r="DI14" s="63">
        <v>0</v>
      </c>
      <c r="DJ14" s="66">
        <v>0</v>
      </c>
      <c r="DK14" s="64">
        <v>0</v>
      </c>
      <c r="DL14" s="65">
        <v>0</v>
      </c>
      <c r="DM14" s="66">
        <v>0</v>
      </c>
      <c r="DN14" s="66">
        <v>0</v>
      </c>
      <c r="DO14" s="66">
        <v>0</v>
      </c>
      <c r="DP14" s="66">
        <v>0</v>
      </c>
      <c r="DQ14" s="66">
        <v>0</v>
      </c>
      <c r="DR14" s="64">
        <v>0</v>
      </c>
      <c r="DS14" s="68">
        <v>0</v>
      </c>
      <c r="DT14" s="63">
        <v>401</v>
      </c>
      <c r="DU14" s="66">
        <v>497</v>
      </c>
      <c r="DV14" s="64">
        <v>898</v>
      </c>
      <c r="DW14" s="65">
        <v>0</v>
      </c>
      <c r="DX14" s="66">
        <v>1023</v>
      </c>
      <c r="DY14" s="66">
        <v>900</v>
      </c>
      <c r="DZ14" s="66">
        <v>627</v>
      </c>
      <c r="EA14" s="66">
        <v>548</v>
      </c>
      <c r="EB14" s="66">
        <v>283</v>
      </c>
      <c r="EC14" s="64">
        <v>3381</v>
      </c>
      <c r="ED14" s="68">
        <v>4279</v>
      </c>
      <c r="EE14" s="63">
        <v>40</v>
      </c>
      <c r="EF14" s="66">
        <v>24</v>
      </c>
      <c r="EG14" s="64">
        <v>64</v>
      </c>
      <c r="EH14" s="65">
        <v>0</v>
      </c>
      <c r="EI14" s="66">
        <v>181</v>
      </c>
      <c r="EJ14" s="66">
        <v>148</v>
      </c>
      <c r="EK14" s="66">
        <v>116</v>
      </c>
      <c r="EL14" s="66">
        <v>146</v>
      </c>
      <c r="EM14" s="66">
        <v>72</v>
      </c>
      <c r="EN14" s="64">
        <v>663</v>
      </c>
      <c r="EO14" s="68">
        <v>727</v>
      </c>
      <c r="EP14" s="63">
        <v>505</v>
      </c>
      <c r="EQ14" s="66">
        <v>571</v>
      </c>
      <c r="ER14" s="64">
        <v>1076</v>
      </c>
      <c r="ES14" s="65">
        <v>0</v>
      </c>
      <c r="ET14" s="66">
        <v>1890</v>
      </c>
      <c r="EU14" s="66">
        <v>1146</v>
      </c>
      <c r="EV14" s="66">
        <v>735</v>
      </c>
      <c r="EW14" s="66">
        <v>592</v>
      </c>
      <c r="EX14" s="66">
        <v>297</v>
      </c>
      <c r="EY14" s="64">
        <v>4660</v>
      </c>
      <c r="EZ14" s="68">
        <v>5736</v>
      </c>
    </row>
    <row r="15" spans="2:156" ht="21" customHeight="1" x14ac:dyDescent="0.2">
      <c r="B15" s="131" t="s">
        <v>12</v>
      </c>
      <c r="C15" s="63">
        <v>0</v>
      </c>
      <c r="D15" s="66">
        <v>0</v>
      </c>
      <c r="E15" s="111">
        <v>0</v>
      </c>
      <c r="F15" s="65">
        <v>0</v>
      </c>
      <c r="G15" s="66">
        <v>514</v>
      </c>
      <c r="H15" s="66">
        <v>512</v>
      </c>
      <c r="I15" s="66">
        <v>306</v>
      </c>
      <c r="J15" s="66">
        <v>277</v>
      </c>
      <c r="K15" s="66">
        <v>230</v>
      </c>
      <c r="L15" s="67">
        <v>1839</v>
      </c>
      <c r="M15" s="68">
        <v>1839</v>
      </c>
      <c r="N15" s="63">
        <v>0</v>
      </c>
      <c r="O15" s="66">
        <v>4</v>
      </c>
      <c r="P15" s="64">
        <v>4</v>
      </c>
      <c r="Q15" s="65">
        <v>0</v>
      </c>
      <c r="R15" s="66">
        <v>2</v>
      </c>
      <c r="S15" s="66">
        <v>16</v>
      </c>
      <c r="T15" s="66">
        <v>20</v>
      </c>
      <c r="U15" s="66">
        <v>62</v>
      </c>
      <c r="V15" s="66">
        <v>79</v>
      </c>
      <c r="W15" s="64">
        <v>179</v>
      </c>
      <c r="X15" s="68">
        <v>183</v>
      </c>
      <c r="Y15" s="63">
        <v>120</v>
      </c>
      <c r="Z15" s="66">
        <v>298</v>
      </c>
      <c r="AA15" s="64">
        <v>418</v>
      </c>
      <c r="AB15" s="65">
        <v>0</v>
      </c>
      <c r="AC15" s="66">
        <v>350</v>
      </c>
      <c r="AD15" s="66">
        <v>424</v>
      </c>
      <c r="AE15" s="66">
        <v>247</v>
      </c>
      <c r="AF15" s="66">
        <v>226</v>
      </c>
      <c r="AG15" s="66">
        <v>192</v>
      </c>
      <c r="AH15" s="64">
        <v>1439</v>
      </c>
      <c r="AI15" s="68">
        <v>1857</v>
      </c>
      <c r="AJ15" s="63">
        <v>7</v>
      </c>
      <c r="AK15" s="66">
        <v>33</v>
      </c>
      <c r="AL15" s="64">
        <v>40</v>
      </c>
      <c r="AM15" s="65">
        <v>0</v>
      </c>
      <c r="AN15" s="66">
        <v>12</v>
      </c>
      <c r="AO15" s="66">
        <v>45</v>
      </c>
      <c r="AP15" s="66">
        <v>26</v>
      </c>
      <c r="AQ15" s="66">
        <v>21</v>
      </c>
      <c r="AR15" s="66">
        <v>15</v>
      </c>
      <c r="AS15" s="64">
        <v>119</v>
      </c>
      <c r="AT15" s="68">
        <v>159</v>
      </c>
      <c r="AU15" s="63">
        <v>74</v>
      </c>
      <c r="AV15" s="66">
        <v>137</v>
      </c>
      <c r="AW15" s="64">
        <v>211</v>
      </c>
      <c r="AX15" s="65">
        <v>0</v>
      </c>
      <c r="AY15" s="66">
        <v>347</v>
      </c>
      <c r="AZ15" s="66">
        <v>404</v>
      </c>
      <c r="BA15" s="66">
        <v>380</v>
      </c>
      <c r="BB15" s="66">
        <v>443</v>
      </c>
      <c r="BC15" s="66">
        <v>345</v>
      </c>
      <c r="BD15" s="67">
        <v>1919</v>
      </c>
      <c r="BE15" s="68">
        <v>2130</v>
      </c>
      <c r="BF15" s="63">
        <v>0</v>
      </c>
      <c r="BG15" s="66">
        <v>0</v>
      </c>
      <c r="BH15" s="64">
        <v>0</v>
      </c>
      <c r="BI15" s="65">
        <v>0</v>
      </c>
      <c r="BJ15" s="66">
        <v>680</v>
      </c>
      <c r="BK15" s="66">
        <v>467</v>
      </c>
      <c r="BL15" s="66">
        <v>275</v>
      </c>
      <c r="BM15" s="66">
        <v>192</v>
      </c>
      <c r="BN15" s="66">
        <v>94</v>
      </c>
      <c r="BO15" s="64">
        <v>1708</v>
      </c>
      <c r="BP15" s="68">
        <v>1708</v>
      </c>
      <c r="BQ15" s="63">
        <v>99</v>
      </c>
      <c r="BR15" s="66">
        <v>131</v>
      </c>
      <c r="BS15" s="64">
        <v>230</v>
      </c>
      <c r="BT15" s="65">
        <v>0</v>
      </c>
      <c r="BU15" s="66">
        <v>129</v>
      </c>
      <c r="BV15" s="66">
        <v>180</v>
      </c>
      <c r="BW15" s="66">
        <v>119</v>
      </c>
      <c r="BX15" s="66">
        <v>74</v>
      </c>
      <c r="BY15" s="66">
        <v>24</v>
      </c>
      <c r="BZ15" s="64">
        <v>526</v>
      </c>
      <c r="CA15" s="68">
        <v>756</v>
      </c>
      <c r="CB15" s="63">
        <v>7</v>
      </c>
      <c r="CC15" s="66">
        <v>14</v>
      </c>
      <c r="CD15" s="64">
        <v>21</v>
      </c>
      <c r="CE15" s="65">
        <v>0</v>
      </c>
      <c r="CF15" s="66">
        <v>85</v>
      </c>
      <c r="CG15" s="66">
        <v>102</v>
      </c>
      <c r="CH15" s="66">
        <v>112</v>
      </c>
      <c r="CI15" s="66">
        <v>103</v>
      </c>
      <c r="CJ15" s="66">
        <v>56</v>
      </c>
      <c r="CK15" s="64">
        <v>458</v>
      </c>
      <c r="CL15" s="68">
        <v>479</v>
      </c>
      <c r="CM15" s="63">
        <v>0</v>
      </c>
      <c r="CN15" s="66">
        <v>1</v>
      </c>
      <c r="CO15" s="64">
        <v>1</v>
      </c>
      <c r="CP15" s="65">
        <v>0</v>
      </c>
      <c r="CQ15" s="66">
        <v>5</v>
      </c>
      <c r="CR15" s="66">
        <v>5</v>
      </c>
      <c r="CS15" s="66">
        <v>6</v>
      </c>
      <c r="CT15" s="66">
        <v>5</v>
      </c>
      <c r="CU15" s="66">
        <v>2</v>
      </c>
      <c r="CV15" s="64">
        <v>23</v>
      </c>
      <c r="CW15" s="68">
        <v>24</v>
      </c>
      <c r="CX15" s="63">
        <v>0</v>
      </c>
      <c r="CY15" s="66">
        <v>0</v>
      </c>
      <c r="CZ15" s="64">
        <v>0</v>
      </c>
      <c r="DA15" s="65">
        <v>0</v>
      </c>
      <c r="DB15" s="66">
        <v>0</v>
      </c>
      <c r="DC15" s="66">
        <v>0</v>
      </c>
      <c r="DD15" s="66">
        <v>0</v>
      </c>
      <c r="DE15" s="66">
        <v>0</v>
      </c>
      <c r="DF15" s="66">
        <v>0</v>
      </c>
      <c r="DG15" s="64">
        <v>0</v>
      </c>
      <c r="DH15" s="68">
        <v>0</v>
      </c>
      <c r="DI15" s="63">
        <v>0</v>
      </c>
      <c r="DJ15" s="66">
        <v>0</v>
      </c>
      <c r="DK15" s="64">
        <v>0</v>
      </c>
      <c r="DL15" s="65">
        <v>0</v>
      </c>
      <c r="DM15" s="66">
        <v>0</v>
      </c>
      <c r="DN15" s="66">
        <v>0</v>
      </c>
      <c r="DO15" s="66">
        <v>0</v>
      </c>
      <c r="DP15" s="66">
        <v>0</v>
      </c>
      <c r="DQ15" s="66">
        <v>0</v>
      </c>
      <c r="DR15" s="64">
        <v>0</v>
      </c>
      <c r="DS15" s="68">
        <v>0</v>
      </c>
      <c r="DT15" s="63">
        <v>496</v>
      </c>
      <c r="DU15" s="66">
        <v>915</v>
      </c>
      <c r="DV15" s="64">
        <v>1411</v>
      </c>
      <c r="DW15" s="65">
        <v>0</v>
      </c>
      <c r="DX15" s="66">
        <v>631</v>
      </c>
      <c r="DY15" s="66">
        <v>1053</v>
      </c>
      <c r="DZ15" s="66">
        <v>673</v>
      </c>
      <c r="EA15" s="66">
        <v>598</v>
      </c>
      <c r="EB15" s="66">
        <v>378</v>
      </c>
      <c r="EC15" s="64">
        <v>3333</v>
      </c>
      <c r="ED15" s="68">
        <v>4744</v>
      </c>
      <c r="EE15" s="63">
        <v>40</v>
      </c>
      <c r="EF15" s="66">
        <v>43</v>
      </c>
      <c r="EG15" s="64">
        <v>83</v>
      </c>
      <c r="EH15" s="65">
        <v>0</v>
      </c>
      <c r="EI15" s="66">
        <v>134</v>
      </c>
      <c r="EJ15" s="66">
        <v>109</v>
      </c>
      <c r="EK15" s="66">
        <v>106</v>
      </c>
      <c r="EL15" s="66">
        <v>140</v>
      </c>
      <c r="EM15" s="66">
        <v>73</v>
      </c>
      <c r="EN15" s="64">
        <v>562</v>
      </c>
      <c r="EO15" s="68">
        <v>645</v>
      </c>
      <c r="EP15" s="63">
        <v>665</v>
      </c>
      <c r="EQ15" s="66">
        <v>1115</v>
      </c>
      <c r="ER15" s="64">
        <v>1780</v>
      </c>
      <c r="ES15" s="65">
        <v>0</v>
      </c>
      <c r="ET15" s="66">
        <v>1571</v>
      </c>
      <c r="EU15" s="66">
        <v>1332</v>
      </c>
      <c r="EV15" s="66">
        <v>754</v>
      </c>
      <c r="EW15" s="66">
        <v>612</v>
      </c>
      <c r="EX15" s="66">
        <v>357</v>
      </c>
      <c r="EY15" s="64">
        <v>4626</v>
      </c>
      <c r="EZ15" s="68">
        <v>6406</v>
      </c>
    </row>
    <row r="16" spans="2:156" ht="21" customHeight="1" x14ac:dyDescent="0.2">
      <c r="B16" s="131" t="s">
        <v>13</v>
      </c>
      <c r="C16" s="63">
        <v>0</v>
      </c>
      <c r="D16" s="66">
        <v>0</v>
      </c>
      <c r="E16" s="111">
        <v>0</v>
      </c>
      <c r="F16" s="65">
        <v>0</v>
      </c>
      <c r="G16" s="66">
        <v>242</v>
      </c>
      <c r="H16" s="66">
        <v>230</v>
      </c>
      <c r="I16" s="66">
        <v>146</v>
      </c>
      <c r="J16" s="66">
        <v>93</v>
      </c>
      <c r="K16" s="66">
        <v>102</v>
      </c>
      <c r="L16" s="67">
        <v>813</v>
      </c>
      <c r="M16" s="68">
        <v>813</v>
      </c>
      <c r="N16" s="63">
        <v>0</v>
      </c>
      <c r="O16" s="66">
        <v>0</v>
      </c>
      <c r="P16" s="64">
        <v>0</v>
      </c>
      <c r="Q16" s="65">
        <v>0</v>
      </c>
      <c r="R16" s="66">
        <v>1</v>
      </c>
      <c r="S16" s="66">
        <v>2</v>
      </c>
      <c r="T16" s="66">
        <v>2</v>
      </c>
      <c r="U16" s="66">
        <v>15</v>
      </c>
      <c r="V16" s="66">
        <v>40</v>
      </c>
      <c r="W16" s="64">
        <v>60</v>
      </c>
      <c r="X16" s="68">
        <v>60</v>
      </c>
      <c r="Y16" s="63">
        <v>11</v>
      </c>
      <c r="Z16" s="66">
        <v>29</v>
      </c>
      <c r="AA16" s="64">
        <v>40</v>
      </c>
      <c r="AB16" s="65">
        <v>0</v>
      </c>
      <c r="AC16" s="66">
        <v>114</v>
      </c>
      <c r="AD16" s="66">
        <v>179</v>
      </c>
      <c r="AE16" s="66">
        <v>100</v>
      </c>
      <c r="AF16" s="66">
        <v>79</v>
      </c>
      <c r="AG16" s="66">
        <v>67</v>
      </c>
      <c r="AH16" s="64">
        <v>539</v>
      </c>
      <c r="AI16" s="68">
        <v>579</v>
      </c>
      <c r="AJ16" s="63">
        <v>1</v>
      </c>
      <c r="AK16" s="66">
        <v>5</v>
      </c>
      <c r="AL16" s="64">
        <v>6</v>
      </c>
      <c r="AM16" s="65">
        <v>0</v>
      </c>
      <c r="AN16" s="66">
        <v>21</v>
      </c>
      <c r="AO16" s="66">
        <v>21</v>
      </c>
      <c r="AP16" s="66">
        <v>14</v>
      </c>
      <c r="AQ16" s="66">
        <v>6</v>
      </c>
      <c r="AR16" s="66">
        <v>9</v>
      </c>
      <c r="AS16" s="64">
        <v>71</v>
      </c>
      <c r="AT16" s="68">
        <v>77</v>
      </c>
      <c r="AU16" s="63">
        <v>25</v>
      </c>
      <c r="AV16" s="66">
        <v>21</v>
      </c>
      <c r="AW16" s="64">
        <v>46</v>
      </c>
      <c r="AX16" s="65">
        <v>0</v>
      </c>
      <c r="AY16" s="66">
        <v>202</v>
      </c>
      <c r="AZ16" s="66">
        <v>212</v>
      </c>
      <c r="BA16" s="66">
        <v>192</v>
      </c>
      <c r="BB16" s="66">
        <v>176</v>
      </c>
      <c r="BC16" s="66">
        <v>176</v>
      </c>
      <c r="BD16" s="67">
        <v>958</v>
      </c>
      <c r="BE16" s="68">
        <v>1004</v>
      </c>
      <c r="BF16" s="63">
        <v>0</v>
      </c>
      <c r="BG16" s="66">
        <v>0</v>
      </c>
      <c r="BH16" s="64">
        <v>0</v>
      </c>
      <c r="BI16" s="65">
        <v>0</v>
      </c>
      <c r="BJ16" s="66">
        <v>176</v>
      </c>
      <c r="BK16" s="66">
        <v>208</v>
      </c>
      <c r="BL16" s="66">
        <v>104</v>
      </c>
      <c r="BM16" s="66">
        <v>53</v>
      </c>
      <c r="BN16" s="66">
        <v>33</v>
      </c>
      <c r="BO16" s="64">
        <v>574</v>
      </c>
      <c r="BP16" s="68">
        <v>574</v>
      </c>
      <c r="BQ16" s="63">
        <v>9</v>
      </c>
      <c r="BR16" s="66">
        <v>27</v>
      </c>
      <c r="BS16" s="64">
        <v>36</v>
      </c>
      <c r="BT16" s="65">
        <v>0</v>
      </c>
      <c r="BU16" s="66">
        <v>39</v>
      </c>
      <c r="BV16" s="66">
        <v>38</v>
      </c>
      <c r="BW16" s="66">
        <v>29</v>
      </c>
      <c r="BX16" s="66">
        <v>24</v>
      </c>
      <c r="BY16" s="66">
        <v>16</v>
      </c>
      <c r="BZ16" s="64">
        <v>146</v>
      </c>
      <c r="CA16" s="68">
        <v>182</v>
      </c>
      <c r="CB16" s="63">
        <v>0</v>
      </c>
      <c r="CC16" s="66">
        <v>0</v>
      </c>
      <c r="CD16" s="64">
        <v>0</v>
      </c>
      <c r="CE16" s="65">
        <v>0</v>
      </c>
      <c r="CF16" s="66">
        <v>9</v>
      </c>
      <c r="CG16" s="66">
        <v>28</v>
      </c>
      <c r="CH16" s="66">
        <v>48</v>
      </c>
      <c r="CI16" s="66">
        <v>33</v>
      </c>
      <c r="CJ16" s="66">
        <v>26</v>
      </c>
      <c r="CK16" s="64">
        <v>144</v>
      </c>
      <c r="CL16" s="68">
        <v>144</v>
      </c>
      <c r="CM16" s="63">
        <v>0</v>
      </c>
      <c r="CN16" s="66">
        <v>0</v>
      </c>
      <c r="CO16" s="64">
        <v>0</v>
      </c>
      <c r="CP16" s="65">
        <v>0</v>
      </c>
      <c r="CQ16" s="66">
        <v>1</v>
      </c>
      <c r="CR16" s="66">
        <v>4</v>
      </c>
      <c r="CS16" s="66">
        <v>2</v>
      </c>
      <c r="CT16" s="66">
        <v>6</v>
      </c>
      <c r="CU16" s="66">
        <v>1</v>
      </c>
      <c r="CV16" s="64">
        <v>14</v>
      </c>
      <c r="CW16" s="68">
        <v>14</v>
      </c>
      <c r="CX16" s="63">
        <v>0</v>
      </c>
      <c r="CY16" s="66">
        <v>0</v>
      </c>
      <c r="CZ16" s="64">
        <v>0</v>
      </c>
      <c r="DA16" s="65">
        <v>0</v>
      </c>
      <c r="DB16" s="66">
        <v>0</v>
      </c>
      <c r="DC16" s="66">
        <v>0</v>
      </c>
      <c r="DD16" s="66">
        <v>0</v>
      </c>
      <c r="DE16" s="66">
        <v>0</v>
      </c>
      <c r="DF16" s="66">
        <v>0</v>
      </c>
      <c r="DG16" s="64">
        <v>0</v>
      </c>
      <c r="DH16" s="68">
        <v>0</v>
      </c>
      <c r="DI16" s="63">
        <v>0</v>
      </c>
      <c r="DJ16" s="66">
        <v>0</v>
      </c>
      <c r="DK16" s="64">
        <v>0</v>
      </c>
      <c r="DL16" s="65">
        <v>0</v>
      </c>
      <c r="DM16" s="66">
        <v>0</v>
      </c>
      <c r="DN16" s="66">
        <v>0</v>
      </c>
      <c r="DO16" s="66">
        <v>0</v>
      </c>
      <c r="DP16" s="66">
        <v>0</v>
      </c>
      <c r="DQ16" s="66">
        <v>0</v>
      </c>
      <c r="DR16" s="64">
        <v>0</v>
      </c>
      <c r="DS16" s="68">
        <v>0</v>
      </c>
      <c r="DT16" s="63">
        <v>83</v>
      </c>
      <c r="DU16" s="66">
        <v>172</v>
      </c>
      <c r="DV16" s="64">
        <v>255</v>
      </c>
      <c r="DW16" s="65">
        <v>0</v>
      </c>
      <c r="DX16" s="66">
        <v>274</v>
      </c>
      <c r="DY16" s="66">
        <v>432</v>
      </c>
      <c r="DZ16" s="66">
        <v>269</v>
      </c>
      <c r="EA16" s="66">
        <v>176</v>
      </c>
      <c r="EB16" s="66">
        <v>136</v>
      </c>
      <c r="EC16" s="64">
        <v>1287</v>
      </c>
      <c r="ED16" s="68">
        <v>1542</v>
      </c>
      <c r="EE16" s="63">
        <v>16</v>
      </c>
      <c r="EF16" s="66">
        <v>10</v>
      </c>
      <c r="EG16" s="64">
        <v>26</v>
      </c>
      <c r="EH16" s="65">
        <v>0</v>
      </c>
      <c r="EI16" s="66">
        <v>83</v>
      </c>
      <c r="EJ16" s="66">
        <v>72</v>
      </c>
      <c r="EK16" s="66">
        <v>72</v>
      </c>
      <c r="EL16" s="66">
        <v>68</v>
      </c>
      <c r="EM16" s="66">
        <v>44</v>
      </c>
      <c r="EN16" s="64">
        <v>339</v>
      </c>
      <c r="EO16" s="68">
        <v>365</v>
      </c>
      <c r="EP16" s="63">
        <v>101</v>
      </c>
      <c r="EQ16" s="66">
        <v>201</v>
      </c>
      <c r="ER16" s="64">
        <v>302</v>
      </c>
      <c r="ES16" s="65">
        <v>0</v>
      </c>
      <c r="ET16" s="66">
        <v>570</v>
      </c>
      <c r="EU16" s="66">
        <v>588</v>
      </c>
      <c r="EV16" s="66">
        <v>316</v>
      </c>
      <c r="EW16" s="66">
        <v>188</v>
      </c>
      <c r="EX16" s="66">
        <v>153</v>
      </c>
      <c r="EY16" s="64">
        <v>1815</v>
      </c>
      <c r="EZ16" s="68">
        <v>2117</v>
      </c>
    </row>
    <row r="17" spans="2:156" ht="21" customHeight="1" x14ac:dyDescent="0.2">
      <c r="B17" s="131" t="s">
        <v>15</v>
      </c>
      <c r="C17" s="63">
        <v>0</v>
      </c>
      <c r="D17" s="66">
        <v>0</v>
      </c>
      <c r="E17" s="111">
        <v>0</v>
      </c>
      <c r="F17" s="65">
        <v>0</v>
      </c>
      <c r="G17" s="66">
        <v>127</v>
      </c>
      <c r="H17" s="66">
        <v>173</v>
      </c>
      <c r="I17" s="66">
        <v>86</v>
      </c>
      <c r="J17" s="66">
        <v>50</v>
      </c>
      <c r="K17" s="66">
        <v>42</v>
      </c>
      <c r="L17" s="67">
        <v>478</v>
      </c>
      <c r="M17" s="68">
        <v>478</v>
      </c>
      <c r="N17" s="63">
        <v>0</v>
      </c>
      <c r="O17" s="66">
        <v>0</v>
      </c>
      <c r="P17" s="64">
        <v>0</v>
      </c>
      <c r="Q17" s="65">
        <v>0</v>
      </c>
      <c r="R17" s="66">
        <v>0</v>
      </c>
      <c r="S17" s="66">
        <v>5</v>
      </c>
      <c r="T17" s="66">
        <v>7</v>
      </c>
      <c r="U17" s="66">
        <v>19</v>
      </c>
      <c r="V17" s="66">
        <v>26</v>
      </c>
      <c r="W17" s="64">
        <v>57</v>
      </c>
      <c r="X17" s="68">
        <v>57</v>
      </c>
      <c r="Y17" s="63">
        <v>7</v>
      </c>
      <c r="Z17" s="66">
        <v>19</v>
      </c>
      <c r="AA17" s="64">
        <v>26</v>
      </c>
      <c r="AB17" s="65">
        <v>0</v>
      </c>
      <c r="AC17" s="66">
        <v>62</v>
      </c>
      <c r="AD17" s="66">
        <v>81</v>
      </c>
      <c r="AE17" s="66">
        <v>43</v>
      </c>
      <c r="AF17" s="66">
        <v>40</v>
      </c>
      <c r="AG17" s="66">
        <v>40</v>
      </c>
      <c r="AH17" s="64">
        <v>266</v>
      </c>
      <c r="AI17" s="68">
        <v>292</v>
      </c>
      <c r="AJ17" s="63">
        <v>0</v>
      </c>
      <c r="AK17" s="66">
        <v>4</v>
      </c>
      <c r="AL17" s="64">
        <v>4</v>
      </c>
      <c r="AM17" s="65">
        <v>0</v>
      </c>
      <c r="AN17" s="66">
        <v>11</v>
      </c>
      <c r="AO17" s="66">
        <v>16</v>
      </c>
      <c r="AP17" s="66">
        <v>6</v>
      </c>
      <c r="AQ17" s="66">
        <v>4</v>
      </c>
      <c r="AR17" s="66">
        <v>4</v>
      </c>
      <c r="AS17" s="64">
        <v>41</v>
      </c>
      <c r="AT17" s="68">
        <v>45</v>
      </c>
      <c r="AU17" s="63">
        <v>12</v>
      </c>
      <c r="AV17" s="66">
        <v>13</v>
      </c>
      <c r="AW17" s="64">
        <v>25</v>
      </c>
      <c r="AX17" s="65">
        <v>0</v>
      </c>
      <c r="AY17" s="66">
        <v>117</v>
      </c>
      <c r="AZ17" s="66">
        <v>131</v>
      </c>
      <c r="BA17" s="66">
        <v>99</v>
      </c>
      <c r="BB17" s="66">
        <v>102</v>
      </c>
      <c r="BC17" s="66">
        <v>76</v>
      </c>
      <c r="BD17" s="67">
        <v>525</v>
      </c>
      <c r="BE17" s="68">
        <v>550</v>
      </c>
      <c r="BF17" s="63">
        <v>0</v>
      </c>
      <c r="BG17" s="66">
        <v>0</v>
      </c>
      <c r="BH17" s="64">
        <v>0</v>
      </c>
      <c r="BI17" s="65">
        <v>0</v>
      </c>
      <c r="BJ17" s="66">
        <v>133</v>
      </c>
      <c r="BK17" s="66">
        <v>123</v>
      </c>
      <c r="BL17" s="66">
        <v>68</v>
      </c>
      <c r="BM17" s="66">
        <v>33</v>
      </c>
      <c r="BN17" s="66">
        <v>10</v>
      </c>
      <c r="BO17" s="64">
        <v>367</v>
      </c>
      <c r="BP17" s="68">
        <v>367</v>
      </c>
      <c r="BQ17" s="63">
        <v>3</v>
      </c>
      <c r="BR17" s="66">
        <v>5</v>
      </c>
      <c r="BS17" s="64">
        <v>8</v>
      </c>
      <c r="BT17" s="65">
        <v>0</v>
      </c>
      <c r="BU17" s="66">
        <v>33</v>
      </c>
      <c r="BV17" s="66">
        <v>38</v>
      </c>
      <c r="BW17" s="66">
        <v>20</v>
      </c>
      <c r="BX17" s="66">
        <v>15</v>
      </c>
      <c r="BY17" s="66">
        <v>5</v>
      </c>
      <c r="BZ17" s="64">
        <v>111</v>
      </c>
      <c r="CA17" s="68">
        <v>119</v>
      </c>
      <c r="CB17" s="63">
        <v>0</v>
      </c>
      <c r="CC17" s="66">
        <v>1</v>
      </c>
      <c r="CD17" s="64">
        <v>1</v>
      </c>
      <c r="CE17" s="65">
        <v>0</v>
      </c>
      <c r="CF17" s="66">
        <v>17</v>
      </c>
      <c r="CG17" s="66">
        <v>33</v>
      </c>
      <c r="CH17" s="66">
        <v>48</v>
      </c>
      <c r="CI17" s="66">
        <v>28</v>
      </c>
      <c r="CJ17" s="66">
        <v>13</v>
      </c>
      <c r="CK17" s="64">
        <v>139</v>
      </c>
      <c r="CL17" s="68">
        <v>140</v>
      </c>
      <c r="CM17" s="63">
        <v>0</v>
      </c>
      <c r="CN17" s="66">
        <v>0</v>
      </c>
      <c r="CO17" s="64">
        <v>0</v>
      </c>
      <c r="CP17" s="65">
        <v>0</v>
      </c>
      <c r="CQ17" s="66">
        <v>2</v>
      </c>
      <c r="CR17" s="66">
        <v>3</v>
      </c>
      <c r="CS17" s="66">
        <v>1</v>
      </c>
      <c r="CT17" s="66">
        <v>1</v>
      </c>
      <c r="CU17" s="66">
        <v>0</v>
      </c>
      <c r="CV17" s="64">
        <v>7</v>
      </c>
      <c r="CW17" s="68">
        <v>7</v>
      </c>
      <c r="CX17" s="63">
        <v>0</v>
      </c>
      <c r="CY17" s="66">
        <v>0</v>
      </c>
      <c r="CZ17" s="64">
        <v>0</v>
      </c>
      <c r="DA17" s="65">
        <v>0</v>
      </c>
      <c r="DB17" s="66">
        <v>0</v>
      </c>
      <c r="DC17" s="66">
        <v>0</v>
      </c>
      <c r="DD17" s="66">
        <v>0</v>
      </c>
      <c r="DE17" s="66">
        <v>0</v>
      </c>
      <c r="DF17" s="66">
        <v>0</v>
      </c>
      <c r="DG17" s="64">
        <v>0</v>
      </c>
      <c r="DH17" s="68">
        <v>0</v>
      </c>
      <c r="DI17" s="63">
        <v>0</v>
      </c>
      <c r="DJ17" s="66">
        <v>0</v>
      </c>
      <c r="DK17" s="64">
        <v>0</v>
      </c>
      <c r="DL17" s="65">
        <v>0</v>
      </c>
      <c r="DM17" s="66">
        <v>0</v>
      </c>
      <c r="DN17" s="66">
        <v>0</v>
      </c>
      <c r="DO17" s="66">
        <v>0</v>
      </c>
      <c r="DP17" s="66">
        <v>0</v>
      </c>
      <c r="DQ17" s="66">
        <v>0</v>
      </c>
      <c r="DR17" s="64">
        <v>0</v>
      </c>
      <c r="DS17" s="68">
        <v>0</v>
      </c>
      <c r="DT17" s="63">
        <v>72</v>
      </c>
      <c r="DU17" s="66">
        <v>168</v>
      </c>
      <c r="DV17" s="64">
        <v>240</v>
      </c>
      <c r="DW17" s="65">
        <v>0</v>
      </c>
      <c r="DX17" s="66">
        <v>244</v>
      </c>
      <c r="DY17" s="66">
        <v>365</v>
      </c>
      <c r="DZ17" s="66">
        <v>181</v>
      </c>
      <c r="EA17" s="66">
        <v>113</v>
      </c>
      <c r="EB17" s="66">
        <v>77</v>
      </c>
      <c r="EC17" s="64">
        <v>980</v>
      </c>
      <c r="ED17" s="68">
        <v>1220</v>
      </c>
      <c r="EE17" s="63">
        <v>22</v>
      </c>
      <c r="EF17" s="66">
        <v>10</v>
      </c>
      <c r="EG17" s="64">
        <v>32</v>
      </c>
      <c r="EH17" s="65">
        <v>0</v>
      </c>
      <c r="EI17" s="66">
        <v>56</v>
      </c>
      <c r="EJ17" s="66">
        <v>32</v>
      </c>
      <c r="EK17" s="66">
        <v>29</v>
      </c>
      <c r="EL17" s="66">
        <v>41</v>
      </c>
      <c r="EM17" s="66">
        <v>18</v>
      </c>
      <c r="EN17" s="64">
        <v>176</v>
      </c>
      <c r="EO17" s="68">
        <v>208</v>
      </c>
      <c r="EP17" s="63">
        <v>81</v>
      </c>
      <c r="EQ17" s="66">
        <v>178</v>
      </c>
      <c r="ER17" s="64">
        <v>259</v>
      </c>
      <c r="ES17" s="65">
        <v>0</v>
      </c>
      <c r="ET17" s="66">
        <v>468</v>
      </c>
      <c r="EU17" s="66">
        <v>473</v>
      </c>
      <c r="EV17" s="66">
        <v>235</v>
      </c>
      <c r="EW17" s="66">
        <v>130</v>
      </c>
      <c r="EX17" s="66">
        <v>79</v>
      </c>
      <c r="EY17" s="64">
        <v>1385</v>
      </c>
      <c r="EZ17" s="68">
        <v>1644</v>
      </c>
    </row>
    <row r="18" spans="2:156" ht="21" customHeight="1" x14ac:dyDescent="0.2">
      <c r="B18" s="131" t="s">
        <v>16</v>
      </c>
      <c r="C18" s="63">
        <v>0</v>
      </c>
      <c r="D18" s="66">
        <v>0</v>
      </c>
      <c r="E18" s="111">
        <v>0</v>
      </c>
      <c r="F18" s="65">
        <v>0</v>
      </c>
      <c r="G18" s="66">
        <v>186</v>
      </c>
      <c r="H18" s="66">
        <v>311</v>
      </c>
      <c r="I18" s="66">
        <v>156</v>
      </c>
      <c r="J18" s="66">
        <v>141</v>
      </c>
      <c r="K18" s="66">
        <v>86</v>
      </c>
      <c r="L18" s="67">
        <v>880</v>
      </c>
      <c r="M18" s="68">
        <v>880</v>
      </c>
      <c r="N18" s="63">
        <v>0</v>
      </c>
      <c r="O18" s="66">
        <v>0</v>
      </c>
      <c r="P18" s="64">
        <v>0</v>
      </c>
      <c r="Q18" s="65">
        <v>0</v>
      </c>
      <c r="R18" s="66">
        <v>1</v>
      </c>
      <c r="S18" s="66">
        <v>7</v>
      </c>
      <c r="T18" s="66">
        <v>15</v>
      </c>
      <c r="U18" s="66">
        <v>29</v>
      </c>
      <c r="V18" s="66">
        <v>48</v>
      </c>
      <c r="W18" s="64">
        <v>100</v>
      </c>
      <c r="X18" s="68">
        <v>100</v>
      </c>
      <c r="Y18" s="63">
        <v>23</v>
      </c>
      <c r="Z18" s="66">
        <v>64</v>
      </c>
      <c r="AA18" s="64">
        <v>87</v>
      </c>
      <c r="AB18" s="65">
        <v>0</v>
      </c>
      <c r="AC18" s="66">
        <v>167</v>
      </c>
      <c r="AD18" s="66">
        <v>300</v>
      </c>
      <c r="AE18" s="66">
        <v>165</v>
      </c>
      <c r="AF18" s="66">
        <v>155</v>
      </c>
      <c r="AG18" s="66">
        <v>114</v>
      </c>
      <c r="AH18" s="64">
        <v>901</v>
      </c>
      <c r="AI18" s="68">
        <v>988</v>
      </c>
      <c r="AJ18" s="63">
        <v>4</v>
      </c>
      <c r="AK18" s="66">
        <v>10</v>
      </c>
      <c r="AL18" s="64">
        <v>14</v>
      </c>
      <c r="AM18" s="65">
        <v>0</v>
      </c>
      <c r="AN18" s="66">
        <v>8</v>
      </c>
      <c r="AO18" s="66">
        <v>29</v>
      </c>
      <c r="AP18" s="66">
        <v>11</v>
      </c>
      <c r="AQ18" s="66">
        <v>6</v>
      </c>
      <c r="AR18" s="66">
        <v>11</v>
      </c>
      <c r="AS18" s="64">
        <v>65</v>
      </c>
      <c r="AT18" s="68">
        <v>79</v>
      </c>
      <c r="AU18" s="63">
        <v>38</v>
      </c>
      <c r="AV18" s="66">
        <v>43</v>
      </c>
      <c r="AW18" s="64">
        <v>81</v>
      </c>
      <c r="AX18" s="65">
        <v>0</v>
      </c>
      <c r="AY18" s="66">
        <v>198</v>
      </c>
      <c r="AZ18" s="66">
        <v>338</v>
      </c>
      <c r="BA18" s="66">
        <v>279</v>
      </c>
      <c r="BB18" s="66">
        <v>294</v>
      </c>
      <c r="BC18" s="66">
        <v>220</v>
      </c>
      <c r="BD18" s="67">
        <v>1329</v>
      </c>
      <c r="BE18" s="68">
        <v>1410</v>
      </c>
      <c r="BF18" s="63">
        <v>0</v>
      </c>
      <c r="BG18" s="66">
        <v>0</v>
      </c>
      <c r="BH18" s="64">
        <v>0</v>
      </c>
      <c r="BI18" s="65">
        <v>0</v>
      </c>
      <c r="BJ18" s="66">
        <v>320</v>
      </c>
      <c r="BK18" s="66">
        <v>451</v>
      </c>
      <c r="BL18" s="66">
        <v>232</v>
      </c>
      <c r="BM18" s="66">
        <v>147</v>
      </c>
      <c r="BN18" s="66">
        <v>89</v>
      </c>
      <c r="BO18" s="64">
        <v>1239</v>
      </c>
      <c r="BP18" s="68">
        <v>1239</v>
      </c>
      <c r="BQ18" s="63">
        <v>46</v>
      </c>
      <c r="BR18" s="66">
        <v>105</v>
      </c>
      <c r="BS18" s="64">
        <v>151</v>
      </c>
      <c r="BT18" s="65">
        <v>0</v>
      </c>
      <c r="BU18" s="66">
        <v>173</v>
      </c>
      <c r="BV18" s="66">
        <v>260</v>
      </c>
      <c r="BW18" s="66">
        <v>103</v>
      </c>
      <c r="BX18" s="66">
        <v>47</v>
      </c>
      <c r="BY18" s="66">
        <v>16</v>
      </c>
      <c r="BZ18" s="64">
        <v>599</v>
      </c>
      <c r="CA18" s="68">
        <v>750</v>
      </c>
      <c r="CB18" s="63">
        <v>2</v>
      </c>
      <c r="CC18" s="66">
        <v>3</v>
      </c>
      <c r="CD18" s="64">
        <v>5</v>
      </c>
      <c r="CE18" s="65">
        <v>0</v>
      </c>
      <c r="CF18" s="66">
        <v>29</v>
      </c>
      <c r="CG18" s="66">
        <v>77</v>
      </c>
      <c r="CH18" s="66">
        <v>69</v>
      </c>
      <c r="CI18" s="66">
        <v>50</v>
      </c>
      <c r="CJ18" s="66">
        <v>29</v>
      </c>
      <c r="CK18" s="64">
        <v>254</v>
      </c>
      <c r="CL18" s="68">
        <v>259</v>
      </c>
      <c r="CM18" s="63">
        <v>0</v>
      </c>
      <c r="CN18" s="66">
        <v>0</v>
      </c>
      <c r="CO18" s="64">
        <v>0</v>
      </c>
      <c r="CP18" s="65">
        <v>0</v>
      </c>
      <c r="CQ18" s="66">
        <v>2</v>
      </c>
      <c r="CR18" s="66">
        <v>8</v>
      </c>
      <c r="CS18" s="66">
        <v>13</v>
      </c>
      <c r="CT18" s="66">
        <v>6</v>
      </c>
      <c r="CU18" s="66">
        <v>1</v>
      </c>
      <c r="CV18" s="64">
        <v>30</v>
      </c>
      <c r="CW18" s="68">
        <v>30</v>
      </c>
      <c r="CX18" s="63">
        <v>0</v>
      </c>
      <c r="CY18" s="66">
        <v>0</v>
      </c>
      <c r="CZ18" s="64">
        <v>0</v>
      </c>
      <c r="DA18" s="65">
        <v>0</v>
      </c>
      <c r="DB18" s="66">
        <v>0</v>
      </c>
      <c r="DC18" s="66">
        <v>0</v>
      </c>
      <c r="DD18" s="66">
        <v>0</v>
      </c>
      <c r="DE18" s="66">
        <v>0</v>
      </c>
      <c r="DF18" s="66">
        <v>0</v>
      </c>
      <c r="DG18" s="64">
        <v>0</v>
      </c>
      <c r="DH18" s="68">
        <v>0</v>
      </c>
      <c r="DI18" s="63">
        <v>0</v>
      </c>
      <c r="DJ18" s="66">
        <v>0</v>
      </c>
      <c r="DK18" s="64">
        <v>0</v>
      </c>
      <c r="DL18" s="65">
        <v>0</v>
      </c>
      <c r="DM18" s="66">
        <v>0</v>
      </c>
      <c r="DN18" s="66">
        <v>0</v>
      </c>
      <c r="DO18" s="66">
        <v>0</v>
      </c>
      <c r="DP18" s="66">
        <v>0</v>
      </c>
      <c r="DQ18" s="66">
        <v>0</v>
      </c>
      <c r="DR18" s="64">
        <v>0</v>
      </c>
      <c r="DS18" s="68">
        <v>0</v>
      </c>
      <c r="DT18" s="63">
        <v>163</v>
      </c>
      <c r="DU18" s="66">
        <v>406</v>
      </c>
      <c r="DV18" s="64">
        <v>569</v>
      </c>
      <c r="DW18" s="65">
        <v>0</v>
      </c>
      <c r="DX18" s="66">
        <v>415</v>
      </c>
      <c r="DY18" s="66">
        <v>894</v>
      </c>
      <c r="DZ18" s="66">
        <v>444</v>
      </c>
      <c r="EA18" s="66">
        <v>347</v>
      </c>
      <c r="EB18" s="66">
        <v>232</v>
      </c>
      <c r="EC18" s="64">
        <v>2332</v>
      </c>
      <c r="ED18" s="68">
        <v>2901</v>
      </c>
      <c r="EE18" s="63">
        <v>29</v>
      </c>
      <c r="EF18" s="66">
        <v>18</v>
      </c>
      <c r="EG18" s="64">
        <v>47</v>
      </c>
      <c r="EH18" s="65">
        <v>0</v>
      </c>
      <c r="EI18" s="66">
        <v>93</v>
      </c>
      <c r="EJ18" s="66">
        <v>111</v>
      </c>
      <c r="EK18" s="66">
        <v>97</v>
      </c>
      <c r="EL18" s="66">
        <v>119</v>
      </c>
      <c r="EM18" s="66">
        <v>72</v>
      </c>
      <c r="EN18" s="64">
        <v>492</v>
      </c>
      <c r="EO18" s="68">
        <v>539</v>
      </c>
      <c r="EP18" s="63">
        <v>214</v>
      </c>
      <c r="EQ18" s="66">
        <v>480</v>
      </c>
      <c r="ER18" s="64">
        <v>694</v>
      </c>
      <c r="ES18" s="65">
        <v>0</v>
      </c>
      <c r="ET18" s="66">
        <v>845</v>
      </c>
      <c r="EU18" s="66">
        <v>1192</v>
      </c>
      <c r="EV18" s="66">
        <v>541</v>
      </c>
      <c r="EW18" s="66">
        <v>371</v>
      </c>
      <c r="EX18" s="66">
        <v>226</v>
      </c>
      <c r="EY18" s="64">
        <v>3175</v>
      </c>
      <c r="EZ18" s="68">
        <v>3869</v>
      </c>
    </row>
    <row r="19" spans="2:156" ht="21" customHeight="1" x14ac:dyDescent="0.2">
      <c r="B19" s="131" t="s">
        <v>17</v>
      </c>
      <c r="C19" s="63">
        <v>0</v>
      </c>
      <c r="D19" s="66">
        <v>0</v>
      </c>
      <c r="E19" s="111">
        <v>0</v>
      </c>
      <c r="F19" s="65">
        <v>0</v>
      </c>
      <c r="G19" s="66">
        <v>224</v>
      </c>
      <c r="H19" s="66">
        <v>468</v>
      </c>
      <c r="I19" s="66">
        <v>308</v>
      </c>
      <c r="J19" s="66">
        <v>224</v>
      </c>
      <c r="K19" s="66">
        <v>145</v>
      </c>
      <c r="L19" s="67">
        <v>1369</v>
      </c>
      <c r="M19" s="68">
        <v>1369</v>
      </c>
      <c r="N19" s="63">
        <v>0</v>
      </c>
      <c r="O19" s="66">
        <v>1</v>
      </c>
      <c r="P19" s="64">
        <v>1</v>
      </c>
      <c r="Q19" s="65">
        <v>0</v>
      </c>
      <c r="R19" s="66">
        <v>3</v>
      </c>
      <c r="S19" s="66">
        <v>6</v>
      </c>
      <c r="T19" s="66">
        <v>16</v>
      </c>
      <c r="U19" s="66">
        <v>53</v>
      </c>
      <c r="V19" s="66">
        <v>70</v>
      </c>
      <c r="W19" s="64">
        <v>148</v>
      </c>
      <c r="X19" s="68">
        <v>149</v>
      </c>
      <c r="Y19" s="63">
        <v>38</v>
      </c>
      <c r="Z19" s="66">
        <v>96</v>
      </c>
      <c r="AA19" s="64">
        <v>134</v>
      </c>
      <c r="AB19" s="65">
        <v>0</v>
      </c>
      <c r="AC19" s="66">
        <v>195</v>
      </c>
      <c r="AD19" s="66">
        <v>361</v>
      </c>
      <c r="AE19" s="66">
        <v>231</v>
      </c>
      <c r="AF19" s="66">
        <v>203</v>
      </c>
      <c r="AG19" s="66">
        <v>133</v>
      </c>
      <c r="AH19" s="64">
        <v>1123</v>
      </c>
      <c r="AI19" s="68">
        <v>1257</v>
      </c>
      <c r="AJ19" s="63">
        <v>4</v>
      </c>
      <c r="AK19" s="66">
        <v>10</v>
      </c>
      <c r="AL19" s="64">
        <v>14</v>
      </c>
      <c r="AM19" s="65">
        <v>0</v>
      </c>
      <c r="AN19" s="66">
        <v>11</v>
      </c>
      <c r="AO19" s="66">
        <v>42</v>
      </c>
      <c r="AP19" s="66">
        <v>27</v>
      </c>
      <c r="AQ19" s="66">
        <v>17</v>
      </c>
      <c r="AR19" s="66">
        <v>19</v>
      </c>
      <c r="AS19" s="64">
        <v>116</v>
      </c>
      <c r="AT19" s="68">
        <v>130</v>
      </c>
      <c r="AU19" s="63">
        <v>53</v>
      </c>
      <c r="AV19" s="66">
        <v>59</v>
      </c>
      <c r="AW19" s="64">
        <v>112</v>
      </c>
      <c r="AX19" s="65">
        <v>0</v>
      </c>
      <c r="AY19" s="66">
        <v>256</v>
      </c>
      <c r="AZ19" s="66">
        <v>468</v>
      </c>
      <c r="BA19" s="66">
        <v>459</v>
      </c>
      <c r="BB19" s="66">
        <v>426</v>
      </c>
      <c r="BC19" s="66">
        <v>312</v>
      </c>
      <c r="BD19" s="67">
        <v>1921</v>
      </c>
      <c r="BE19" s="68">
        <v>2033</v>
      </c>
      <c r="BF19" s="63">
        <v>0</v>
      </c>
      <c r="BG19" s="66">
        <v>0</v>
      </c>
      <c r="BH19" s="64">
        <v>0</v>
      </c>
      <c r="BI19" s="65">
        <v>0</v>
      </c>
      <c r="BJ19" s="66">
        <v>326</v>
      </c>
      <c r="BK19" s="66">
        <v>560</v>
      </c>
      <c r="BL19" s="66">
        <v>318</v>
      </c>
      <c r="BM19" s="66">
        <v>172</v>
      </c>
      <c r="BN19" s="66">
        <v>101</v>
      </c>
      <c r="BO19" s="64">
        <v>1477</v>
      </c>
      <c r="BP19" s="68">
        <v>1477</v>
      </c>
      <c r="BQ19" s="63">
        <v>41</v>
      </c>
      <c r="BR19" s="66">
        <v>70</v>
      </c>
      <c r="BS19" s="64">
        <v>111</v>
      </c>
      <c r="BT19" s="65">
        <v>0</v>
      </c>
      <c r="BU19" s="66">
        <v>61</v>
      </c>
      <c r="BV19" s="66">
        <v>206</v>
      </c>
      <c r="BW19" s="66">
        <v>93</v>
      </c>
      <c r="BX19" s="66">
        <v>48</v>
      </c>
      <c r="BY19" s="66">
        <v>21</v>
      </c>
      <c r="BZ19" s="64">
        <v>429</v>
      </c>
      <c r="CA19" s="68">
        <v>540</v>
      </c>
      <c r="CB19" s="63">
        <v>1</v>
      </c>
      <c r="CC19" s="66">
        <v>3</v>
      </c>
      <c r="CD19" s="64">
        <v>4</v>
      </c>
      <c r="CE19" s="65">
        <v>0</v>
      </c>
      <c r="CF19" s="66">
        <v>38</v>
      </c>
      <c r="CG19" s="66">
        <v>92</v>
      </c>
      <c r="CH19" s="66">
        <v>96</v>
      </c>
      <c r="CI19" s="66">
        <v>84</v>
      </c>
      <c r="CJ19" s="66">
        <v>39</v>
      </c>
      <c r="CK19" s="64">
        <v>349</v>
      </c>
      <c r="CL19" s="68">
        <v>353</v>
      </c>
      <c r="CM19" s="63">
        <v>0</v>
      </c>
      <c r="CN19" s="66">
        <v>0</v>
      </c>
      <c r="CO19" s="64">
        <v>0</v>
      </c>
      <c r="CP19" s="65">
        <v>0</v>
      </c>
      <c r="CQ19" s="66">
        <v>6</v>
      </c>
      <c r="CR19" s="66">
        <v>16</v>
      </c>
      <c r="CS19" s="66">
        <v>13</v>
      </c>
      <c r="CT19" s="66">
        <v>11</v>
      </c>
      <c r="CU19" s="66">
        <v>7</v>
      </c>
      <c r="CV19" s="64">
        <v>53</v>
      </c>
      <c r="CW19" s="68">
        <v>53</v>
      </c>
      <c r="CX19" s="63">
        <v>0</v>
      </c>
      <c r="CY19" s="66">
        <v>0</v>
      </c>
      <c r="CZ19" s="64">
        <v>0</v>
      </c>
      <c r="DA19" s="65">
        <v>0</v>
      </c>
      <c r="DB19" s="66">
        <v>0</v>
      </c>
      <c r="DC19" s="66">
        <v>0</v>
      </c>
      <c r="DD19" s="66">
        <v>0</v>
      </c>
      <c r="DE19" s="66">
        <v>0</v>
      </c>
      <c r="DF19" s="66">
        <v>0</v>
      </c>
      <c r="DG19" s="64">
        <v>0</v>
      </c>
      <c r="DH19" s="68">
        <v>0</v>
      </c>
      <c r="DI19" s="63">
        <v>0</v>
      </c>
      <c r="DJ19" s="66">
        <v>0</v>
      </c>
      <c r="DK19" s="64">
        <v>0</v>
      </c>
      <c r="DL19" s="65">
        <v>0</v>
      </c>
      <c r="DM19" s="66">
        <v>0</v>
      </c>
      <c r="DN19" s="66">
        <v>0</v>
      </c>
      <c r="DO19" s="66">
        <v>0</v>
      </c>
      <c r="DP19" s="66">
        <v>0</v>
      </c>
      <c r="DQ19" s="66">
        <v>0</v>
      </c>
      <c r="DR19" s="64">
        <v>0</v>
      </c>
      <c r="DS19" s="68">
        <v>0</v>
      </c>
      <c r="DT19" s="63">
        <v>201</v>
      </c>
      <c r="DU19" s="66">
        <v>549</v>
      </c>
      <c r="DV19" s="64">
        <v>750</v>
      </c>
      <c r="DW19" s="65">
        <v>0</v>
      </c>
      <c r="DX19" s="66">
        <v>423</v>
      </c>
      <c r="DY19" s="66">
        <v>1208</v>
      </c>
      <c r="DZ19" s="66">
        <v>736</v>
      </c>
      <c r="EA19" s="66">
        <v>541</v>
      </c>
      <c r="EB19" s="66">
        <v>313</v>
      </c>
      <c r="EC19" s="64">
        <v>3221</v>
      </c>
      <c r="ED19" s="68">
        <v>3971</v>
      </c>
      <c r="EE19" s="63">
        <v>29</v>
      </c>
      <c r="EF19" s="66">
        <v>34</v>
      </c>
      <c r="EG19" s="64">
        <v>63</v>
      </c>
      <c r="EH19" s="65">
        <v>0</v>
      </c>
      <c r="EI19" s="66">
        <v>97</v>
      </c>
      <c r="EJ19" s="66">
        <v>132</v>
      </c>
      <c r="EK19" s="66">
        <v>96</v>
      </c>
      <c r="EL19" s="66">
        <v>96</v>
      </c>
      <c r="EM19" s="66">
        <v>64</v>
      </c>
      <c r="EN19" s="64">
        <v>485</v>
      </c>
      <c r="EO19" s="68">
        <v>548</v>
      </c>
      <c r="EP19" s="63">
        <v>266</v>
      </c>
      <c r="EQ19" s="66">
        <v>620</v>
      </c>
      <c r="ER19" s="64">
        <v>886</v>
      </c>
      <c r="ES19" s="65">
        <v>0</v>
      </c>
      <c r="ET19" s="66">
        <v>950</v>
      </c>
      <c r="EU19" s="66">
        <v>1578</v>
      </c>
      <c r="EV19" s="66">
        <v>856</v>
      </c>
      <c r="EW19" s="66">
        <v>595</v>
      </c>
      <c r="EX19" s="66">
        <v>320</v>
      </c>
      <c r="EY19" s="64">
        <v>4299</v>
      </c>
      <c r="EZ19" s="68">
        <v>5185</v>
      </c>
    </row>
    <row r="20" spans="2:156" ht="21" customHeight="1" x14ac:dyDescent="0.2">
      <c r="B20" s="131" t="s">
        <v>18</v>
      </c>
      <c r="C20" s="63">
        <v>0</v>
      </c>
      <c r="D20" s="66">
        <v>0</v>
      </c>
      <c r="E20" s="111">
        <v>0</v>
      </c>
      <c r="F20" s="65">
        <v>0</v>
      </c>
      <c r="G20" s="66">
        <v>468</v>
      </c>
      <c r="H20" s="66">
        <v>520</v>
      </c>
      <c r="I20" s="66">
        <v>297</v>
      </c>
      <c r="J20" s="66">
        <v>248</v>
      </c>
      <c r="K20" s="66">
        <v>204</v>
      </c>
      <c r="L20" s="67">
        <v>1737</v>
      </c>
      <c r="M20" s="68">
        <v>1737</v>
      </c>
      <c r="N20" s="63">
        <v>0</v>
      </c>
      <c r="O20" s="66">
        <v>0</v>
      </c>
      <c r="P20" s="64">
        <v>0</v>
      </c>
      <c r="Q20" s="65">
        <v>0</v>
      </c>
      <c r="R20" s="66">
        <v>4</v>
      </c>
      <c r="S20" s="66">
        <v>9</v>
      </c>
      <c r="T20" s="66">
        <v>16</v>
      </c>
      <c r="U20" s="66">
        <v>50</v>
      </c>
      <c r="V20" s="66">
        <v>80</v>
      </c>
      <c r="W20" s="64">
        <v>159</v>
      </c>
      <c r="X20" s="68">
        <v>159</v>
      </c>
      <c r="Y20" s="63">
        <v>52</v>
      </c>
      <c r="Z20" s="66">
        <v>120</v>
      </c>
      <c r="AA20" s="64">
        <v>172</v>
      </c>
      <c r="AB20" s="65">
        <v>0</v>
      </c>
      <c r="AC20" s="66">
        <v>338</v>
      </c>
      <c r="AD20" s="66">
        <v>395</v>
      </c>
      <c r="AE20" s="66">
        <v>248</v>
      </c>
      <c r="AF20" s="66">
        <v>188</v>
      </c>
      <c r="AG20" s="66">
        <v>150</v>
      </c>
      <c r="AH20" s="64">
        <v>1319</v>
      </c>
      <c r="AI20" s="68">
        <v>1491</v>
      </c>
      <c r="AJ20" s="63">
        <v>8</v>
      </c>
      <c r="AK20" s="66">
        <v>14</v>
      </c>
      <c r="AL20" s="64">
        <v>22</v>
      </c>
      <c r="AM20" s="65">
        <v>0</v>
      </c>
      <c r="AN20" s="66">
        <v>37</v>
      </c>
      <c r="AO20" s="66">
        <v>54</v>
      </c>
      <c r="AP20" s="66">
        <v>31</v>
      </c>
      <c r="AQ20" s="66">
        <v>20</v>
      </c>
      <c r="AR20" s="66">
        <v>13</v>
      </c>
      <c r="AS20" s="64">
        <v>155</v>
      </c>
      <c r="AT20" s="68">
        <v>177</v>
      </c>
      <c r="AU20" s="63">
        <v>59</v>
      </c>
      <c r="AV20" s="66">
        <v>75</v>
      </c>
      <c r="AW20" s="64">
        <v>134</v>
      </c>
      <c r="AX20" s="65">
        <v>0</v>
      </c>
      <c r="AY20" s="66">
        <v>497</v>
      </c>
      <c r="AZ20" s="66">
        <v>598</v>
      </c>
      <c r="BA20" s="66">
        <v>522</v>
      </c>
      <c r="BB20" s="66">
        <v>494</v>
      </c>
      <c r="BC20" s="66">
        <v>376</v>
      </c>
      <c r="BD20" s="67">
        <v>2487</v>
      </c>
      <c r="BE20" s="68">
        <v>2621</v>
      </c>
      <c r="BF20" s="63">
        <v>0</v>
      </c>
      <c r="BG20" s="66">
        <v>0</v>
      </c>
      <c r="BH20" s="64">
        <v>0</v>
      </c>
      <c r="BI20" s="65">
        <v>0</v>
      </c>
      <c r="BJ20" s="66">
        <v>711</v>
      </c>
      <c r="BK20" s="66">
        <v>634</v>
      </c>
      <c r="BL20" s="66">
        <v>353</v>
      </c>
      <c r="BM20" s="66">
        <v>197</v>
      </c>
      <c r="BN20" s="66">
        <v>87</v>
      </c>
      <c r="BO20" s="64">
        <v>1982</v>
      </c>
      <c r="BP20" s="68">
        <v>1982</v>
      </c>
      <c r="BQ20" s="63">
        <v>70</v>
      </c>
      <c r="BR20" s="66">
        <v>115</v>
      </c>
      <c r="BS20" s="64">
        <v>185</v>
      </c>
      <c r="BT20" s="65">
        <v>0</v>
      </c>
      <c r="BU20" s="66">
        <v>198</v>
      </c>
      <c r="BV20" s="66">
        <v>213</v>
      </c>
      <c r="BW20" s="66">
        <v>127</v>
      </c>
      <c r="BX20" s="66">
        <v>66</v>
      </c>
      <c r="BY20" s="66">
        <v>22</v>
      </c>
      <c r="BZ20" s="64">
        <v>626</v>
      </c>
      <c r="CA20" s="68">
        <v>811</v>
      </c>
      <c r="CB20" s="63">
        <v>1</v>
      </c>
      <c r="CC20" s="66">
        <v>7</v>
      </c>
      <c r="CD20" s="64">
        <v>8</v>
      </c>
      <c r="CE20" s="65">
        <v>0</v>
      </c>
      <c r="CF20" s="66">
        <v>62</v>
      </c>
      <c r="CG20" s="66">
        <v>100</v>
      </c>
      <c r="CH20" s="66">
        <v>126</v>
      </c>
      <c r="CI20" s="66">
        <v>93</v>
      </c>
      <c r="CJ20" s="66">
        <v>50</v>
      </c>
      <c r="CK20" s="64">
        <v>431</v>
      </c>
      <c r="CL20" s="68">
        <v>439</v>
      </c>
      <c r="CM20" s="63">
        <v>0</v>
      </c>
      <c r="CN20" s="66">
        <v>0</v>
      </c>
      <c r="CO20" s="64">
        <v>0</v>
      </c>
      <c r="CP20" s="65">
        <v>0</v>
      </c>
      <c r="CQ20" s="66">
        <v>1</v>
      </c>
      <c r="CR20" s="66">
        <v>5</v>
      </c>
      <c r="CS20" s="66">
        <v>5</v>
      </c>
      <c r="CT20" s="66">
        <v>3</v>
      </c>
      <c r="CU20" s="66">
        <v>3</v>
      </c>
      <c r="CV20" s="64">
        <v>17</v>
      </c>
      <c r="CW20" s="68">
        <v>17</v>
      </c>
      <c r="CX20" s="63">
        <v>0</v>
      </c>
      <c r="CY20" s="66">
        <v>0</v>
      </c>
      <c r="CZ20" s="64">
        <v>0</v>
      </c>
      <c r="DA20" s="65">
        <v>0</v>
      </c>
      <c r="DB20" s="66">
        <v>0</v>
      </c>
      <c r="DC20" s="66">
        <v>0</v>
      </c>
      <c r="DD20" s="66">
        <v>0</v>
      </c>
      <c r="DE20" s="66">
        <v>0</v>
      </c>
      <c r="DF20" s="66">
        <v>0</v>
      </c>
      <c r="DG20" s="64">
        <v>0</v>
      </c>
      <c r="DH20" s="68">
        <v>0</v>
      </c>
      <c r="DI20" s="63">
        <v>0</v>
      </c>
      <c r="DJ20" s="66">
        <v>0</v>
      </c>
      <c r="DK20" s="64">
        <v>0</v>
      </c>
      <c r="DL20" s="65">
        <v>0</v>
      </c>
      <c r="DM20" s="66">
        <v>0</v>
      </c>
      <c r="DN20" s="66">
        <v>0</v>
      </c>
      <c r="DO20" s="66">
        <v>0</v>
      </c>
      <c r="DP20" s="66">
        <v>0</v>
      </c>
      <c r="DQ20" s="66">
        <v>0</v>
      </c>
      <c r="DR20" s="64">
        <v>0</v>
      </c>
      <c r="DS20" s="68">
        <v>0</v>
      </c>
      <c r="DT20" s="63">
        <v>246</v>
      </c>
      <c r="DU20" s="66">
        <v>546</v>
      </c>
      <c r="DV20" s="64">
        <v>792</v>
      </c>
      <c r="DW20" s="65">
        <v>0</v>
      </c>
      <c r="DX20" s="66">
        <v>825</v>
      </c>
      <c r="DY20" s="66">
        <v>1154</v>
      </c>
      <c r="DZ20" s="66">
        <v>718</v>
      </c>
      <c r="EA20" s="66">
        <v>534</v>
      </c>
      <c r="EB20" s="66">
        <v>355</v>
      </c>
      <c r="EC20" s="64">
        <v>3586</v>
      </c>
      <c r="ED20" s="68">
        <v>4378</v>
      </c>
      <c r="EE20" s="63">
        <v>33</v>
      </c>
      <c r="EF20" s="66">
        <v>11</v>
      </c>
      <c r="EG20" s="64">
        <v>44</v>
      </c>
      <c r="EH20" s="65">
        <v>0</v>
      </c>
      <c r="EI20" s="66">
        <v>136</v>
      </c>
      <c r="EJ20" s="66">
        <v>111</v>
      </c>
      <c r="EK20" s="66">
        <v>107</v>
      </c>
      <c r="EL20" s="66">
        <v>111</v>
      </c>
      <c r="EM20" s="66">
        <v>67</v>
      </c>
      <c r="EN20" s="64">
        <v>532</v>
      </c>
      <c r="EO20" s="68">
        <v>576</v>
      </c>
      <c r="EP20" s="63">
        <v>339</v>
      </c>
      <c r="EQ20" s="66">
        <v>667</v>
      </c>
      <c r="ER20" s="64">
        <v>1006</v>
      </c>
      <c r="ES20" s="65">
        <v>0</v>
      </c>
      <c r="ET20" s="66">
        <v>1695</v>
      </c>
      <c r="EU20" s="66">
        <v>1538</v>
      </c>
      <c r="EV20" s="66">
        <v>841</v>
      </c>
      <c r="EW20" s="66">
        <v>563</v>
      </c>
      <c r="EX20" s="66">
        <v>342</v>
      </c>
      <c r="EY20" s="64">
        <v>4979</v>
      </c>
      <c r="EZ20" s="68">
        <v>5985</v>
      </c>
    </row>
    <row r="21" spans="2:156" ht="21" customHeight="1" x14ac:dyDescent="0.2">
      <c r="B21" s="131" t="s">
        <v>19</v>
      </c>
      <c r="C21" s="63">
        <v>0</v>
      </c>
      <c r="D21" s="66">
        <v>0</v>
      </c>
      <c r="E21" s="111">
        <v>0</v>
      </c>
      <c r="F21" s="65">
        <v>0</v>
      </c>
      <c r="G21" s="66">
        <v>205</v>
      </c>
      <c r="H21" s="66">
        <v>153</v>
      </c>
      <c r="I21" s="66">
        <v>106</v>
      </c>
      <c r="J21" s="66">
        <v>79</v>
      </c>
      <c r="K21" s="66">
        <v>62</v>
      </c>
      <c r="L21" s="67">
        <v>605</v>
      </c>
      <c r="M21" s="68">
        <v>605</v>
      </c>
      <c r="N21" s="63">
        <v>0</v>
      </c>
      <c r="O21" s="66">
        <v>0</v>
      </c>
      <c r="P21" s="64">
        <v>0</v>
      </c>
      <c r="Q21" s="65">
        <v>0</v>
      </c>
      <c r="R21" s="66">
        <v>5</v>
      </c>
      <c r="S21" s="66">
        <v>5</v>
      </c>
      <c r="T21" s="66">
        <v>13</v>
      </c>
      <c r="U21" s="66">
        <v>21</v>
      </c>
      <c r="V21" s="66">
        <v>27</v>
      </c>
      <c r="W21" s="64">
        <v>71</v>
      </c>
      <c r="X21" s="68">
        <v>71</v>
      </c>
      <c r="Y21" s="63">
        <v>37</v>
      </c>
      <c r="Z21" s="66">
        <v>53</v>
      </c>
      <c r="AA21" s="64">
        <v>90</v>
      </c>
      <c r="AB21" s="65">
        <v>0</v>
      </c>
      <c r="AC21" s="66">
        <v>182</v>
      </c>
      <c r="AD21" s="66">
        <v>154</v>
      </c>
      <c r="AE21" s="66">
        <v>114</v>
      </c>
      <c r="AF21" s="66">
        <v>83</v>
      </c>
      <c r="AG21" s="66">
        <v>69</v>
      </c>
      <c r="AH21" s="64">
        <v>602</v>
      </c>
      <c r="AI21" s="68">
        <v>692</v>
      </c>
      <c r="AJ21" s="63">
        <v>3</v>
      </c>
      <c r="AK21" s="66">
        <v>5</v>
      </c>
      <c r="AL21" s="64">
        <v>8</v>
      </c>
      <c r="AM21" s="65">
        <v>0</v>
      </c>
      <c r="AN21" s="66">
        <v>21</v>
      </c>
      <c r="AO21" s="66">
        <v>13</v>
      </c>
      <c r="AP21" s="66">
        <v>6</v>
      </c>
      <c r="AQ21" s="66">
        <v>10</v>
      </c>
      <c r="AR21" s="66">
        <v>2</v>
      </c>
      <c r="AS21" s="64">
        <v>52</v>
      </c>
      <c r="AT21" s="68">
        <v>60</v>
      </c>
      <c r="AU21" s="63">
        <v>41</v>
      </c>
      <c r="AV21" s="66">
        <v>42</v>
      </c>
      <c r="AW21" s="64">
        <v>83</v>
      </c>
      <c r="AX21" s="65">
        <v>0</v>
      </c>
      <c r="AY21" s="66">
        <v>210</v>
      </c>
      <c r="AZ21" s="66">
        <v>227</v>
      </c>
      <c r="BA21" s="66">
        <v>189</v>
      </c>
      <c r="BB21" s="66">
        <v>175</v>
      </c>
      <c r="BC21" s="66">
        <v>152</v>
      </c>
      <c r="BD21" s="67">
        <v>953</v>
      </c>
      <c r="BE21" s="68">
        <v>1036</v>
      </c>
      <c r="BF21" s="63">
        <v>0</v>
      </c>
      <c r="BG21" s="66">
        <v>0</v>
      </c>
      <c r="BH21" s="64">
        <v>0</v>
      </c>
      <c r="BI21" s="65">
        <v>0</v>
      </c>
      <c r="BJ21" s="66">
        <v>283</v>
      </c>
      <c r="BK21" s="66">
        <v>246</v>
      </c>
      <c r="BL21" s="66">
        <v>125</v>
      </c>
      <c r="BM21" s="66">
        <v>64</v>
      </c>
      <c r="BN21" s="66">
        <v>38</v>
      </c>
      <c r="BO21" s="64">
        <v>756</v>
      </c>
      <c r="BP21" s="68">
        <v>756</v>
      </c>
      <c r="BQ21" s="63">
        <v>36</v>
      </c>
      <c r="BR21" s="66">
        <v>69</v>
      </c>
      <c r="BS21" s="64">
        <v>105</v>
      </c>
      <c r="BT21" s="65">
        <v>0</v>
      </c>
      <c r="BU21" s="66">
        <v>130</v>
      </c>
      <c r="BV21" s="66">
        <v>97</v>
      </c>
      <c r="BW21" s="66">
        <v>67</v>
      </c>
      <c r="BX21" s="66">
        <v>29</v>
      </c>
      <c r="BY21" s="66">
        <v>9</v>
      </c>
      <c r="BZ21" s="64">
        <v>332</v>
      </c>
      <c r="CA21" s="68">
        <v>437</v>
      </c>
      <c r="CB21" s="63">
        <v>0</v>
      </c>
      <c r="CC21" s="66">
        <v>4</v>
      </c>
      <c r="CD21" s="64">
        <v>4</v>
      </c>
      <c r="CE21" s="65">
        <v>0</v>
      </c>
      <c r="CF21" s="66">
        <v>21</v>
      </c>
      <c r="CG21" s="66">
        <v>54</v>
      </c>
      <c r="CH21" s="66">
        <v>49</v>
      </c>
      <c r="CI21" s="66">
        <v>26</v>
      </c>
      <c r="CJ21" s="66">
        <v>11</v>
      </c>
      <c r="CK21" s="64">
        <v>161</v>
      </c>
      <c r="CL21" s="68">
        <v>165</v>
      </c>
      <c r="CM21" s="63">
        <v>0</v>
      </c>
      <c r="CN21" s="66">
        <v>0</v>
      </c>
      <c r="CO21" s="64">
        <v>0</v>
      </c>
      <c r="CP21" s="65">
        <v>0</v>
      </c>
      <c r="CQ21" s="66">
        <v>5</v>
      </c>
      <c r="CR21" s="66">
        <v>6</v>
      </c>
      <c r="CS21" s="66">
        <v>9</v>
      </c>
      <c r="CT21" s="66">
        <v>11</v>
      </c>
      <c r="CU21" s="66">
        <v>4</v>
      </c>
      <c r="CV21" s="64">
        <v>35</v>
      </c>
      <c r="CW21" s="68">
        <v>35</v>
      </c>
      <c r="CX21" s="63">
        <v>0</v>
      </c>
      <c r="CY21" s="66">
        <v>0</v>
      </c>
      <c r="CZ21" s="64">
        <v>0</v>
      </c>
      <c r="DA21" s="65">
        <v>0</v>
      </c>
      <c r="DB21" s="66">
        <v>0</v>
      </c>
      <c r="DC21" s="66">
        <v>0</v>
      </c>
      <c r="DD21" s="66">
        <v>0</v>
      </c>
      <c r="DE21" s="66">
        <v>0</v>
      </c>
      <c r="DF21" s="66">
        <v>0</v>
      </c>
      <c r="DG21" s="64">
        <v>0</v>
      </c>
      <c r="DH21" s="68">
        <v>0</v>
      </c>
      <c r="DI21" s="63">
        <v>0</v>
      </c>
      <c r="DJ21" s="66">
        <v>0</v>
      </c>
      <c r="DK21" s="64">
        <v>0</v>
      </c>
      <c r="DL21" s="65">
        <v>0</v>
      </c>
      <c r="DM21" s="66">
        <v>0</v>
      </c>
      <c r="DN21" s="66">
        <v>0</v>
      </c>
      <c r="DO21" s="66">
        <v>0</v>
      </c>
      <c r="DP21" s="66">
        <v>0</v>
      </c>
      <c r="DQ21" s="66">
        <v>0</v>
      </c>
      <c r="DR21" s="64">
        <v>0</v>
      </c>
      <c r="DS21" s="68">
        <v>0</v>
      </c>
      <c r="DT21" s="63">
        <v>150</v>
      </c>
      <c r="DU21" s="66">
        <v>239</v>
      </c>
      <c r="DV21" s="64">
        <v>389</v>
      </c>
      <c r="DW21" s="65">
        <v>0</v>
      </c>
      <c r="DX21" s="66">
        <v>438</v>
      </c>
      <c r="DY21" s="66">
        <v>426</v>
      </c>
      <c r="DZ21" s="66">
        <v>269</v>
      </c>
      <c r="EA21" s="66">
        <v>195</v>
      </c>
      <c r="EB21" s="66">
        <v>131</v>
      </c>
      <c r="EC21" s="64">
        <v>1459</v>
      </c>
      <c r="ED21" s="68">
        <v>1848</v>
      </c>
      <c r="EE21" s="63">
        <v>15</v>
      </c>
      <c r="EF21" s="66">
        <v>19</v>
      </c>
      <c r="EG21" s="64">
        <v>34</v>
      </c>
      <c r="EH21" s="65">
        <v>0</v>
      </c>
      <c r="EI21" s="66">
        <v>68</v>
      </c>
      <c r="EJ21" s="66">
        <v>55</v>
      </c>
      <c r="EK21" s="66">
        <v>55</v>
      </c>
      <c r="EL21" s="66">
        <v>49</v>
      </c>
      <c r="EM21" s="66">
        <v>37</v>
      </c>
      <c r="EN21" s="64">
        <v>264</v>
      </c>
      <c r="EO21" s="68">
        <v>298</v>
      </c>
      <c r="EP21" s="63">
        <v>207</v>
      </c>
      <c r="EQ21" s="66">
        <v>305</v>
      </c>
      <c r="ER21" s="64">
        <v>512</v>
      </c>
      <c r="ES21" s="65">
        <v>0</v>
      </c>
      <c r="ET21" s="66">
        <v>775</v>
      </c>
      <c r="EU21" s="66">
        <v>589</v>
      </c>
      <c r="EV21" s="66">
        <v>318</v>
      </c>
      <c r="EW21" s="66">
        <v>189</v>
      </c>
      <c r="EX21" s="66">
        <v>116</v>
      </c>
      <c r="EY21" s="64">
        <v>1987</v>
      </c>
      <c r="EZ21" s="68">
        <v>2499</v>
      </c>
    </row>
    <row r="22" spans="2:156" ht="21" customHeight="1" x14ac:dyDescent="0.2">
      <c r="B22" s="131" t="s">
        <v>20</v>
      </c>
      <c r="C22" s="63">
        <v>0</v>
      </c>
      <c r="D22" s="66">
        <v>0</v>
      </c>
      <c r="E22" s="111">
        <v>0</v>
      </c>
      <c r="F22" s="65">
        <v>0</v>
      </c>
      <c r="G22" s="66">
        <v>279</v>
      </c>
      <c r="H22" s="66">
        <v>206</v>
      </c>
      <c r="I22" s="66">
        <v>140</v>
      </c>
      <c r="J22" s="66">
        <v>92</v>
      </c>
      <c r="K22" s="66">
        <v>75</v>
      </c>
      <c r="L22" s="67">
        <v>792</v>
      </c>
      <c r="M22" s="68">
        <v>792</v>
      </c>
      <c r="N22" s="63">
        <v>0</v>
      </c>
      <c r="O22" s="66">
        <v>0</v>
      </c>
      <c r="P22" s="64">
        <v>0</v>
      </c>
      <c r="Q22" s="65">
        <v>0</v>
      </c>
      <c r="R22" s="66">
        <v>3</v>
      </c>
      <c r="S22" s="66">
        <v>7</v>
      </c>
      <c r="T22" s="66">
        <v>9</v>
      </c>
      <c r="U22" s="66">
        <v>21</v>
      </c>
      <c r="V22" s="66">
        <v>34</v>
      </c>
      <c r="W22" s="64">
        <v>74</v>
      </c>
      <c r="X22" s="68">
        <v>74</v>
      </c>
      <c r="Y22" s="63">
        <v>35</v>
      </c>
      <c r="Z22" s="66">
        <v>92</v>
      </c>
      <c r="AA22" s="64">
        <v>127</v>
      </c>
      <c r="AB22" s="65">
        <v>0</v>
      </c>
      <c r="AC22" s="66">
        <v>252</v>
      </c>
      <c r="AD22" s="66">
        <v>205</v>
      </c>
      <c r="AE22" s="66">
        <v>119</v>
      </c>
      <c r="AF22" s="66">
        <v>95</v>
      </c>
      <c r="AG22" s="66">
        <v>50</v>
      </c>
      <c r="AH22" s="64">
        <v>721</v>
      </c>
      <c r="AI22" s="68">
        <v>848</v>
      </c>
      <c r="AJ22" s="63">
        <v>12</v>
      </c>
      <c r="AK22" s="66">
        <v>43</v>
      </c>
      <c r="AL22" s="64">
        <v>55</v>
      </c>
      <c r="AM22" s="65">
        <v>0</v>
      </c>
      <c r="AN22" s="66">
        <v>55</v>
      </c>
      <c r="AO22" s="66">
        <v>61</v>
      </c>
      <c r="AP22" s="66">
        <v>39</v>
      </c>
      <c r="AQ22" s="66">
        <v>27</v>
      </c>
      <c r="AR22" s="66">
        <v>14</v>
      </c>
      <c r="AS22" s="64">
        <v>196</v>
      </c>
      <c r="AT22" s="68">
        <v>251</v>
      </c>
      <c r="AU22" s="63">
        <v>29</v>
      </c>
      <c r="AV22" s="66">
        <v>40</v>
      </c>
      <c r="AW22" s="64">
        <v>69</v>
      </c>
      <c r="AX22" s="65">
        <v>0</v>
      </c>
      <c r="AY22" s="66">
        <v>243</v>
      </c>
      <c r="AZ22" s="66">
        <v>231</v>
      </c>
      <c r="BA22" s="66">
        <v>267</v>
      </c>
      <c r="BB22" s="66">
        <v>197</v>
      </c>
      <c r="BC22" s="66">
        <v>153</v>
      </c>
      <c r="BD22" s="67">
        <v>1091</v>
      </c>
      <c r="BE22" s="68">
        <v>1160</v>
      </c>
      <c r="BF22" s="63">
        <v>0</v>
      </c>
      <c r="BG22" s="66">
        <v>0</v>
      </c>
      <c r="BH22" s="64">
        <v>0</v>
      </c>
      <c r="BI22" s="65">
        <v>0</v>
      </c>
      <c r="BJ22" s="66">
        <v>362</v>
      </c>
      <c r="BK22" s="66">
        <v>256</v>
      </c>
      <c r="BL22" s="66">
        <v>142</v>
      </c>
      <c r="BM22" s="66">
        <v>78</v>
      </c>
      <c r="BN22" s="66">
        <v>30</v>
      </c>
      <c r="BO22" s="64">
        <v>868</v>
      </c>
      <c r="BP22" s="68">
        <v>868</v>
      </c>
      <c r="BQ22" s="63">
        <v>14</v>
      </c>
      <c r="BR22" s="66">
        <v>35</v>
      </c>
      <c r="BS22" s="64">
        <v>49</v>
      </c>
      <c r="BT22" s="65">
        <v>0</v>
      </c>
      <c r="BU22" s="66">
        <v>132</v>
      </c>
      <c r="BV22" s="66">
        <v>97</v>
      </c>
      <c r="BW22" s="66">
        <v>49</v>
      </c>
      <c r="BX22" s="66">
        <v>44</v>
      </c>
      <c r="BY22" s="66">
        <v>17</v>
      </c>
      <c r="BZ22" s="64">
        <v>339</v>
      </c>
      <c r="CA22" s="68">
        <v>388</v>
      </c>
      <c r="CB22" s="63">
        <v>0</v>
      </c>
      <c r="CC22" s="66">
        <v>3</v>
      </c>
      <c r="CD22" s="64">
        <v>3</v>
      </c>
      <c r="CE22" s="65">
        <v>0</v>
      </c>
      <c r="CF22" s="66">
        <v>40</v>
      </c>
      <c r="CG22" s="66">
        <v>44</v>
      </c>
      <c r="CH22" s="66">
        <v>75</v>
      </c>
      <c r="CI22" s="66">
        <v>44</v>
      </c>
      <c r="CJ22" s="66">
        <v>25</v>
      </c>
      <c r="CK22" s="64">
        <v>228</v>
      </c>
      <c r="CL22" s="68">
        <v>231</v>
      </c>
      <c r="CM22" s="63">
        <v>0</v>
      </c>
      <c r="CN22" s="66">
        <v>0</v>
      </c>
      <c r="CO22" s="64">
        <v>0</v>
      </c>
      <c r="CP22" s="65">
        <v>0</v>
      </c>
      <c r="CQ22" s="66">
        <v>4</v>
      </c>
      <c r="CR22" s="66">
        <v>5</v>
      </c>
      <c r="CS22" s="66">
        <v>6</v>
      </c>
      <c r="CT22" s="66">
        <v>10</v>
      </c>
      <c r="CU22" s="66">
        <v>5</v>
      </c>
      <c r="CV22" s="64">
        <v>30</v>
      </c>
      <c r="CW22" s="68">
        <v>30</v>
      </c>
      <c r="CX22" s="63">
        <v>0</v>
      </c>
      <c r="CY22" s="66">
        <v>0</v>
      </c>
      <c r="CZ22" s="64">
        <v>0</v>
      </c>
      <c r="DA22" s="65">
        <v>0</v>
      </c>
      <c r="DB22" s="66">
        <v>0</v>
      </c>
      <c r="DC22" s="66">
        <v>0</v>
      </c>
      <c r="DD22" s="66">
        <v>0</v>
      </c>
      <c r="DE22" s="66">
        <v>0</v>
      </c>
      <c r="DF22" s="66">
        <v>0</v>
      </c>
      <c r="DG22" s="64">
        <v>0</v>
      </c>
      <c r="DH22" s="68">
        <v>0</v>
      </c>
      <c r="DI22" s="63">
        <v>0</v>
      </c>
      <c r="DJ22" s="66">
        <v>0</v>
      </c>
      <c r="DK22" s="64">
        <v>0</v>
      </c>
      <c r="DL22" s="65">
        <v>0</v>
      </c>
      <c r="DM22" s="66">
        <v>0</v>
      </c>
      <c r="DN22" s="66">
        <v>0</v>
      </c>
      <c r="DO22" s="66">
        <v>0</v>
      </c>
      <c r="DP22" s="66">
        <v>0</v>
      </c>
      <c r="DQ22" s="66">
        <v>0</v>
      </c>
      <c r="DR22" s="64">
        <v>0</v>
      </c>
      <c r="DS22" s="68">
        <v>0</v>
      </c>
      <c r="DT22" s="63">
        <v>151</v>
      </c>
      <c r="DU22" s="66">
        <v>335</v>
      </c>
      <c r="DV22" s="64">
        <v>486</v>
      </c>
      <c r="DW22" s="65">
        <v>0</v>
      </c>
      <c r="DX22" s="66">
        <v>552</v>
      </c>
      <c r="DY22" s="66">
        <v>493</v>
      </c>
      <c r="DZ22" s="66">
        <v>315</v>
      </c>
      <c r="EA22" s="66">
        <v>245</v>
      </c>
      <c r="EB22" s="66">
        <v>133</v>
      </c>
      <c r="EC22" s="64">
        <v>1738</v>
      </c>
      <c r="ED22" s="68">
        <v>2224</v>
      </c>
      <c r="EE22" s="63">
        <v>13</v>
      </c>
      <c r="EF22" s="66">
        <v>10</v>
      </c>
      <c r="EG22" s="64">
        <v>23</v>
      </c>
      <c r="EH22" s="65">
        <v>0</v>
      </c>
      <c r="EI22" s="66">
        <v>76</v>
      </c>
      <c r="EJ22" s="66">
        <v>51</v>
      </c>
      <c r="EK22" s="66">
        <v>59</v>
      </c>
      <c r="EL22" s="66">
        <v>62</v>
      </c>
      <c r="EM22" s="66">
        <v>28</v>
      </c>
      <c r="EN22" s="64">
        <v>276</v>
      </c>
      <c r="EO22" s="68">
        <v>299</v>
      </c>
      <c r="EP22" s="63">
        <v>195</v>
      </c>
      <c r="EQ22" s="66">
        <v>431</v>
      </c>
      <c r="ER22" s="64">
        <v>626</v>
      </c>
      <c r="ES22" s="65">
        <v>0</v>
      </c>
      <c r="ET22" s="66">
        <v>1046</v>
      </c>
      <c r="EU22" s="66">
        <v>680</v>
      </c>
      <c r="EV22" s="66">
        <v>387</v>
      </c>
      <c r="EW22" s="66">
        <v>262</v>
      </c>
      <c r="EX22" s="66">
        <v>139</v>
      </c>
      <c r="EY22" s="64">
        <v>2514</v>
      </c>
      <c r="EZ22" s="68">
        <v>3140</v>
      </c>
    </row>
    <row r="23" spans="2:156" ht="21" customHeight="1" x14ac:dyDescent="0.2">
      <c r="B23" s="131" t="s">
        <v>21</v>
      </c>
      <c r="C23" s="63">
        <v>0</v>
      </c>
      <c r="D23" s="66">
        <v>0</v>
      </c>
      <c r="E23" s="111">
        <v>0</v>
      </c>
      <c r="F23" s="65">
        <v>0</v>
      </c>
      <c r="G23" s="66">
        <v>271</v>
      </c>
      <c r="H23" s="66">
        <v>355</v>
      </c>
      <c r="I23" s="66">
        <v>223</v>
      </c>
      <c r="J23" s="66">
        <v>125</v>
      </c>
      <c r="K23" s="66">
        <v>108</v>
      </c>
      <c r="L23" s="67">
        <v>1082</v>
      </c>
      <c r="M23" s="68">
        <v>1082</v>
      </c>
      <c r="N23" s="63">
        <v>0</v>
      </c>
      <c r="O23" s="66">
        <v>0</v>
      </c>
      <c r="P23" s="64">
        <v>0</v>
      </c>
      <c r="Q23" s="65">
        <v>0</v>
      </c>
      <c r="R23" s="66">
        <v>1</v>
      </c>
      <c r="S23" s="66">
        <v>4</v>
      </c>
      <c r="T23" s="66">
        <v>11</v>
      </c>
      <c r="U23" s="66">
        <v>26</v>
      </c>
      <c r="V23" s="66">
        <v>41</v>
      </c>
      <c r="W23" s="64">
        <v>83</v>
      </c>
      <c r="X23" s="68">
        <v>83</v>
      </c>
      <c r="Y23" s="63">
        <v>53</v>
      </c>
      <c r="Z23" s="66">
        <v>100</v>
      </c>
      <c r="AA23" s="64">
        <v>153</v>
      </c>
      <c r="AB23" s="65">
        <v>0</v>
      </c>
      <c r="AC23" s="66">
        <v>219</v>
      </c>
      <c r="AD23" s="66">
        <v>285</v>
      </c>
      <c r="AE23" s="66">
        <v>170</v>
      </c>
      <c r="AF23" s="66">
        <v>134</v>
      </c>
      <c r="AG23" s="66">
        <v>79</v>
      </c>
      <c r="AH23" s="64">
        <v>887</v>
      </c>
      <c r="AI23" s="68">
        <v>1040</v>
      </c>
      <c r="AJ23" s="63">
        <v>17</v>
      </c>
      <c r="AK23" s="66">
        <v>32</v>
      </c>
      <c r="AL23" s="64">
        <v>49</v>
      </c>
      <c r="AM23" s="65">
        <v>0</v>
      </c>
      <c r="AN23" s="66">
        <v>26</v>
      </c>
      <c r="AO23" s="66">
        <v>45</v>
      </c>
      <c r="AP23" s="66">
        <v>20</v>
      </c>
      <c r="AQ23" s="66">
        <v>15</v>
      </c>
      <c r="AR23" s="66">
        <v>6</v>
      </c>
      <c r="AS23" s="64">
        <v>112</v>
      </c>
      <c r="AT23" s="68">
        <v>161</v>
      </c>
      <c r="AU23" s="63">
        <v>41</v>
      </c>
      <c r="AV23" s="66">
        <v>41</v>
      </c>
      <c r="AW23" s="64">
        <v>82</v>
      </c>
      <c r="AX23" s="65">
        <v>0</v>
      </c>
      <c r="AY23" s="66">
        <v>264</v>
      </c>
      <c r="AZ23" s="66">
        <v>346</v>
      </c>
      <c r="BA23" s="66">
        <v>317</v>
      </c>
      <c r="BB23" s="66">
        <v>245</v>
      </c>
      <c r="BC23" s="66">
        <v>191</v>
      </c>
      <c r="BD23" s="67">
        <v>1363</v>
      </c>
      <c r="BE23" s="68">
        <v>1445</v>
      </c>
      <c r="BF23" s="63">
        <v>0</v>
      </c>
      <c r="BG23" s="66">
        <v>0</v>
      </c>
      <c r="BH23" s="64">
        <v>0</v>
      </c>
      <c r="BI23" s="65">
        <v>0</v>
      </c>
      <c r="BJ23" s="66">
        <v>340</v>
      </c>
      <c r="BK23" s="66">
        <v>359</v>
      </c>
      <c r="BL23" s="66">
        <v>210</v>
      </c>
      <c r="BM23" s="66">
        <v>92</v>
      </c>
      <c r="BN23" s="66">
        <v>35</v>
      </c>
      <c r="BO23" s="64">
        <v>1036</v>
      </c>
      <c r="BP23" s="68">
        <v>1036</v>
      </c>
      <c r="BQ23" s="63">
        <v>21</v>
      </c>
      <c r="BR23" s="66">
        <v>35</v>
      </c>
      <c r="BS23" s="64">
        <v>56</v>
      </c>
      <c r="BT23" s="65">
        <v>0</v>
      </c>
      <c r="BU23" s="66">
        <v>63</v>
      </c>
      <c r="BV23" s="66">
        <v>65</v>
      </c>
      <c r="BW23" s="66">
        <v>44</v>
      </c>
      <c r="BX23" s="66">
        <v>18</v>
      </c>
      <c r="BY23" s="66">
        <v>7</v>
      </c>
      <c r="BZ23" s="64">
        <v>197</v>
      </c>
      <c r="CA23" s="68">
        <v>253</v>
      </c>
      <c r="CB23" s="63">
        <v>0</v>
      </c>
      <c r="CC23" s="66">
        <v>2</v>
      </c>
      <c r="CD23" s="64">
        <v>2</v>
      </c>
      <c r="CE23" s="65">
        <v>0</v>
      </c>
      <c r="CF23" s="66">
        <v>31</v>
      </c>
      <c r="CG23" s="66">
        <v>51</v>
      </c>
      <c r="CH23" s="66">
        <v>70</v>
      </c>
      <c r="CI23" s="66">
        <v>52</v>
      </c>
      <c r="CJ23" s="66">
        <v>29</v>
      </c>
      <c r="CK23" s="64">
        <v>233</v>
      </c>
      <c r="CL23" s="68">
        <v>235</v>
      </c>
      <c r="CM23" s="63">
        <v>0</v>
      </c>
      <c r="CN23" s="66">
        <v>1</v>
      </c>
      <c r="CO23" s="64">
        <v>1</v>
      </c>
      <c r="CP23" s="65">
        <v>0</v>
      </c>
      <c r="CQ23" s="66">
        <v>1</v>
      </c>
      <c r="CR23" s="66">
        <v>7</v>
      </c>
      <c r="CS23" s="66">
        <v>3</v>
      </c>
      <c r="CT23" s="66">
        <v>3</v>
      </c>
      <c r="CU23" s="66">
        <v>0</v>
      </c>
      <c r="CV23" s="64">
        <v>14</v>
      </c>
      <c r="CW23" s="68">
        <v>15</v>
      </c>
      <c r="CX23" s="63">
        <v>0</v>
      </c>
      <c r="CY23" s="66">
        <v>0</v>
      </c>
      <c r="CZ23" s="64">
        <v>0</v>
      </c>
      <c r="DA23" s="65">
        <v>0</v>
      </c>
      <c r="DB23" s="66">
        <v>0</v>
      </c>
      <c r="DC23" s="66">
        <v>0</v>
      </c>
      <c r="DD23" s="66">
        <v>0</v>
      </c>
      <c r="DE23" s="66">
        <v>0</v>
      </c>
      <c r="DF23" s="66">
        <v>0</v>
      </c>
      <c r="DG23" s="64">
        <v>0</v>
      </c>
      <c r="DH23" s="68">
        <v>0</v>
      </c>
      <c r="DI23" s="63">
        <v>0</v>
      </c>
      <c r="DJ23" s="66">
        <v>0</v>
      </c>
      <c r="DK23" s="64">
        <v>0</v>
      </c>
      <c r="DL23" s="65">
        <v>0</v>
      </c>
      <c r="DM23" s="66">
        <v>0</v>
      </c>
      <c r="DN23" s="66">
        <v>0</v>
      </c>
      <c r="DO23" s="66">
        <v>0</v>
      </c>
      <c r="DP23" s="66">
        <v>0</v>
      </c>
      <c r="DQ23" s="66">
        <v>0</v>
      </c>
      <c r="DR23" s="64">
        <v>0</v>
      </c>
      <c r="DS23" s="68">
        <v>0</v>
      </c>
      <c r="DT23" s="63">
        <v>211</v>
      </c>
      <c r="DU23" s="66">
        <v>325</v>
      </c>
      <c r="DV23" s="64">
        <v>536</v>
      </c>
      <c r="DW23" s="65">
        <v>0</v>
      </c>
      <c r="DX23" s="66">
        <v>377</v>
      </c>
      <c r="DY23" s="66">
        <v>674</v>
      </c>
      <c r="DZ23" s="66">
        <v>413</v>
      </c>
      <c r="EA23" s="66">
        <v>270</v>
      </c>
      <c r="EB23" s="66">
        <v>155</v>
      </c>
      <c r="EC23" s="64">
        <v>1889</v>
      </c>
      <c r="ED23" s="68">
        <v>2425</v>
      </c>
      <c r="EE23" s="63">
        <v>18</v>
      </c>
      <c r="EF23" s="66">
        <v>14</v>
      </c>
      <c r="EG23" s="64">
        <v>32</v>
      </c>
      <c r="EH23" s="65">
        <v>0</v>
      </c>
      <c r="EI23" s="66">
        <v>70</v>
      </c>
      <c r="EJ23" s="66">
        <v>68</v>
      </c>
      <c r="EK23" s="66">
        <v>64</v>
      </c>
      <c r="EL23" s="66">
        <v>60</v>
      </c>
      <c r="EM23" s="66">
        <v>43</v>
      </c>
      <c r="EN23" s="64">
        <v>305</v>
      </c>
      <c r="EO23" s="68">
        <v>337</v>
      </c>
      <c r="EP23" s="63">
        <v>275</v>
      </c>
      <c r="EQ23" s="66">
        <v>412</v>
      </c>
      <c r="ER23" s="64">
        <v>687</v>
      </c>
      <c r="ES23" s="65">
        <v>0</v>
      </c>
      <c r="ET23" s="66">
        <v>876</v>
      </c>
      <c r="EU23" s="66">
        <v>918</v>
      </c>
      <c r="EV23" s="66">
        <v>495</v>
      </c>
      <c r="EW23" s="66">
        <v>291</v>
      </c>
      <c r="EX23" s="66">
        <v>167</v>
      </c>
      <c r="EY23" s="64">
        <v>2747</v>
      </c>
      <c r="EZ23" s="68">
        <v>3434</v>
      </c>
    </row>
    <row r="24" spans="2:156" ht="21" customHeight="1" x14ac:dyDescent="0.2">
      <c r="B24" s="131" t="s">
        <v>22</v>
      </c>
      <c r="C24" s="63">
        <v>0</v>
      </c>
      <c r="D24" s="66">
        <v>0</v>
      </c>
      <c r="E24" s="111">
        <v>0</v>
      </c>
      <c r="F24" s="65">
        <v>0</v>
      </c>
      <c r="G24" s="66">
        <v>72</v>
      </c>
      <c r="H24" s="66">
        <v>63</v>
      </c>
      <c r="I24" s="66">
        <v>37</v>
      </c>
      <c r="J24" s="66">
        <v>32</v>
      </c>
      <c r="K24" s="66">
        <v>26</v>
      </c>
      <c r="L24" s="67">
        <v>230</v>
      </c>
      <c r="M24" s="68">
        <v>230</v>
      </c>
      <c r="N24" s="63">
        <v>0</v>
      </c>
      <c r="O24" s="66">
        <v>1</v>
      </c>
      <c r="P24" s="64">
        <v>1</v>
      </c>
      <c r="Q24" s="65">
        <v>0</v>
      </c>
      <c r="R24" s="66">
        <v>2</v>
      </c>
      <c r="S24" s="66">
        <v>1</v>
      </c>
      <c r="T24" s="66">
        <v>3</v>
      </c>
      <c r="U24" s="66">
        <v>8</v>
      </c>
      <c r="V24" s="66">
        <v>17</v>
      </c>
      <c r="W24" s="64">
        <v>31</v>
      </c>
      <c r="X24" s="68">
        <v>32</v>
      </c>
      <c r="Y24" s="63">
        <v>7</v>
      </c>
      <c r="Z24" s="66">
        <v>17</v>
      </c>
      <c r="AA24" s="64">
        <v>24</v>
      </c>
      <c r="AB24" s="65">
        <v>0</v>
      </c>
      <c r="AC24" s="66">
        <v>49</v>
      </c>
      <c r="AD24" s="66">
        <v>65</v>
      </c>
      <c r="AE24" s="66">
        <v>35</v>
      </c>
      <c r="AF24" s="66">
        <v>44</v>
      </c>
      <c r="AG24" s="66">
        <v>33</v>
      </c>
      <c r="AH24" s="64">
        <v>226</v>
      </c>
      <c r="AI24" s="68">
        <v>250</v>
      </c>
      <c r="AJ24" s="63">
        <v>1</v>
      </c>
      <c r="AK24" s="66">
        <v>1</v>
      </c>
      <c r="AL24" s="64">
        <v>2</v>
      </c>
      <c r="AM24" s="65">
        <v>0</v>
      </c>
      <c r="AN24" s="66">
        <v>11</v>
      </c>
      <c r="AO24" s="66">
        <v>10</v>
      </c>
      <c r="AP24" s="66">
        <v>3</v>
      </c>
      <c r="AQ24" s="66">
        <v>6</v>
      </c>
      <c r="AR24" s="66">
        <v>2</v>
      </c>
      <c r="AS24" s="64">
        <v>32</v>
      </c>
      <c r="AT24" s="68">
        <v>34</v>
      </c>
      <c r="AU24" s="63">
        <v>5</v>
      </c>
      <c r="AV24" s="66">
        <v>8</v>
      </c>
      <c r="AW24" s="64">
        <v>13</v>
      </c>
      <c r="AX24" s="65">
        <v>0</v>
      </c>
      <c r="AY24" s="66">
        <v>62</v>
      </c>
      <c r="AZ24" s="66">
        <v>85</v>
      </c>
      <c r="BA24" s="66">
        <v>66</v>
      </c>
      <c r="BB24" s="66">
        <v>62</v>
      </c>
      <c r="BC24" s="66">
        <v>41</v>
      </c>
      <c r="BD24" s="67">
        <v>316</v>
      </c>
      <c r="BE24" s="68">
        <v>329</v>
      </c>
      <c r="BF24" s="63">
        <v>0</v>
      </c>
      <c r="BG24" s="66">
        <v>0</v>
      </c>
      <c r="BH24" s="64">
        <v>0</v>
      </c>
      <c r="BI24" s="65">
        <v>0</v>
      </c>
      <c r="BJ24" s="66">
        <v>102</v>
      </c>
      <c r="BK24" s="66">
        <v>112</v>
      </c>
      <c r="BL24" s="66">
        <v>70</v>
      </c>
      <c r="BM24" s="66">
        <v>35</v>
      </c>
      <c r="BN24" s="66">
        <v>16</v>
      </c>
      <c r="BO24" s="64">
        <v>335</v>
      </c>
      <c r="BP24" s="68">
        <v>335</v>
      </c>
      <c r="BQ24" s="63">
        <v>8</v>
      </c>
      <c r="BR24" s="66">
        <v>10</v>
      </c>
      <c r="BS24" s="64">
        <v>18</v>
      </c>
      <c r="BT24" s="65">
        <v>0</v>
      </c>
      <c r="BU24" s="66">
        <v>25</v>
      </c>
      <c r="BV24" s="66">
        <v>38</v>
      </c>
      <c r="BW24" s="66">
        <v>16</v>
      </c>
      <c r="BX24" s="66">
        <v>16</v>
      </c>
      <c r="BY24" s="66">
        <v>5</v>
      </c>
      <c r="BZ24" s="64">
        <v>100</v>
      </c>
      <c r="CA24" s="68">
        <v>118</v>
      </c>
      <c r="CB24" s="63">
        <v>0</v>
      </c>
      <c r="CC24" s="66">
        <v>3</v>
      </c>
      <c r="CD24" s="64">
        <v>3</v>
      </c>
      <c r="CE24" s="65">
        <v>0</v>
      </c>
      <c r="CF24" s="66">
        <v>8</v>
      </c>
      <c r="CG24" s="66">
        <v>22</v>
      </c>
      <c r="CH24" s="66">
        <v>29</v>
      </c>
      <c r="CI24" s="66">
        <v>15</v>
      </c>
      <c r="CJ24" s="66">
        <v>7</v>
      </c>
      <c r="CK24" s="64">
        <v>81</v>
      </c>
      <c r="CL24" s="68">
        <v>84</v>
      </c>
      <c r="CM24" s="63">
        <v>0</v>
      </c>
      <c r="CN24" s="66">
        <v>0</v>
      </c>
      <c r="CO24" s="64">
        <v>0</v>
      </c>
      <c r="CP24" s="65">
        <v>0</v>
      </c>
      <c r="CQ24" s="66">
        <v>2</v>
      </c>
      <c r="CR24" s="66">
        <v>0</v>
      </c>
      <c r="CS24" s="66">
        <v>5</v>
      </c>
      <c r="CT24" s="66">
        <v>7</v>
      </c>
      <c r="CU24" s="66">
        <v>2</v>
      </c>
      <c r="CV24" s="64">
        <v>16</v>
      </c>
      <c r="CW24" s="68">
        <v>16</v>
      </c>
      <c r="CX24" s="63">
        <v>0</v>
      </c>
      <c r="CY24" s="66">
        <v>0</v>
      </c>
      <c r="CZ24" s="64">
        <v>0</v>
      </c>
      <c r="DA24" s="65">
        <v>0</v>
      </c>
      <c r="DB24" s="66">
        <v>0</v>
      </c>
      <c r="DC24" s="66">
        <v>0</v>
      </c>
      <c r="DD24" s="66">
        <v>0</v>
      </c>
      <c r="DE24" s="66">
        <v>0</v>
      </c>
      <c r="DF24" s="66">
        <v>0</v>
      </c>
      <c r="DG24" s="64">
        <v>0</v>
      </c>
      <c r="DH24" s="68">
        <v>0</v>
      </c>
      <c r="DI24" s="63">
        <v>0</v>
      </c>
      <c r="DJ24" s="66">
        <v>0</v>
      </c>
      <c r="DK24" s="64">
        <v>0</v>
      </c>
      <c r="DL24" s="65">
        <v>0</v>
      </c>
      <c r="DM24" s="66">
        <v>0</v>
      </c>
      <c r="DN24" s="66">
        <v>0</v>
      </c>
      <c r="DO24" s="66">
        <v>0</v>
      </c>
      <c r="DP24" s="66">
        <v>0</v>
      </c>
      <c r="DQ24" s="66">
        <v>0</v>
      </c>
      <c r="DR24" s="64">
        <v>0</v>
      </c>
      <c r="DS24" s="68">
        <v>0</v>
      </c>
      <c r="DT24" s="63">
        <v>54</v>
      </c>
      <c r="DU24" s="66">
        <v>149</v>
      </c>
      <c r="DV24" s="64">
        <v>203</v>
      </c>
      <c r="DW24" s="65">
        <v>0</v>
      </c>
      <c r="DX24" s="66">
        <v>190</v>
      </c>
      <c r="DY24" s="66">
        <v>240</v>
      </c>
      <c r="DZ24" s="66">
        <v>137</v>
      </c>
      <c r="EA24" s="66">
        <v>95</v>
      </c>
      <c r="EB24" s="66">
        <v>58</v>
      </c>
      <c r="EC24" s="64">
        <v>720</v>
      </c>
      <c r="ED24" s="68">
        <v>923</v>
      </c>
      <c r="EE24" s="63">
        <v>5</v>
      </c>
      <c r="EF24" s="66">
        <v>7</v>
      </c>
      <c r="EG24" s="64">
        <v>12</v>
      </c>
      <c r="EH24" s="65">
        <v>0</v>
      </c>
      <c r="EI24" s="66">
        <v>30</v>
      </c>
      <c r="EJ24" s="66">
        <v>28</v>
      </c>
      <c r="EK24" s="66">
        <v>19</v>
      </c>
      <c r="EL24" s="66">
        <v>20</v>
      </c>
      <c r="EM24" s="66">
        <v>14</v>
      </c>
      <c r="EN24" s="64">
        <v>111</v>
      </c>
      <c r="EO24" s="68">
        <v>123</v>
      </c>
      <c r="EP24" s="63">
        <v>66</v>
      </c>
      <c r="EQ24" s="66">
        <v>163</v>
      </c>
      <c r="ER24" s="64">
        <v>229</v>
      </c>
      <c r="ES24" s="65">
        <v>0</v>
      </c>
      <c r="ET24" s="66">
        <v>327</v>
      </c>
      <c r="EU24" s="66">
        <v>311</v>
      </c>
      <c r="EV24" s="66">
        <v>170</v>
      </c>
      <c r="EW24" s="66">
        <v>99</v>
      </c>
      <c r="EX24" s="66">
        <v>56</v>
      </c>
      <c r="EY24" s="64">
        <v>963</v>
      </c>
      <c r="EZ24" s="68">
        <v>1192</v>
      </c>
    </row>
    <row r="25" spans="2:156" ht="21" customHeight="1" x14ac:dyDescent="0.2">
      <c r="B25" s="131" t="s">
        <v>23</v>
      </c>
      <c r="C25" s="63">
        <v>0</v>
      </c>
      <c r="D25" s="66">
        <v>0</v>
      </c>
      <c r="E25" s="111">
        <v>0</v>
      </c>
      <c r="F25" s="65">
        <v>0</v>
      </c>
      <c r="G25" s="66">
        <v>135</v>
      </c>
      <c r="H25" s="66">
        <v>145</v>
      </c>
      <c r="I25" s="66">
        <v>80</v>
      </c>
      <c r="J25" s="66">
        <v>75</v>
      </c>
      <c r="K25" s="66">
        <v>44</v>
      </c>
      <c r="L25" s="67">
        <v>479</v>
      </c>
      <c r="M25" s="68">
        <v>479</v>
      </c>
      <c r="N25" s="63">
        <v>0</v>
      </c>
      <c r="O25" s="66">
        <v>0</v>
      </c>
      <c r="P25" s="64">
        <v>0</v>
      </c>
      <c r="Q25" s="65">
        <v>0</v>
      </c>
      <c r="R25" s="66">
        <v>1</v>
      </c>
      <c r="S25" s="66">
        <v>4</v>
      </c>
      <c r="T25" s="66">
        <v>4</v>
      </c>
      <c r="U25" s="66">
        <v>18</v>
      </c>
      <c r="V25" s="66">
        <v>23</v>
      </c>
      <c r="W25" s="64">
        <v>50</v>
      </c>
      <c r="X25" s="68">
        <v>50</v>
      </c>
      <c r="Y25" s="63">
        <v>35</v>
      </c>
      <c r="Z25" s="66">
        <v>60</v>
      </c>
      <c r="AA25" s="64">
        <v>95</v>
      </c>
      <c r="AB25" s="65">
        <v>0</v>
      </c>
      <c r="AC25" s="66">
        <v>93</v>
      </c>
      <c r="AD25" s="66">
        <v>157</v>
      </c>
      <c r="AE25" s="66">
        <v>73</v>
      </c>
      <c r="AF25" s="66">
        <v>82</v>
      </c>
      <c r="AG25" s="66">
        <v>45</v>
      </c>
      <c r="AH25" s="64">
        <v>450</v>
      </c>
      <c r="AI25" s="68">
        <v>545</v>
      </c>
      <c r="AJ25" s="63">
        <v>5</v>
      </c>
      <c r="AK25" s="66">
        <v>13</v>
      </c>
      <c r="AL25" s="64">
        <v>18</v>
      </c>
      <c r="AM25" s="65">
        <v>0</v>
      </c>
      <c r="AN25" s="66">
        <v>7</v>
      </c>
      <c r="AO25" s="66">
        <v>23</v>
      </c>
      <c r="AP25" s="66">
        <v>8</v>
      </c>
      <c r="AQ25" s="66">
        <v>7</v>
      </c>
      <c r="AR25" s="66">
        <v>4</v>
      </c>
      <c r="AS25" s="64">
        <v>49</v>
      </c>
      <c r="AT25" s="68">
        <v>67</v>
      </c>
      <c r="AU25" s="63">
        <v>19</v>
      </c>
      <c r="AV25" s="66">
        <v>13</v>
      </c>
      <c r="AW25" s="64">
        <v>32</v>
      </c>
      <c r="AX25" s="65">
        <v>0</v>
      </c>
      <c r="AY25" s="66">
        <v>169</v>
      </c>
      <c r="AZ25" s="66">
        <v>165</v>
      </c>
      <c r="BA25" s="66">
        <v>134</v>
      </c>
      <c r="BB25" s="66">
        <v>170</v>
      </c>
      <c r="BC25" s="66">
        <v>108</v>
      </c>
      <c r="BD25" s="67">
        <v>746</v>
      </c>
      <c r="BE25" s="68">
        <v>778</v>
      </c>
      <c r="BF25" s="63">
        <v>0</v>
      </c>
      <c r="BG25" s="66">
        <v>0</v>
      </c>
      <c r="BH25" s="64">
        <v>0</v>
      </c>
      <c r="BI25" s="65">
        <v>0</v>
      </c>
      <c r="BJ25" s="66">
        <v>269</v>
      </c>
      <c r="BK25" s="66">
        <v>250</v>
      </c>
      <c r="BL25" s="66">
        <v>130</v>
      </c>
      <c r="BM25" s="66">
        <v>71</v>
      </c>
      <c r="BN25" s="66">
        <v>29</v>
      </c>
      <c r="BO25" s="64">
        <v>749</v>
      </c>
      <c r="BP25" s="68">
        <v>749</v>
      </c>
      <c r="BQ25" s="63">
        <v>1</v>
      </c>
      <c r="BR25" s="66">
        <v>11</v>
      </c>
      <c r="BS25" s="64">
        <v>12</v>
      </c>
      <c r="BT25" s="65">
        <v>0</v>
      </c>
      <c r="BU25" s="66">
        <v>40</v>
      </c>
      <c r="BV25" s="66">
        <v>42</v>
      </c>
      <c r="BW25" s="66">
        <v>30</v>
      </c>
      <c r="BX25" s="66">
        <v>22</v>
      </c>
      <c r="BY25" s="66">
        <v>8</v>
      </c>
      <c r="BZ25" s="64">
        <v>142</v>
      </c>
      <c r="CA25" s="68">
        <v>154</v>
      </c>
      <c r="CB25" s="63">
        <v>1</v>
      </c>
      <c r="CC25" s="66">
        <v>2</v>
      </c>
      <c r="CD25" s="64">
        <v>3</v>
      </c>
      <c r="CE25" s="65">
        <v>0</v>
      </c>
      <c r="CF25" s="66">
        <v>26</v>
      </c>
      <c r="CG25" s="66">
        <v>30</v>
      </c>
      <c r="CH25" s="66">
        <v>52</v>
      </c>
      <c r="CI25" s="66">
        <v>33</v>
      </c>
      <c r="CJ25" s="66">
        <v>13</v>
      </c>
      <c r="CK25" s="64">
        <v>154</v>
      </c>
      <c r="CL25" s="68">
        <v>157</v>
      </c>
      <c r="CM25" s="63">
        <v>0</v>
      </c>
      <c r="CN25" s="66">
        <v>0</v>
      </c>
      <c r="CO25" s="64">
        <v>0</v>
      </c>
      <c r="CP25" s="65">
        <v>0</v>
      </c>
      <c r="CQ25" s="66">
        <v>1</v>
      </c>
      <c r="CR25" s="66">
        <v>1</v>
      </c>
      <c r="CS25" s="66">
        <v>1</v>
      </c>
      <c r="CT25" s="66">
        <v>2</v>
      </c>
      <c r="CU25" s="66">
        <v>1</v>
      </c>
      <c r="CV25" s="64">
        <v>6</v>
      </c>
      <c r="CW25" s="68">
        <v>6</v>
      </c>
      <c r="CX25" s="63">
        <v>0</v>
      </c>
      <c r="CY25" s="66">
        <v>0</v>
      </c>
      <c r="CZ25" s="64">
        <v>0</v>
      </c>
      <c r="DA25" s="65">
        <v>0</v>
      </c>
      <c r="DB25" s="66">
        <v>0</v>
      </c>
      <c r="DC25" s="66">
        <v>0</v>
      </c>
      <c r="DD25" s="66">
        <v>0</v>
      </c>
      <c r="DE25" s="66">
        <v>0</v>
      </c>
      <c r="DF25" s="66">
        <v>0</v>
      </c>
      <c r="DG25" s="64">
        <v>0</v>
      </c>
      <c r="DH25" s="68">
        <v>0</v>
      </c>
      <c r="DI25" s="63">
        <v>0</v>
      </c>
      <c r="DJ25" s="66">
        <v>0</v>
      </c>
      <c r="DK25" s="64">
        <v>0</v>
      </c>
      <c r="DL25" s="65">
        <v>0</v>
      </c>
      <c r="DM25" s="66">
        <v>0</v>
      </c>
      <c r="DN25" s="66">
        <v>0</v>
      </c>
      <c r="DO25" s="66">
        <v>0</v>
      </c>
      <c r="DP25" s="66">
        <v>0</v>
      </c>
      <c r="DQ25" s="66">
        <v>0</v>
      </c>
      <c r="DR25" s="64">
        <v>0</v>
      </c>
      <c r="DS25" s="68">
        <v>0</v>
      </c>
      <c r="DT25" s="63">
        <v>102</v>
      </c>
      <c r="DU25" s="66">
        <v>249</v>
      </c>
      <c r="DV25" s="64">
        <v>351</v>
      </c>
      <c r="DW25" s="65">
        <v>0</v>
      </c>
      <c r="DX25" s="66">
        <v>249</v>
      </c>
      <c r="DY25" s="66">
        <v>401</v>
      </c>
      <c r="DZ25" s="66">
        <v>224</v>
      </c>
      <c r="EA25" s="66">
        <v>191</v>
      </c>
      <c r="EB25" s="66">
        <v>86</v>
      </c>
      <c r="EC25" s="64">
        <v>1151</v>
      </c>
      <c r="ED25" s="68">
        <v>1502</v>
      </c>
      <c r="EE25" s="63">
        <v>8</v>
      </c>
      <c r="EF25" s="66">
        <v>2</v>
      </c>
      <c r="EG25" s="64">
        <v>10</v>
      </c>
      <c r="EH25" s="65">
        <v>0</v>
      </c>
      <c r="EI25" s="66">
        <v>52</v>
      </c>
      <c r="EJ25" s="66">
        <v>49</v>
      </c>
      <c r="EK25" s="66">
        <v>32</v>
      </c>
      <c r="EL25" s="66">
        <v>51</v>
      </c>
      <c r="EM25" s="66">
        <v>37</v>
      </c>
      <c r="EN25" s="64">
        <v>221</v>
      </c>
      <c r="EO25" s="68">
        <v>231</v>
      </c>
      <c r="EP25" s="63">
        <v>135</v>
      </c>
      <c r="EQ25" s="66">
        <v>281</v>
      </c>
      <c r="ER25" s="64">
        <v>416</v>
      </c>
      <c r="ES25" s="65">
        <v>0</v>
      </c>
      <c r="ET25" s="66">
        <v>513</v>
      </c>
      <c r="EU25" s="66">
        <v>537</v>
      </c>
      <c r="EV25" s="66">
        <v>284</v>
      </c>
      <c r="EW25" s="66">
        <v>208</v>
      </c>
      <c r="EX25" s="66">
        <v>93</v>
      </c>
      <c r="EY25" s="64">
        <v>1635</v>
      </c>
      <c r="EZ25" s="68">
        <v>2051</v>
      </c>
    </row>
    <row r="26" spans="2:156" ht="21" customHeight="1" x14ac:dyDescent="0.2">
      <c r="B26" s="131" t="s">
        <v>24</v>
      </c>
      <c r="C26" s="63">
        <v>0</v>
      </c>
      <c r="D26" s="66">
        <v>0</v>
      </c>
      <c r="E26" s="111">
        <v>0</v>
      </c>
      <c r="F26" s="65">
        <v>0</v>
      </c>
      <c r="G26" s="66">
        <v>78</v>
      </c>
      <c r="H26" s="66">
        <v>63</v>
      </c>
      <c r="I26" s="66">
        <v>41</v>
      </c>
      <c r="J26" s="66">
        <v>41</v>
      </c>
      <c r="K26" s="66">
        <v>31</v>
      </c>
      <c r="L26" s="67">
        <v>254</v>
      </c>
      <c r="M26" s="68">
        <v>254</v>
      </c>
      <c r="N26" s="63">
        <v>0</v>
      </c>
      <c r="O26" s="66">
        <v>0</v>
      </c>
      <c r="P26" s="64">
        <v>0</v>
      </c>
      <c r="Q26" s="65">
        <v>0</v>
      </c>
      <c r="R26" s="66">
        <v>1</v>
      </c>
      <c r="S26" s="66">
        <v>4</v>
      </c>
      <c r="T26" s="66">
        <v>6</v>
      </c>
      <c r="U26" s="66">
        <v>8</v>
      </c>
      <c r="V26" s="66">
        <v>29</v>
      </c>
      <c r="W26" s="64">
        <v>48</v>
      </c>
      <c r="X26" s="68">
        <v>48</v>
      </c>
      <c r="Y26" s="63">
        <v>17</v>
      </c>
      <c r="Z26" s="66">
        <v>27</v>
      </c>
      <c r="AA26" s="64">
        <v>44</v>
      </c>
      <c r="AB26" s="65">
        <v>0</v>
      </c>
      <c r="AC26" s="66">
        <v>68</v>
      </c>
      <c r="AD26" s="66">
        <v>78</v>
      </c>
      <c r="AE26" s="66">
        <v>35</v>
      </c>
      <c r="AF26" s="66">
        <v>42</v>
      </c>
      <c r="AG26" s="66">
        <v>31</v>
      </c>
      <c r="AH26" s="64">
        <v>254</v>
      </c>
      <c r="AI26" s="68">
        <v>298</v>
      </c>
      <c r="AJ26" s="63">
        <v>0</v>
      </c>
      <c r="AK26" s="66">
        <v>1</v>
      </c>
      <c r="AL26" s="64">
        <v>1</v>
      </c>
      <c r="AM26" s="65">
        <v>0</v>
      </c>
      <c r="AN26" s="66">
        <v>3</v>
      </c>
      <c r="AO26" s="66">
        <v>5</v>
      </c>
      <c r="AP26" s="66">
        <v>2</v>
      </c>
      <c r="AQ26" s="66">
        <v>5</v>
      </c>
      <c r="AR26" s="66">
        <v>3</v>
      </c>
      <c r="AS26" s="64">
        <v>18</v>
      </c>
      <c r="AT26" s="68">
        <v>19</v>
      </c>
      <c r="AU26" s="63">
        <v>20</v>
      </c>
      <c r="AV26" s="66">
        <v>20</v>
      </c>
      <c r="AW26" s="64">
        <v>40</v>
      </c>
      <c r="AX26" s="65">
        <v>0</v>
      </c>
      <c r="AY26" s="66">
        <v>95</v>
      </c>
      <c r="AZ26" s="66">
        <v>86</v>
      </c>
      <c r="BA26" s="66">
        <v>77</v>
      </c>
      <c r="BB26" s="66">
        <v>94</v>
      </c>
      <c r="BC26" s="66">
        <v>75</v>
      </c>
      <c r="BD26" s="67">
        <v>427</v>
      </c>
      <c r="BE26" s="68">
        <v>467</v>
      </c>
      <c r="BF26" s="63">
        <v>0</v>
      </c>
      <c r="BG26" s="66">
        <v>0</v>
      </c>
      <c r="BH26" s="64">
        <v>0</v>
      </c>
      <c r="BI26" s="65">
        <v>0</v>
      </c>
      <c r="BJ26" s="66">
        <v>131</v>
      </c>
      <c r="BK26" s="66">
        <v>89</v>
      </c>
      <c r="BL26" s="66">
        <v>28</v>
      </c>
      <c r="BM26" s="66">
        <v>23</v>
      </c>
      <c r="BN26" s="66">
        <v>10</v>
      </c>
      <c r="BO26" s="64">
        <v>281</v>
      </c>
      <c r="BP26" s="68">
        <v>281</v>
      </c>
      <c r="BQ26" s="63">
        <v>14</v>
      </c>
      <c r="BR26" s="66">
        <v>13</v>
      </c>
      <c r="BS26" s="64">
        <v>27</v>
      </c>
      <c r="BT26" s="65">
        <v>0</v>
      </c>
      <c r="BU26" s="66">
        <v>46</v>
      </c>
      <c r="BV26" s="66">
        <v>29</v>
      </c>
      <c r="BW26" s="66">
        <v>25</v>
      </c>
      <c r="BX26" s="66">
        <v>16</v>
      </c>
      <c r="BY26" s="66">
        <v>10</v>
      </c>
      <c r="BZ26" s="64">
        <v>126</v>
      </c>
      <c r="CA26" s="68">
        <v>153</v>
      </c>
      <c r="CB26" s="63">
        <v>3</v>
      </c>
      <c r="CC26" s="66">
        <v>1</v>
      </c>
      <c r="CD26" s="64">
        <v>4</v>
      </c>
      <c r="CE26" s="65">
        <v>0</v>
      </c>
      <c r="CF26" s="66">
        <v>18</v>
      </c>
      <c r="CG26" s="66">
        <v>22</v>
      </c>
      <c r="CH26" s="66">
        <v>18</v>
      </c>
      <c r="CI26" s="66">
        <v>22</v>
      </c>
      <c r="CJ26" s="66">
        <v>11</v>
      </c>
      <c r="CK26" s="64">
        <v>91</v>
      </c>
      <c r="CL26" s="68">
        <v>95</v>
      </c>
      <c r="CM26" s="63">
        <v>0</v>
      </c>
      <c r="CN26" s="66">
        <v>0</v>
      </c>
      <c r="CO26" s="64">
        <v>0</v>
      </c>
      <c r="CP26" s="65">
        <v>0</v>
      </c>
      <c r="CQ26" s="66">
        <v>1</v>
      </c>
      <c r="CR26" s="66">
        <v>0</v>
      </c>
      <c r="CS26" s="66">
        <v>2</v>
      </c>
      <c r="CT26" s="66">
        <v>2</v>
      </c>
      <c r="CU26" s="66">
        <v>2</v>
      </c>
      <c r="CV26" s="64">
        <v>7</v>
      </c>
      <c r="CW26" s="68">
        <v>7</v>
      </c>
      <c r="CX26" s="63">
        <v>0</v>
      </c>
      <c r="CY26" s="66">
        <v>0</v>
      </c>
      <c r="CZ26" s="64">
        <v>0</v>
      </c>
      <c r="DA26" s="65">
        <v>0</v>
      </c>
      <c r="DB26" s="66">
        <v>0</v>
      </c>
      <c r="DC26" s="66">
        <v>0</v>
      </c>
      <c r="DD26" s="66">
        <v>0</v>
      </c>
      <c r="DE26" s="66">
        <v>0</v>
      </c>
      <c r="DF26" s="66">
        <v>0</v>
      </c>
      <c r="DG26" s="64">
        <v>0</v>
      </c>
      <c r="DH26" s="68">
        <v>0</v>
      </c>
      <c r="DI26" s="63">
        <v>0</v>
      </c>
      <c r="DJ26" s="66">
        <v>0</v>
      </c>
      <c r="DK26" s="64">
        <v>0</v>
      </c>
      <c r="DL26" s="65">
        <v>0</v>
      </c>
      <c r="DM26" s="66">
        <v>0</v>
      </c>
      <c r="DN26" s="66">
        <v>0</v>
      </c>
      <c r="DO26" s="66">
        <v>0</v>
      </c>
      <c r="DP26" s="66">
        <v>0</v>
      </c>
      <c r="DQ26" s="66">
        <v>0</v>
      </c>
      <c r="DR26" s="64">
        <v>0</v>
      </c>
      <c r="DS26" s="68">
        <v>0</v>
      </c>
      <c r="DT26" s="63">
        <v>79</v>
      </c>
      <c r="DU26" s="66">
        <v>112</v>
      </c>
      <c r="DV26" s="64">
        <v>191</v>
      </c>
      <c r="DW26" s="65">
        <v>0</v>
      </c>
      <c r="DX26" s="66">
        <v>141</v>
      </c>
      <c r="DY26" s="66">
        <v>165</v>
      </c>
      <c r="DZ26" s="66">
        <v>97</v>
      </c>
      <c r="EA26" s="66">
        <v>90</v>
      </c>
      <c r="EB26" s="66">
        <v>58</v>
      </c>
      <c r="EC26" s="64">
        <v>551</v>
      </c>
      <c r="ED26" s="68">
        <v>742</v>
      </c>
      <c r="EE26" s="63">
        <v>11</v>
      </c>
      <c r="EF26" s="66">
        <v>10</v>
      </c>
      <c r="EG26" s="64">
        <v>21</v>
      </c>
      <c r="EH26" s="65">
        <v>0</v>
      </c>
      <c r="EI26" s="66">
        <v>46</v>
      </c>
      <c r="EJ26" s="66">
        <v>33</v>
      </c>
      <c r="EK26" s="66">
        <v>26</v>
      </c>
      <c r="EL26" s="66">
        <v>34</v>
      </c>
      <c r="EM26" s="66">
        <v>26</v>
      </c>
      <c r="EN26" s="64">
        <v>165</v>
      </c>
      <c r="EO26" s="68">
        <v>186</v>
      </c>
      <c r="EP26" s="63">
        <v>96</v>
      </c>
      <c r="EQ26" s="66">
        <v>124</v>
      </c>
      <c r="ER26" s="64">
        <v>220</v>
      </c>
      <c r="ES26" s="65">
        <v>0</v>
      </c>
      <c r="ET26" s="66">
        <v>218</v>
      </c>
      <c r="EU26" s="66">
        <v>170</v>
      </c>
      <c r="EV26" s="66">
        <v>89</v>
      </c>
      <c r="EW26" s="66">
        <v>80</v>
      </c>
      <c r="EX26" s="66">
        <v>42</v>
      </c>
      <c r="EY26" s="64">
        <v>599</v>
      </c>
      <c r="EZ26" s="68">
        <v>819</v>
      </c>
    </row>
    <row r="27" spans="2:156" ht="21" customHeight="1" x14ac:dyDescent="0.2">
      <c r="B27" s="131" t="s">
        <v>25</v>
      </c>
      <c r="C27" s="63">
        <v>0</v>
      </c>
      <c r="D27" s="66">
        <v>0</v>
      </c>
      <c r="E27" s="111">
        <v>0</v>
      </c>
      <c r="F27" s="65">
        <v>0</v>
      </c>
      <c r="G27" s="66">
        <v>110</v>
      </c>
      <c r="H27" s="66">
        <v>92</v>
      </c>
      <c r="I27" s="66">
        <v>42</v>
      </c>
      <c r="J27" s="66">
        <v>43</v>
      </c>
      <c r="K27" s="66">
        <v>30</v>
      </c>
      <c r="L27" s="67">
        <v>317</v>
      </c>
      <c r="M27" s="68">
        <v>317</v>
      </c>
      <c r="N27" s="63">
        <v>0</v>
      </c>
      <c r="O27" s="66">
        <v>0</v>
      </c>
      <c r="P27" s="64">
        <v>0</v>
      </c>
      <c r="Q27" s="65">
        <v>0</v>
      </c>
      <c r="R27" s="66">
        <v>3</v>
      </c>
      <c r="S27" s="66">
        <v>6</v>
      </c>
      <c r="T27" s="66">
        <v>11</v>
      </c>
      <c r="U27" s="66">
        <v>12</v>
      </c>
      <c r="V27" s="66">
        <v>14</v>
      </c>
      <c r="W27" s="64">
        <v>46</v>
      </c>
      <c r="X27" s="68">
        <v>46</v>
      </c>
      <c r="Y27" s="63">
        <v>20</v>
      </c>
      <c r="Z27" s="66">
        <v>53</v>
      </c>
      <c r="AA27" s="64">
        <v>73</v>
      </c>
      <c r="AB27" s="65">
        <v>0</v>
      </c>
      <c r="AC27" s="66">
        <v>94</v>
      </c>
      <c r="AD27" s="66">
        <v>95</v>
      </c>
      <c r="AE27" s="66">
        <v>42</v>
      </c>
      <c r="AF27" s="66">
        <v>42</v>
      </c>
      <c r="AG27" s="66">
        <v>23</v>
      </c>
      <c r="AH27" s="64">
        <v>296</v>
      </c>
      <c r="AI27" s="68">
        <v>369</v>
      </c>
      <c r="AJ27" s="63">
        <v>1</v>
      </c>
      <c r="AK27" s="66">
        <v>6</v>
      </c>
      <c r="AL27" s="64">
        <v>7</v>
      </c>
      <c r="AM27" s="65">
        <v>0</v>
      </c>
      <c r="AN27" s="66">
        <v>0</v>
      </c>
      <c r="AO27" s="66">
        <v>14</v>
      </c>
      <c r="AP27" s="66">
        <v>5</v>
      </c>
      <c r="AQ27" s="66">
        <v>4</v>
      </c>
      <c r="AR27" s="66">
        <v>4</v>
      </c>
      <c r="AS27" s="64">
        <v>27</v>
      </c>
      <c r="AT27" s="68">
        <v>34</v>
      </c>
      <c r="AU27" s="63">
        <v>10</v>
      </c>
      <c r="AV27" s="66">
        <v>11</v>
      </c>
      <c r="AW27" s="64">
        <v>21</v>
      </c>
      <c r="AX27" s="65">
        <v>0</v>
      </c>
      <c r="AY27" s="66">
        <v>73</v>
      </c>
      <c r="AZ27" s="66">
        <v>71</v>
      </c>
      <c r="BA27" s="66">
        <v>56</v>
      </c>
      <c r="BB27" s="66">
        <v>77</v>
      </c>
      <c r="BC27" s="66">
        <v>54</v>
      </c>
      <c r="BD27" s="67">
        <v>331</v>
      </c>
      <c r="BE27" s="68">
        <v>352</v>
      </c>
      <c r="BF27" s="63">
        <v>0</v>
      </c>
      <c r="BG27" s="66">
        <v>0</v>
      </c>
      <c r="BH27" s="64">
        <v>0</v>
      </c>
      <c r="BI27" s="65">
        <v>0</v>
      </c>
      <c r="BJ27" s="66">
        <v>155</v>
      </c>
      <c r="BK27" s="66">
        <v>101</v>
      </c>
      <c r="BL27" s="66">
        <v>51</v>
      </c>
      <c r="BM27" s="66">
        <v>36</v>
      </c>
      <c r="BN27" s="66">
        <v>13</v>
      </c>
      <c r="BO27" s="64">
        <v>356</v>
      </c>
      <c r="BP27" s="68">
        <v>356</v>
      </c>
      <c r="BQ27" s="63">
        <v>13</v>
      </c>
      <c r="BR27" s="66">
        <v>13</v>
      </c>
      <c r="BS27" s="64">
        <v>26</v>
      </c>
      <c r="BT27" s="65">
        <v>0</v>
      </c>
      <c r="BU27" s="66">
        <v>33</v>
      </c>
      <c r="BV27" s="66">
        <v>55</v>
      </c>
      <c r="BW27" s="66">
        <v>27</v>
      </c>
      <c r="BX27" s="66">
        <v>15</v>
      </c>
      <c r="BY27" s="66">
        <v>4</v>
      </c>
      <c r="BZ27" s="64">
        <v>134</v>
      </c>
      <c r="CA27" s="68">
        <v>160</v>
      </c>
      <c r="CB27" s="63">
        <v>0</v>
      </c>
      <c r="CC27" s="66">
        <v>1</v>
      </c>
      <c r="CD27" s="64">
        <v>1</v>
      </c>
      <c r="CE27" s="65">
        <v>0</v>
      </c>
      <c r="CF27" s="66">
        <v>20</v>
      </c>
      <c r="CG27" s="66">
        <v>24</v>
      </c>
      <c r="CH27" s="66">
        <v>21</v>
      </c>
      <c r="CI27" s="66">
        <v>13</v>
      </c>
      <c r="CJ27" s="66">
        <v>5</v>
      </c>
      <c r="CK27" s="64">
        <v>83</v>
      </c>
      <c r="CL27" s="68">
        <v>84</v>
      </c>
      <c r="CM27" s="63">
        <v>0</v>
      </c>
      <c r="CN27" s="66">
        <v>0</v>
      </c>
      <c r="CO27" s="64">
        <v>0</v>
      </c>
      <c r="CP27" s="65">
        <v>0</v>
      </c>
      <c r="CQ27" s="66">
        <v>1</v>
      </c>
      <c r="CR27" s="66">
        <v>7</v>
      </c>
      <c r="CS27" s="66">
        <v>6</v>
      </c>
      <c r="CT27" s="66">
        <v>2</v>
      </c>
      <c r="CU27" s="66">
        <v>3</v>
      </c>
      <c r="CV27" s="64">
        <v>19</v>
      </c>
      <c r="CW27" s="68">
        <v>19</v>
      </c>
      <c r="CX27" s="63">
        <v>0</v>
      </c>
      <c r="CY27" s="66">
        <v>0</v>
      </c>
      <c r="CZ27" s="64">
        <v>0</v>
      </c>
      <c r="DA27" s="65">
        <v>0</v>
      </c>
      <c r="DB27" s="66">
        <v>0</v>
      </c>
      <c r="DC27" s="66">
        <v>0</v>
      </c>
      <c r="DD27" s="66">
        <v>0</v>
      </c>
      <c r="DE27" s="66">
        <v>0</v>
      </c>
      <c r="DF27" s="66">
        <v>0</v>
      </c>
      <c r="DG27" s="64">
        <v>0</v>
      </c>
      <c r="DH27" s="68">
        <v>0</v>
      </c>
      <c r="DI27" s="63">
        <v>0</v>
      </c>
      <c r="DJ27" s="66">
        <v>0</v>
      </c>
      <c r="DK27" s="64">
        <v>0</v>
      </c>
      <c r="DL27" s="65">
        <v>0</v>
      </c>
      <c r="DM27" s="66">
        <v>0</v>
      </c>
      <c r="DN27" s="66">
        <v>0</v>
      </c>
      <c r="DO27" s="66">
        <v>0</v>
      </c>
      <c r="DP27" s="66">
        <v>0</v>
      </c>
      <c r="DQ27" s="66">
        <v>0</v>
      </c>
      <c r="DR27" s="64">
        <v>0</v>
      </c>
      <c r="DS27" s="68">
        <v>0</v>
      </c>
      <c r="DT27" s="63">
        <v>87</v>
      </c>
      <c r="DU27" s="66">
        <v>157</v>
      </c>
      <c r="DV27" s="64">
        <v>244</v>
      </c>
      <c r="DW27" s="65">
        <v>0</v>
      </c>
      <c r="DX27" s="66">
        <v>139</v>
      </c>
      <c r="DY27" s="66">
        <v>244</v>
      </c>
      <c r="DZ27" s="66">
        <v>118</v>
      </c>
      <c r="EA27" s="66">
        <v>96</v>
      </c>
      <c r="EB27" s="66">
        <v>51</v>
      </c>
      <c r="EC27" s="64">
        <v>648</v>
      </c>
      <c r="ED27" s="68">
        <v>892</v>
      </c>
      <c r="EE27" s="63">
        <v>6</v>
      </c>
      <c r="EF27" s="66">
        <v>3</v>
      </c>
      <c r="EG27" s="64">
        <v>9</v>
      </c>
      <c r="EH27" s="65">
        <v>0</v>
      </c>
      <c r="EI27" s="66">
        <v>20</v>
      </c>
      <c r="EJ27" s="66">
        <v>10</v>
      </c>
      <c r="EK27" s="66">
        <v>12</v>
      </c>
      <c r="EL27" s="66">
        <v>21</v>
      </c>
      <c r="EM27" s="66">
        <v>16</v>
      </c>
      <c r="EN27" s="64">
        <v>79</v>
      </c>
      <c r="EO27" s="68">
        <v>88</v>
      </c>
      <c r="EP27" s="63">
        <v>105</v>
      </c>
      <c r="EQ27" s="66">
        <v>180</v>
      </c>
      <c r="ER27" s="64">
        <v>285</v>
      </c>
      <c r="ES27" s="65">
        <v>0</v>
      </c>
      <c r="ET27" s="66">
        <v>363</v>
      </c>
      <c r="EU27" s="66">
        <v>307</v>
      </c>
      <c r="EV27" s="66">
        <v>143</v>
      </c>
      <c r="EW27" s="66">
        <v>108</v>
      </c>
      <c r="EX27" s="66">
        <v>57</v>
      </c>
      <c r="EY27" s="64">
        <v>978</v>
      </c>
      <c r="EZ27" s="68">
        <v>1263</v>
      </c>
    </row>
    <row r="28" spans="2:156" ht="21" customHeight="1" x14ac:dyDescent="0.2">
      <c r="B28" s="131" t="s">
        <v>26</v>
      </c>
      <c r="C28" s="63">
        <v>0</v>
      </c>
      <c r="D28" s="66">
        <v>0</v>
      </c>
      <c r="E28" s="111">
        <v>0</v>
      </c>
      <c r="F28" s="65">
        <v>0</v>
      </c>
      <c r="G28" s="66">
        <v>73</v>
      </c>
      <c r="H28" s="66">
        <v>89</v>
      </c>
      <c r="I28" s="66">
        <v>58</v>
      </c>
      <c r="J28" s="66">
        <v>33</v>
      </c>
      <c r="K28" s="66">
        <v>54</v>
      </c>
      <c r="L28" s="67">
        <v>307</v>
      </c>
      <c r="M28" s="68">
        <v>307</v>
      </c>
      <c r="N28" s="63">
        <v>0</v>
      </c>
      <c r="O28" s="66">
        <v>0</v>
      </c>
      <c r="P28" s="64">
        <v>0</v>
      </c>
      <c r="Q28" s="65">
        <v>0</v>
      </c>
      <c r="R28" s="66">
        <v>0</v>
      </c>
      <c r="S28" s="66">
        <v>1</v>
      </c>
      <c r="T28" s="66">
        <v>4</v>
      </c>
      <c r="U28" s="66">
        <v>7</v>
      </c>
      <c r="V28" s="66">
        <v>16</v>
      </c>
      <c r="W28" s="64">
        <v>28</v>
      </c>
      <c r="X28" s="68">
        <v>28</v>
      </c>
      <c r="Y28" s="63">
        <v>12</v>
      </c>
      <c r="Z28" s="66">
        <v>20</v>
      </c>
      <c r="AA28" s="64">
        <v>32</v>
      </c>
      <c r="AB28" s="65">
        <v>0</v>
      </c>
      <c r="AC28" s="66">
        <v>72</v>
      </c>
      <c r="AD28" s="66">
        <v>78</v>
      </c>
      <c r="AE28" s="66">
        <v>38</v>
      </c>
      <c r="AF28" s="66">
        <v>37</v>
      </c>
      <c r="AG28" s="66">
        <v>48</v>
      </c>
      <c r="AH28" s="64">
        <v>273</v>
      </c>
      <c r="AI28" s="68">
        <v>305</v>
      </c>
      <c r="AJ28" s="63">
        <v>2</v>
      </c>
      <c r="AK28" s="66">
        <v>1</v>
      </c>
      <c r="AL28" s="64">
        <v>3</v>
      </c>
      <c r="AM28" s="65">
        <v>0</v>
      </c>
      <c r="AN28" s="66">
        <v>1</v>
      </c>
      <c r="AO28" s="66">
        <v>4</v>
      </c>
      <c r="AP28" s="66">
        <v>5</v>
      </c>
      <c r="AQ28" s="66">
        <v>3</v>
      </c>
      <c r="AR28" s="66">
        <v>4</v>
      </c>
      <c r="AS28" s="64">
        <v>17</v>
      </c>
      <c r="AT28" s="68">
        <v>20</v>
      </c>
      <c r="AU28" s="63">
        <v>10</v>
      </c>
      <c r="AV28" s="66">
        <v>5</v>
      </c>
      <c r="AW28" s="64">
        <v>15</v>
      </c>
      <c r="AX28" s="65">
        <v>0</v>
      </c>
      <c r="AY28" s="66">
        <v>61</v>
      </c>
      <c r="AZ28" s="66">
        <v>73</v>
      </c>
      <c r="BA28" s="66">
        <v>90</v>
      </c>
      <c r="BB28" s="66">
        <v>54</v>
      </c>
      <c r="BC28" s="66">
        <v>62</v>
      </c>
      <c r="BD28" s="67">
        <v>340</v>
      </c>
      <c r="BE28" s="68">
        <v>355</v>
      </c>
      <c r="BF28" s="63">
        <v>0</v>
      </c>
      <c r="BG28" s="66">
        <v>0</v>
      </c>
      <c r="BH28" s="64">
        <v>0</v>
      </c>
      <c r="BI28" s="65">
        <v>0</v>
      </c>
      <c r="BJ28" s="66">
        <v>112</v>
      </c>
      <c r="BK28" s="66">
        <v>100</v>
      </c>
      <c r="BL28" s="66">
        <v>48</v>
      </c>
      <c r="BM28" s="66">
        <v>23</v>
      </c>
      <c r="BN28" s="66">
        <v>16</v>
      </c>
      <c r="BO28" s="64">
        <v>299</v>
      </c>
      <c r="BP28" s="68">
        <v>299</v>
      </c>
      <c r="BQ28" s="63">
        <v>8</v>
      </c>
      <c r="BR28" s="66">
        <v>7</v>
      </c>
      <c r="BS28" s="64">
        <v>15</v>
      </c>
      <c r="BT28" s="65">
        <v>0</v>
      </c>
      <c r="BU28" s="66">
        <v>23</v>
      </c>
      <c r="BV28" s="66">
        <v>26</v>
      </c>
      <c r="BW28" s="66">
        <v>14</v>
      </c>
      <c r="BX28" s="66">
        <v>12</v>
      </c>
      <c r="BY28" s="66">
        <v>6</v>
      </c>
      <c r="BZ28" s="64">
        <v>81</v>
      </c>
      <c r="CA28" s="68">
        <v>96</v>
      </c>
      <c r="CB28" s="63">
        <v>0</v>
      </c>
      <c r="CC28" s="66">
        <v>1</v>
      </c>
      <c r="CD28" s="64">
        <v>1</v>
      </c>
      <c r="CE28" s="65">
        <v>0</v>
      </c>
      <c r="CF28" s="66">
        <v>18</v>
      </c>
      <c r="CG28" s="66">
        <v>23</v>
      </c>
      <c r="CH28" s="66">
        <v>18</v>
      </c>
      <c r="CI28" s="66">
        <v>13</v>
      </c>
      <c r="CJ28" s="66">
        <v>15</v>
      </c>
      <c r="CK28" s="64">
        <v>87</v>
      </c>
      <c r="CL28" s="68">
        <v>88</v>
      </c>
      <c r="CM28" s="63">
        <v>0</v>
      </c>
      <c r="CN28" s="66">
        <v>0</v>
      </c>
      <c r="CO28" s="64">
        <v>0</v>
      </c>
      <c r="CP28" s="65">
        <v>0</v>
      </c>
      <c r="CQ28" s="66">
        <v>1</v>
      </c>
      <c r="CR28" s="66">
        <v>3</v>
      </c>
      <c r="CS28" s="66">
        <v>2</v>
      </c>
      <c r="CT28" s="66">
        <v>3</v>
      </c>
      <c r="CU28" s="66">
        <v>2</v>
      </c>
      <c r="CV28" s="64">
        <v>11</v>
      </c>
      <c r="CW28" s="68">
        <v>11</v>
      </c>
      <c r="CX28" s="63">
        <v>0</v>
      </c>
      <c r="CY28" s="66">
        <v>0</v>
      </c>
      <c r="CZ28" s="64">
        <v>0</v>
      </c>
      <c r="DA28" s="65">
        <v>0</v>
      </c>
      <c r="DB28" s="66">
        <v>0</v>
      </c>
      <c r="DC28" s="66">
        <v>0</v>
      </c>
      <c r="DD28" s="66">
        <v>0</v>
      </c>
      <c r="DE28" s="66">
        <v>0</v>
      </c>
      <c r="DF28" s="66">
        <v>0</v>
      </c>
      <c r="DG28" s="64">
        <v>0</v>
      </c>
      <c r="DH28" s="68">
        <v>0</v>
      </c>
      <c r="DI28" s="63">
        <v>0</v>
      </c>
      <c r="DJ28" s="66">
        <v>0</v>
      </c>
      <c r="DK28" s="64">
        <v>0</v>
      </c>
      <c r="DL28" s="65">
        <v>0</v>
      </c>
      <c r="DM28" s="66">
        <v>0</v>
      </c>
      <c r="DN28" s="66">
        <v>0</v>
      </c>
      <c r="DO28" s="66">
        <v>0</v>
      </c>
      <c r="DP28" s="66">
        <v>0</v>
      </c>
      <c r="DQ28" s="66">
        <v>0</v>
      </c>
      <c r="DR28" s="64">
        <v>0</v>
      </c>
      <c r="DS28" s="68">
        <v>0</v>
      </c>
      <c r="DT28" s="63">
        <v>62</v>
      </c>
      <c r="DU28" s="66">
        <v>111</v>
      </c>
      <c r="DV28" s="64">
        <v>173</v>
      </c>
      <c r="DW28" s="65">
        <v>0</v>
      </c>
      <c r="DX28" s="66">
        <v>149</v>
      </c>
      <c r="DY28" s="66">
        <v>186</v>
      </c>
      <c r="DZ28" s="66">
        <v>108</v>
      </c>
      <c r="EA28" s="66">
        <v>76</v>
      </c>
      <c r="EB28" s="66">
        <v>78</v>
      </c>
      <c r="EC28" s="64">
        <v>597</v>
      </c>
      <c r="ED28" s="68">
        <v>770</v>
      </c>
      <c r="EE28" s="63">
        <v>6</v>
      </c>
      <c r="EF28" s="66">
        <v>6</v>
      </c>
      <c r="EG28" s="64">
        <v>12</v>
      </c>
      <c r="EH28" s="65">
        <v>0</v>
      </c>
      <c r="EI28" s="66">
        <v>31</v>
      </c>
      <c r="EJ28" s="66">
        <v>18</v>
      </c>
      <c r="EK28" s="66">
        <v>26</v>
      </c>
      <c r="EL28" s="66">
        <v>18</v>
      </c>
      <c r="EM28" s="66">
        <v>9</v>
      </c>
      <c r="EN28" s="64">
        <v>102</v>
      </c>
      <c r="EO28" s="68">
        <v>114</v>
      </c>
      <c r="EP28" s="63">
        <v>77</v>
      </c>
      <c r="EQ28" s="66">
        <v>126</v>
      </c>
      <c r="ER28" s="64">
        <v>203</v>
      </c>
      <c r="ES28" s="65">
        <v>0</v>
      </c>
      <c r="ET28" s="66">
        <v>278</v>
      </c>
      <c r="EU28" s="66">
        <v>258</v>
      </c>
      <c r="EV28" s="66">
        <v>140</v>
      </c>
      <c r="EW28" s="66">
        <v>78</v>
      </c>
      <c r="EX28" s="66">
        <v>81</v>
      </c>
      <c r="EY28" s="64">
        <v>835</v>
      </c>
      <c r="EZ28" s="68">
        <v>1038</v>
      </c>
    </row>
    <row r="29" spans="2:156" ht="21" customHeight="1" x14ac:dyDescent="0.2">
      <c r="B29" s="131" t="s">
        <v>27</v>
      </c>
      <c r="C29" s="63">
        <v>0</v>
      </c>
      <c r="D29" s="66">
        <v>0</v>
      </c>
      <c r="E29" s="111">
        <v>0</v>
      </c>
      <c r="F29" s="65">
        <v>0</v>
      </c>
      <c r="G29" s="66">
        <v>54</v>
      </c>
      <c r="H29" s="66">
        <v>54</v>
      </c>
      <c r="I29" s="66">
        <v>35</v>
      </c>
      <c r="J29" s="66">
        <v>21</v>
      </c>
      <c r="K29" s="66">
        <v>28</v>
      </c>
      <c r="L29" s="67">
        <v>192</v>
      </c>
      <c r="M29" s="68">
        <v>192</v>
      </c>
      <c r="N29" s="63">
        <v>0</v>
      </c>
      <c r="O29" s="66">
        <v>0</v>
      </c>
      <c r="P29" s="64">
        <v>0</v>
      </c>
      <c r="Q29" s="65">
        <v>0</v>
      </c>
      <c r="R29" s="66">
        <v>2</v>
      </c>
      <c r="S29" s="66">
        <v>6</v>
      </c>
      <c r="T29" s="66">
        <v>6</v>
      </c>
      <c r="U29" s="66">
        <v>8</v>
      </c>
      <c r="V29" s="66">
        <v>16</v>
      </c>
      <c r="W29" s="64">
        <v>38</v>
      </c>
      <c r="X29" s="68">
        <v>38</v>
      </c>
      <c r="Y29" s="63">
        <v>21</v>
      </c>
      <c r="Z29" s="66">
        <v>40</v>
      </c>
      <c r="AA29" s="64">
        <v>61</v>
      </c>
      <c r="AB29" s="65">
        <v>0</v>
      </c>
      <c r="AC29" s="66">
        <v>35</v>
      </c>
      <c r="AD29" s="66">
        <v>49</v>
      </c>
      <c r="AE29" s="66">
        <v>40</v>
      </c>
      <c r="AF29" s="66">
        <v>24</v>
      </c>
      <c r="AG29" s="66">
        <v>25</v>
      </c>
      <c r="AH29" s="64">
        <v>173</v>
      </c>
      <c r="AI29" s="68">
        <v>234</v>
      </c>
      <c r="AJ29" s="63">
        <v>0</v>
      </c>
      <c r="AK29" s="66">
        <v>1</v>
      </c>
      <c r="AL29" s="64">
        <v>1</v>
      </c>
      <c r="AM29" s="65">
        <v>0</v>
      </c>
      <c r="AN29" s="66">
        <v>1</v>
      </c>
      <c r="AO29" s="66">
        <v>2</v>
      </c>
      <c r="AP29" s="66">
        <v>1</v>
      </c>
      <c r="AQ29" s="66">
        <v>0</v>
      </c>
      <c r="AR29" s="66">
        <v>2</v>
      </c>
      <c r="AS29" s="64">
        <v>6</v>
      </c>
      <c r="AT29" s="68">
        <v>7</v>
      </c>
      <c r="AU29" s="63">
        <v>14</v>
      </c>
      <c r="AV29" s="66">
        <v>15</v>
      </c>
      <c r="AW29" s="64">
        <v>29</v>
      </c>
      <c r="AX29" s="65">
        <v>0</v>
      </c>
      <c r="AY29" s="66">
        <v>59</v>
      </c>
      <c r="AZ29" s="66">
        <v>54</v>
      </c>
      <c r="BA29" s="66">
        <v>72</v>
      </c>
      <c r="BB29" s="66">
        <v>64</v>
      </c>
      <c r="BC29" s="66">
        <v>52</v>
      </c>
      <c r="BD29" s="67">
        <v>301</v>
      </c>
      <c r="BE29" s="68">
        <v>330</v>
      </c>
      <c r="BF29" s="63">
        <v>0</v>
      </c>
      <c r="BG29" s="66">
        <v>0</v>
      </c>
      <c r="BH29" s="64">
        <v>0</v>
      </c>
      <c r="BI29" s="65">
        <v>0</v>
      </c>
      <c r="BJ29" s="66">
        <v>106</v>
      </c>
      <c r="BK29" s="66">
        <v>57</v>
      </c>
      <c r="BL29" s="66">
        <v>34</v>
      </c>
      <c r="BM29" s="66">
        <v>25</v>
      </c>
      <c r="BN29" s="66">
        <v>13</v>
      </c>
      <c r="BO29" s="64">
        <v>235</v>
      </c>
      <c r="BP29" s="68">
        <v>235</v>
      </c>
      <c r="BQ29" s="63">
        <v>11</v>
      </c>
      <c r="BR29" s="66">
        <v>28</v>
      </c>
      <c r="BS29" s="64">
        <v>39</v>
      </c>
      <c r="BT29" s="65">
        <v>0</v>
      </c>
      <c r="BU29" s="66">
        <v>20</v>
      </c>
      <c r="BV29" s="66">
        <v>27</v>
      </c>
      <c r="BW29" s="66">
        <v>16</v>
      </c>
      <c r="BX29" s="66">
        <v>3</v>
      </c>
      <c r="BY29" s="66">
        <v>4</v>
      </c>
      <c r="BZ29" s="64">
        <v>70</v>
      </c>
      <c r="CA29" s="68">
        <v>109</v>
      </c>
      <c r="CB29" s="63">
        <v>0</v>
      </c>
      <c r="CC29" s="66">
        <v>0</v>
      </c>
      <c r="CD29" s="64">
        <v>0</v>
      </c>
      <c r="CE29" s="65">
        <v>0</v>
      </c>
      <c r="CF29" s="66">
        <v>8</v>
      </c>
      <c r="CG29" s="66">
        <v>10</v>
      </c>
      <c r="CH29" s="66">
        <v>14</v>
      </c>
      <c r="CI29" s="66">
        <v>9</v>
      </c>
      <c r="CJ29" s="66">
        <v>4</v>
      </c>
      <c r="CK29" s="64">
        <v>45</v>
      </c>
      <c r="CL29" s="68">
        <v>45</v>
      </c>
      <c r="CM29" s="63">
        <v>1</v>
      </c>
      <c r="CN29" s="66">
        <v>0</v>
      </c>
      <c r="CO29" s="64">
        <v>1</v>
      </c>
      <c r="CP29" s="65">
        <v>0</v>
      </c>
      <c r="CQ29" s="66">
        <v>0</v>
      </c>
      <c r="CR29" s="66">
        <v>1</v>
      </c>
      <c r="CS29" s="66">
        <v>1</v>
      </c>
      <c r="CT29" s="66">
        <v>1</v>
      </c>
      <c r="CU29" s="66">
        <v>1</v>
      </c>
      <c r="CV29" s="64">
        <v>4</v>
      </c>
      <c r="CW29" s="68">
        <v>5</v>
      </c>
      <c r="CX29" s="63">
        <v>0</v>
      </c>
      <c r="CY29" s="66">
        <v>0</v>
      </c>
      <c r="CZ29" s="64">
        <v>0</v>
      </c>
      <c r="DA29" s="65">
        <v>0</v>
      </c>
      <c r="DB29" s="66">
        <v>0</v>
      </c>
      <c r="DC29" s="66">
        <v>0</v>
      </c>
      <c r="DD29" s="66">
        <v>0</v>
      </c>
      <c r="DE29" s="66">
        <v>0</v>
      </c>
      <c r="DF29" s="66">
        <v>0</v>
      </c>
      <c r="DG29" s="64">
        <v>0</v>
      </c>
      <c r="DH29" s="68">
        <v>0</v>
      </c>
      <c r="DI29" s="63">
        <v>0</v>
      </c>
      <c r="DJ29" s="66">
        <v>0</v>
      </c>
      <c r="DK29" s="64">
        <v>0</v>
      </c>
      <c r="DL29" s="65">
        <v>0</v>
      </c>
      <c r="DM29" s="66">
        <v>0</v>
      </c>
      <c r="DN29" s="66">
        <v>0</v>
      </c>
      <c r="DO29" s="66">
        <v>0</v>
      </c>
      <c r="DP29" s="66">
        <v>0</v>
      </c>
      <c r="DQ29" s="66">
        <v>0</v>
      </c>
      <c r="DR29" s="64">
        <v>0</v>
      </c>
      <c r="DS29" s="68">
        <v>0</v>
      </c>
      <c r="DT29" s="63">
        <v>91</v>
      </c>
      <c r="DU29" s="66">
        <v>148</v>
      </c>
      <c r="DV29" s="64">
        <v>239</v>
      </c>
      <c r="DW29" s="65">
        <v>0</v>
      </c>
      <c r="DX29" s="66">
        <v>80</v>
      </c>
      <c r="DY29" s="66">
        <v>123</v>
      </c>
      <c r="DZ29" s="66">
        <v>86</v>
      </c>
      <c r="EA29" s="66">
        <v>49</v>
      </c>
      <c r="EB29" s="66">
        <v>41</v>
      </c>
      <c r="EC29" s="64">
        <v>379</v>
      </c>
      <c r="ED29" s="68">
        <v>618</v>
      </c>
      <c r="EE29" s="63">
        <v>11</v>
      </c>
      <c r="EF29" s="66">
        <v>13</v>
      </c>
      <c r="EG29" s="64">
        <v>24</v>
      </c>
      <c r="EH29" s="65">
        <v>0</v>
      </c>
      <c r="EI29" s="66">
        <v>41</v>
      </c>
      <c r="EJ29" s="66">
        <v>29</v>
      </c>
      <c r="EK29" s="66">
        <v>31</v>
      </c>
      <c r="EL29" s="66">
        <v>33</v>
      </c>
      <c r="EM29" s="66">
        <v>18</v>
      </c>
      <c r="EN29" s="64">
        <v>152</v>
      </c>
      <c r="EO29" s="68">
        <v>176</v>
      </c>
      <c r="EP29" s="63">
        <v>119</v>
      </c>
      <c r="EQ29" s="66">
        <v>170</v>
      </c>
      <c r="ER29" s="64">
        <v>289</v>
      </c>
      <c r="ES29" s="65">
        <v>0</v>
      </c>
      <c r="ET29" s="66">
        <v>206</v>
      </c>
      <c r="EU29" s="66">
        <v>151</v>
      </c>
      <c r="EV29" s="66">
        <v>90</v>
      </c>
      <c r="EW29" s="66">
        <v>49</v>
      </c>
      <c r="EX29" s="66">
        <v>42</v>
      </c>
      <c r="EY29" s="64">
        <v>538</v>
      </c>
      <c r="EZ29" s="68">
        <v>827</v>
      </c>
    </row>
    <row r="30" spans="2:156" ht="21" customHeight="1" x14ac:dyDescent="0.2">
      <c r="B30" s="131" t="s">
        <v>28</v>
      </c>
      <c r="C30" s="63">
        <v>0</v>
      </c>
      <c r="D30" s="66">
        <v>0</v>
      </c>
      <c r="E30" s="111">
        <v>0</v>
      </c>
      <c r="F30" s="65">
        <v>0</v>
      </c>
      <c r="G30" s="66">
        <v>16</v>
      </c>
      <c r="H30" s="66">
        <v>15</v>
      </c>
      <c r="I30" s="66">
        <v>7</v>
      </c>
      <c r="J30" s="66">
        <v>10</v>
      </c>
      <c r="K30" s="66">
        <v>5</v>
      </c>
      <c r="L30" s="67">
        <v>53</v>
      </c>
      <c r="M30" s="68">
        <v>53</v>
      </c>
      <c r="N30" s="63">
        <v>0</v>
      </c>
      <c r="O30" s="66">
        <v>0</v>
      </c>
      <c r="P30" s="64">
        <v>0</v>
      </c>
      <c r="Q30" s="65">
        <v>0</v>
      </c>
      <c r="R30" s="66">
        <v>0</v>
      </c>
      <c r="S30" s="66">
        <v>1</v>
      </c>
      <c r="T30" s="66">
        <v>2</v>
      </c>
      <c r="U30" s="66">
        <v>2</v>
      </c>
      <c r="V30" s="66">
        <v>4</v>
      </c>
      <c r="W30" s="64">
        <v>9</v>
      </c>
      <c r="X30" s="68">
        <v>9</v>
      </c>
      <c r="Y30" s="63">
        <v>1</v>
      </c>
      <c r="Z30" s="66">
        <v>4</v>
      </c>
      <c r="AA30" s="64">
        <v>5</v>
      </c>
      <c r="AB30" s="65">
        <v>0</v>
      </c>
      <c r="AC30" s="66">
        <v>10</v>
      </c>
      <c r="AD30" s="66">
        <v>17</v>
      </c>
      <c r="AE30" s="66">
        <v>8</v>
      </c>
      <c r="AF30" s="66">
        <v>13</v>
      </c>
      <c r="AG30" s="66">
        <v>8</v>
      </c>
      <c r="AH30" s="64">
        <v>56</v>
      </c>
      <c r="AI30" s="68">
        <v>61</v>
      </c>
      <c r="AJ30" s="63">
        <v>0</v>
      </c>
      <c r="AK30" s="66">
        <v>0</v>
      </c>
      <c r="AL30" s="64">
        <v>0</v>
      </c>
      <c r="AM30" s="65">
        <v>0</v>
      </c>
      <c r="AN30" s="66">
        <v>1</v>
      </c>
      <c r="AO30" s="66">
        <v>0</v>
      </c>
      <c r="AP30" s="66">
        <v>0</v>
      </c>
      <c r="AQ30" s="66">
        <v>1</v>
      </c>
      <c r="AR30" s="66">
        <v>2</v>
      </c>
      <c r="AS30" s="64">
        <v>4</v>
      </c>
      <c r="AT30" s="68">
        <v>4</v>
      </c>
      <c r="AU30" s="63">
        <v>1</v>
      </c>
      <c r="AV30" s="66">
        <v>1</v>
      </c>
      <c r="AW30" s="64">
        <v>2</v>
      </c>
      <c r="AX30" s="65">
        <v>0</v>
      </c>
      <c r="AY30" s="66">
        <v>11</v>
      </c>
      <c r="AZ30" s="66">
        <v>27</v>
      </c>
      <c r="BA30" s="66">
        <v>12</v>
      </c>
      <c r="BB30" s="66">
        <v>17</v>
      </c>
      <c r="BC30" s="66">
        <v>13</v>
      </c>
      <c r="BD30" s="67">
        <v>80</v>
      </c>
      <c r="BE30" s="68">
        <v>82</v>
      </c>
      <c r="BF30" s="63">
        <v>0</v>
      </c>
      <c r="BG30" s="66">
        <v>0</v>
      </c>
      <c r="BH30" s="64">
        <v>0</v>
      </c>
      <c r="BI30" s="65">
        <v>0</v>
      </c>
      <c r="BJ30" s="66">
        <v>25</v>
      </c>
      <c r="BK30" s="66">
        <v>35</v>
      </c>
      <c r="BL30" s="66">
        <v>20</v>
      </c>
      <c r="BM30" s="66">
        <v>10</v>
      </c>
      <c r="BN30" s="66">
        <v>5</v>
      </c>
      <c r="BO30" s="64">
        <v>95</v>
      </c>
      <c r="BP30" s="68">
        <v>95</v>
      </c>
      <c r="BQ30" s="63">
        <v>1</v>
      </c>
      <c r="BR30" s="66">
        <v>4</v>
      </c>
      <c r="BS30" s="64">
        <v>5</v>
      </c>
      <c r="BT30" s="65">
        <v>0</v>
      </c>
      <c r="BU30" s="66">
        <v>11</v>
      </c>
      <c r="BV30" s="66">
        <v>15</v>
      </c>
      <c r="BW30" s="66">
        <v>6</v>
      </c>
      <c r="BX30" s="66">
        <v>7</v>
      </c>
      <c r="BY30" s="66">
        <v>4</v>
      </c>
      <c r="BZ30" s="64">
        <v>43</v>
      </c>
      <c r="CA30" s="68">
        <v>48</v>
      </c>
      <c r="CB30" s="63">
        <v>0</v>
      </c>
      <c r="CC30" s="66">
        <v>1</v>
      </c>
      <c r="CD30" s="64">
        <v>1</v>
      </c>
      <c r="CE30" s="65">
        <v>0</v>
      </c>
      <c r="CF30" s="66">
        <v>4</v>
      </c>
      <c r="CG30" s="66">
        <v>5</v>
      </c>
      <c r="CH30" s="66">
        <v>7</v>
      </c>
      <c r="CI30" s="66">
        <v>8</v>
      </c>
      <c r="CJ30" s="66">
        <v>1</v>
      </c>
      <c r="CK30" s="64">
        <v>25</v>
      </c>
      <c r="CL30" s="68">
        <v>26</v>
      </c>
      <c r="CM30" s="63">
        <v>0</v>
      </c>
      <c r="CN30" s="66">
        <v>0</v>
      </c>
      <c r="CO30" s="64">
        <v>0</v>
      </c>
      <c r="CP30" s="65">
        <v>0</v>
      </c>
      <c r="CQ30" s="66">
        <v>1</v>
      </c>
      <c r="CR30" s="66">
        <v>1</v>
      </c>
      <c r="CS30" s="66">
        <v>5</v>
      </c>
      <c r="CT30" s="66">
        <v>0</v>
      </c>
      <c r="CU30" s="66">
        <v>0</v>
      </c>
      <c r="CV30" s="64">
        <v>7</v>
      </c>
      <c r="CW30" s="68">
        <v>7</v>
      </c>
      <c r="CX30" s="63">
        <v>0</v>
      </c>
      <c r="CY30" s="66">
        <v>0</v>
      </c>
      <c r="CZ30" s="64">
        <v>0</v>
      </c>
      <c r="DA30" s="65">
        <v>0</v>
      </c>
      <c r="DB30" s="66">
        <v>0</v>
      </c>
      <c r="DC30" s="66">
        <v>0</v>
      </c>
      <c r="DD30" s="66">
        <v>0</v>
      </c>
      <c r="DE30" s="66">
        <v>0</v>
      </c>
      <c r="DF30" s="66">
        <v>0</v>
      </c>
      <c r="DG30" s="64">
        <v>0</v>
      </c>
      <c r="DH30" s="68">
        <v>0</v>
      </c>
      <c r="DI30" s="63">
        <v>0</v>
      </c>
      <c r="DJ30" s="66">
        <v>0</v>
      </c>
      <c r="DK30" s="64">
        <v>0</v>
      </c>
      <c r="DL30" s="65">
        <v>0</v>
      </c>
      <c r="DM30" s="66">
        <v>0</v>
      </c>
      <c r="DN30" s="66">
        <v>0</v>
      </c>
      <c r="DO30" s="66">
        <v>0</v>
      </c>
      <c r="DP30" s="66">
        <v>0</v>
      </c>
      <c r="DQ30" s="66">
        <v>0</v>
      </c>
      <c r="DR30" s="64">
        <v>0</v>
      </c>
      <c r="DS30" s="68">
        <v>0</v>
      </c>
      <c r="DT30" s="63">
        <v>8</v>
      </c>
      <c r="DU30" s="66">
        <v>19</v>
      </c>
      <c r="DV30" s="64">
        <v>27</v>
      </c>
      <c r="DW30" s="65">
        <v>0</v>
      </c>
      <c r="DX30" s="66">
        <v>41</v>
      </c>
      <c r="DY30" s="66">
        <v>65</v>
      </c>
      <c r="DZ30" s="66">
        <v>32</v>
      </c>
      <c r="EA30" s="66">
        <v>24</v>
      </c>
      <c r="EB30" s="66">
        <v>14</v>
      </c>
      <c r="EC30" s="64">
        <v>176</v>
      </c>
      <c r="ED30" s="68">
        <v>203</v>
      </c>
      <c r="EE30" s="63">
        <v>0</v>
      </c>
      <c r="EF30" s="66">
        <v>0</v>
      </c>
      <c r="EG30" s="64">
        <v>0</v>
      </c>
      <c r="EH30" s="65">
        <v>0</v>
      </c>
      <c r="EI30" s="66">
        <v>5</v>
      </c>
      <c r="EJ30" s="66">
        <v>8</v>
      </c>
      <c r="EK30" s="66">
        <v>3</v>
      </c>
      <c r="EL30" s="66">
        <v>4</v>
      </c>
      <c r="EM30" s="66">
        <v>2</v>
      </c>
      <c r="EN30" s="64">
        <v>22</v>
      </c>
      <c r="EO30" s="68">
        <v>22</v>
      </c>
      <c r="EP30" s="63">
        <v>9</v>
      </c>
      <c r="EQ30" s="66">
        <v>20</v>
      </c>
      <c r="ER30" s="64">
        <v>29</v>
      </c>
      <c r="ES30" s="65">
        <v>0</v>
      </c>
      <c r="ET30" s="66">
        <v>82</v>
      </c>
      <c r="EU30" s="66">
        <v>90</v>
      </c>
      <c r="EV30" s="66">
        <v>41</v>
      </c>
      <c r="EW30" s="66">
        <v>28</v>
      </c>
      <c r="EX30" s="66">
        <v>14</v>
      </c>
      <c r="EY30" s="64">
        <v>255</v>
      </c>
      <c r="EZ30" s="68">
        <v>284</v>
      </c>
    </row>
    <row r="31" spans="2:156" ht="21" customHeight="1" x14ac:dyDescent="0.2">
      <c r="B31" s="131" t="s">
        <v>29</v>
      </c>
      <c r="C31" s="63">
        <v>0</v>
      </c>
      <c r="D31" s="66">
        <v>0</v>
      </c>
      <c r="E31" s="111">
        <v>0</v>
      </c>
      <c r="F31" s="65">
        <v>0</v>
      </c>
      <c r="G31" s="66">
        <v>20</v>
      </c>
      <c r="H31" s="66">
        <v>24</v>
      </c>
      <c r="I31" s="66">
        <v>20</v>
      </c>
      <c r="J31" s="66">
        <v>11</v>
      </c>
      <c r="K31" s="66">
        <v>14</v>
      </c>
      <c r="L31" s="67">
        <v>89</v>
      </c>
      <c r="M31" s="68">
        <v>89</v>
      </c>
      <c r="N31" s="63">
        <v>0</v>
      </c>
      <c r="O31" s="66">
        <v>0</v>
      </c>
      <c r="P31" s="64">
        <v>0</v>
      </c>
      <c r="Q31" s="65">
        <v>0</v>
      </c>
      <c r="R31" s="66">
        <v>0</v>
      </c>
      <c r="S31" s="66">
        <v>0</v>
      </c>
      <c r="T31" s="66">
        <v>0</v>
      </c>
      <c r="U31" s="66">
        <v>3</v>
      </c>
      <c r="V31" s="66">
        <v>10</v>
      </c>
      <c r="W31" s="64">
        <v>13</v>
      </c>
      <c r="X31" s="68">
        <v>13</v>
      </c>
      <c r="Y31" s="63">
        <v>2</v>
      </c>
      <c r="Z31" s="66">
        <v>5</v>
      </c>
      <c r="AA31" s="64">
        <v>7</v>
      </c>
      <c r="AB31" s="65">
        <v>0</v>
      </c>
      <c r="AC31" s="66">
        <v>25</v>
      </c>
      <c r="AD31" s="66">
        <v>20</v>
      </c>
      <c r="AE31" s="66">
        <v>18</v>
      </c>
      <c r="AF31" s="66">
        <v>8</v>
      </c>
      <c r="AG31" s="66">
        <v>13</v>
      </c>
      <c r="AH31" s="64">
        <v>84</v>
      </c>
      <c r="AI31" s="68">
        <v>91</v>
      </c>
      <c r="AJ31" s="63">
        <v>0</v>
      </c>
      <c r="AK31" s="66">
        <v>1</v>
      </c>
      <c r="AL31" s="64">
        <v>1</v>
      </c>
      <c r="AM31" s="65">
        <v>0</v>
      </c>
      <c r="AN31" s="66">
        <v>3</v>
      </c>
      <c r="AO31" s="66">
        <v>1</v>
      </c>
      <c r="AP31" s="66">
        <v>2</v>
      </c>
      <c r="AQ31" s="66">
        <v>2</v>
      </c>
      <c r="AR31" s="66">
        <v>0</v>
      </c>
      <c r="AS31" s="64">
        <v>8</v>
      </c>
      <c r="AT31" s="68">
        <v>9</v>
      </c>
      <c r="AU31" s="63">
        <v>3</v>
      </c>
      <c r="AV31" s="66">
        <v>3</v>
      </c>
      <c r="AW31" s="64">
        <v>6</v>
      </c>
      <c r="AX31" s="65">
        <v>0</v>
      </c>
      <c r="AY31" s="66">
        <v>24</v>
      </c>
      <c r="AZ31" s="66">
        <v>25</v>
      </c>
      <c r="BA31" s="66">
        <v>21</v>
      </c>
      <c r="BB31" s="66">
        <v>21</v>
      </c>
      <c r="BC31" s="66">
        <v>15</v>
      </c>
      <c r="BD31" s="67">
        <v>106</v>
      </c>
      <c r="BE31" s="68">
        <v>112</v>
      </c>
      <c r="BF31" s="63">
        <v>0</v>
      </c>
      <c r="BG31" s="66">
        <v>0</v>
      </c>
      <c r="BH31" s="64">
        <v>0</v>
      </c>
      <c r="BI31" s="65">
        <v>0</v>
      </c>
      <c r="BJ31" s="66">
        <v>31</v>
      </c>
      <c r="BK31" s="66">
        <v>38</v>
      </c>
      <c r="BL31" s="66">
        <v>23</v>
      </c>
      <c r="BM31" s="66">
        <v>10</v>
      </c>
      <c r="BN31" s="66">
        <v>11</v>
      </c>
      <c r="BO31" s="64">
        <v>113</v>
      </c>
      <c r="BP31" s="68">
        <v>113</v>
      </c>
      <c r="BQ31" s="63">
        <v>2</v>
      </c>
      <c r="BR31" s="66">
        <v>5</v>
      </c>
      <c r="BS31" s="64">
        <v>7</v>
      </c>
      <c r="BT31" s="65">
        <v>0</v>
      </c>
      <c r="BU31" s="66">
        <v>12</v>
      </c>
      <c r="BV31" s="66">
        <v>10</v>
      </c>
      <c r="BW31" s="66">
        <v>12</v>
      </c>
      <c r="BX31" s="66">
        <v>2</v>
      </c>
      <c r="BY31" s="66">
        <v>1</v>
      </c>
      <c r="BZ31" s="64">
        <v>37</v>
      </c>
      <c r="CA31" s="68">
        <v>44</v>
      </c>
      <c r="CB31" s="63">
        <v>0</v>
      </c>
      <c r="CC31" s="66">
        <v>0</v>
      </c>
      <c r="CD31" s="64">
        <v>0</v>
      </c>
      <c r="CE31" s="65">
        <v>0</v>
      </c>
      <c r="CF31" s="66">
        <v>3</v>
      </c>
      <c r="CG31" s="66">
        <v>10</v>
      </c>
      <c r="CH31" s="66">
        <v>15</v>
      </c>
      <c r="CI31" s="66">
        <v>9</v>
      </c>
      <c r="CJ31" s="66">
        <v>7</v>
      </c>
      <c r="CK31" s="64">
        <v>44</v>
      </c>
      <c r="CL31" s="68">
        <v>44</v>
      </c>
      <c r="CM31" s="63">
        <v>0</v>
      </c>
      <c r="CN31" s="66">
        <v>0</v>
      </c>
      <c r="CO31" s="64">
        <v>0</v>
      </c>
      <c r="CP31" s="65">
        <v>0</v>
      </c>
      <c r="CQ31" s="66">
        <v>1</v>
      </c>
      <c r="CR31" s="66">
        <v>2</v>
      </c>
      <c r="CS31" s="66">
        <v>2</v>
      </c>
      <c r="CT31" s="66">
        <v>1</v>
      </c>
      <c r="CU31" s="66">
        <v>0</v>
      </c>
      <c r="CV31" s="64">
        <v>6</v>
      </c>
      <c r="CW31" s="68">
        <v>6</v>
      </c>
      <c r="CX31" s="63">
        <v>0</v>
      </c>
      <c r="CY31" s="66">
        <v>0</v>
      </c>
      <c r="CZ31" s="64">
        <v>0</v>
      </c>
      <c r="DA31" s="65">
        <v>0</v>
      </c>
      <c r="DB31" s="66">
        <v>0</v>
      </c>
      <c r="DC31" s="66">
        <v>0</v>
      </c>
      <c r="DD31" s="66">
        <v>0</v>
      </c>
      <c r="DE31" s="66">
        <v>0</v>
      </c>
      <c r="DF31" s="66">
        <v>0</v>
      </c>
      <c r="DG31" s="64">
        <v>0</v>
      </c>
      <c r="DH31" s="68">
        <v>0</v>
      </c>
      <c r="DI31" s="63">
        <v>0</v>
      </c>
      <c r="DJ31" s="66">
        <v>0</v>
      </c>
      <c r="DK31" s="64">
        <v>0</v>
      </c>
      <c r="DL31" s="65">
        <v>0</v>
      </c>
      <c r="DM31" s="66">
        <v>0</v>
      </c>
      <c r="DN31" s="66">
        <v>0</v>
      </c>
      <c r="DO31" s="66">
        <v>0</v>
      </c>
      <c r="DP31" s="66">
        <v>0</v>
      </c>
      <c r="DQ31" s="66">
        <v>0</v>
      </c>
      <c r="DR31" s="64">
        <v>0</v>
      </c>
      <c r="DS31" s="68">
        <v>0</v>
      </c>
      <c r="DT31" s="63">
        <v>27</v>
      </c>
      <c r="DU31" s="66">
        <v>32</v>
      </c>
      <c r="DV31" s="64">
        <v>59</v>
      </c>
      <c r="DW31" s="65">
        <v>0</v>
      </c>
      <c r="DX31" s="66">
        <v>44</v>
      </c>
      <c r="DY31" s="66">
        <v>61</v>
      </c>
      <c r="DZ31" s="66">
        <v>48</v>
      </c>
      <c r="EA31" s="66">
        <v>33</v>
      </c>
      <c r="EB31" s="66">
        <v>26</v>
      </c>
      <c r="EC31" s="64">
        <v>212</v>
      </c>
      <c r="ED31" s="68">
        <v>271</v>
      </c>
      <c r="EE31" s="63">
        <v>2</v>
      </c>
      <c r="EF31" s="66">
        <v>0</v>
      </c>
      <c r="EG31" s="64">
        <v>2</v>
      </c>
      <c r="EH31" s="65">
        <v>0</v>
      </c>
      <c r="EI31" s="66">
        <v>8</v>
      </c>
      <c r="EJ31" s="66">
        <v>7</v>
      </c>
      <c r="EK31" s="66">
        <v>4</v>
      </c>
      <c r="EL31" s="66">
        <v>8</v>
      </c>
      <c r="EM31" s="66">
        <v>4</v>
      </c>
      <c r="EN31" s="64">
        <v>31</v>
      </c>
      <c r="EO31" s="68">
        <v>33</v>
      </c>
      <c r="EP31" s="63">
        <v>30</v>
      </c>
      <c r="EQ31" s="66">
        <v>37</v>
      </c>
      <c r="ER31" s="64">
        <v>67</v>
      </c>
      <c r="ES31" s="65">
        <v>0</v>
      </c>
      <c r="ET31" s="66">
        <v>84</v>
      </c>
      <c r="EU31" s="66">
        <v>87</v>
      </c>
      <c r="EV31" s="66">
        <v>60</v>
      </c>
      <c r="EW31" s="66">
        <v>33</v>
      </c>
      <c r="EX31" s="66">
        <v>24</v>
      </c>
      <c r="EY31" s="64">
        <v>288</v>
      </c>
      <c r="EZ31" s="68">
        <v>355</v>
      </c>
    </row>
    <row r="32" spans="2:156" ht="21" customHeight="1" x14ac:dyDescent="0.2">
      <c r="B32" s="131" t="s">
        <v>30</v>
      </c>
      <c r="C32" s="63">
        <v>0</v>
      </c>
      <c r="D32" s="66">
        <v>0</v>
      </c>
      <c r="E32" s="111">
        <v>0</v>
      </c>
      <c r="F32" s="65">
        <v>0</v>
      </c>
      <c r="G32" s="66">
        <v>18</v>
      </c>
      <c r="H32" s="66">
        <v>16</v>
      </c>
      <c r="I32" s="66">
        <v>13</v>
      </c>
      <c r="J32" s="66">
        <v>14</v>
      </c>
      <c r="K32" s="66">
        <v>7</v>
      </c>
      <c r="L32" s="67">
        <v>68</v>
      </c>
      <c r="M32" s="68">
        <v>68</v>
      </c>
      <c r="N32" s="63">
        <v>0</v>
      </c>
      <c r="O32" s="66">
        <v>0</v>
      </c>
      <c r="P32" s="64">
        <v>0</v>
      </c>
      <c r="Q32" s="65">
        <v>0</v>
      </c>
      <c r="R32" s="66">
        <v>2</v>
      </c>
      <c r="S32" s="66">
        <v>1</v>
      </c>
      <c r="T32" s="66">
        <v>2</v>
      </c>
      <c r="U32" s="66">
        <v>5</v>
      </c>
      <c r="V32" s="66">
        <v>4</v>
      </c>
      <c r="W32" s="64">
        <v>14</v>
      </c>
      <c r="X32" s="68">
        <v>14</v>
      </c>
      <c r="Y32" s="63">
        <v>4</v>
      </c>
      <c r="Z32" s="66">
        <v>10</v>
      </c>
      <c r="AA32" s="64">
        <v>14</v>
      </c>
      <c r="AB32" s="65">
        <v>0</v>
      </c>
      <c r="AC32" s="66">
        <v>25</v>
      </c>
      <c r="AD32" s="66">
        <v>20</v>
      </c>
      <c r="AE32" s="66">
        <v>17</v>
      </c>
      <c r="AF32" s="66">
        <v>11</v>
      </c>
      <c r="AG32" s="66">
        <v>7</v>
      </c>
      <c r="AH32" s="64">
        <v>80</v>
      </c>
      <c r="AI32" s="68">
        <v>94</v>
      </c>
      <c r="AJ32" s="63">
        <v>0</v>
      </c>
      <c r="AK32" s="66">
        <v>0</v>
      </c>
      <c r="AL32" s="64">
        <v>0</v>
      </c>
      <c r="AM32" s="65">
        <v>0</v>
      </c>
      <c r="AN32" s="66">
        <v>3</v>
      </c>
      <c r="AO32" s="66">
        <v>2</v>
      </c>
      <c r="AP32" s="66">
        <v>2</v>
      </c>
      <c r="AQ32" s="66">
        <v>1</v>
      </c>
      <c r="AR32" s="66">
        <v>0</v>
      </c>
      <c r="AS32" s="64">
        <v>8</v>
      </c>
      <c r="AT32" s="68">
        <v>8</v>
      </c>
      <c r="AU32" s="63">
        <v>2</v>
      </c>
      <c r="AV32" s="66">
        <v>2</v>
      </c>
      <c r="AW32" s="64">
        <v>4</v>
      </c>
      <c r="AX32" s="65">
        <v>0</v>
      </c>
      <c r="AY32" s="66">
        <v>24</v>
      </c>
      <c r="AZ32" s="66">
        <v>20</v>
      </c>
      <c r="BA32" s="66">
        <v>21</v>
      </c>
      <c r="BB32" s="66">
        <v>27</v>
      </c>
      <c r="BC32" s="66">
        <v>9</v>
      </c>
      <c r="BD32" s="67">
        <v>101</v>
      </c>
      <c r="BE32" s="68">
        <v>105</v>
      </c>
      <c r="BF32" s="63">
        <v>0</v>
      </c>
      <c r="BG32" s="66">
        <v>0</v>
      </c>
      <c r="BH32" s="64">
        <v>0</v>
      </c>
      <c r="BI32" s="65">
        <v>0</v>
      </c>
      <c r="BJ32" s="66">
        <v>29</v>
      </c>
      <c r="BK32" s="66">
        <v>20</v>
      </c>
      <c r="BL32" s="66">
        <v>14</v>
      </c>
      <c r="BM32" s="66">
        <v>10</v>
      </c>
      <c r="BN32" s="66">
        <v>3</v>
      </c>
      <c r="BO32" s="64">
        <v>76</v>
      </c>
      <c r="BP32" s="68">
        <v>76</v>
      </c>
      <c r="BQ32" s="63">
        <v>5</v>
      </c>
      <c r="BR32" s="66">
        <v>6</v>
      </c>
      <c r="BS32" s="64">
        <v>11</v>
      </c>
      <c r="BT32" s="65">
        <v>0</v>
      </c>
      <c r="BU32" s="66">
        <v>10</v>
      </c>
      <c r="BV32" s="66">
        <v>8</v>
      </c>
      <c r="BW32" s="66">
        <v>3</v>
      </c>
      <c r="BX32" s="66">
        <v>5</v>
      </c>
      <c r="BY32" s="66">
        <v>1</v>
      </c>
      <c r="BZ32" s="64">
        <v>27</v>
      </c>
      <c r="CA32" s="68">
        <v>38</v>
      </c>
      <c r="CB32" s="63">
        <v>0</v>
      </c>
      <c r="CC32" s="66">
        <v>1</v>
      </c>
      <c r="CD32" s="64">
        <v>1</v>
      </c>
      <c r="CE32" s="65">
        <v>0</v>
      </c>
      <c r="CF32" s="66">
        <v>6</v>
      </c>
      <c r="CG32" s="66">
        <v>5</v>
      </c>
      <c r="CH32" s="66">
        <v>8</v>
      </c>
      <c r="CI32" s="66">
        <v>4</v>
      </c>
      <c r="CJ32" s="66">
        <v>1</v>
      </c>
      <c r="CK32" s="64">
        <v>24</v>
      </c>
      <c r="CL32" s="68">
        <v>25</v>
      </c>
      <c r="CM32" s="63">
        <v>0</v>
      </c>
      <c r="CN32" s="66">
        <v>0</v>
      </c>
      <c r="CO32" s="64">
        <v>0</v>
      </c>
      <c r="CP32" s="65">
        <v>0</v>
      </c>
      <c r="CQ32" s="66">
        <v>2</v>
      </c>
      <c r="CR32" s="66">
        <v>2</v>
      </c>
      <c r="CS32" s="66">
        <v>1</v>
      </c>
      <c r="CT32" s="66">
        <v>1</v>
      </c>
      <c r="CU32" s="66">
        <v>1</v>
      </c>
      <c r="CV32" s="64">
        <v>7</v>
      </c>
      <c r="CW32" s="68">
        <v>7</v>
      </c>
      <c r="CX32" s="63">
        <v>0</v>
      </c>
      <c r="CY32" s="66">
        <v>0</v>
      </c>
      <c r="CZ32" s="64">
        <v>0</v>
      </c>
      <c r="DA32" s="65">
        <v>0</v>
      </c>
      <c r="DB32" s="66">
        <v>0</v>
      </c>
      <c r="DC32" s="66">
        <v>0</v>
      </c>
      <c r="DD32" s="66">
        <v>0</v>
      </c>
      <c r="DE32" s="66">
        <v>0</v>
      </c>
      <c r="DF32" s="66">
        <v>0</v>
      </c>
      <c r="DG32" s="64">
        <v>0</v>
      </c>
      <c r="DH32" s="68">
        <v>0</v>
      </c>
      <c r="DI32" s="63">
        <v>0</v>
      </c>
      <c r="DJ32" s="66">
        <v>0</v>
      </c>
      <c r="DK32" s="64">
        <v>0</v>
      </c>
      <c r="DL32" s="65">
        <v>0</v>
      </c>
      <c r="DM32" s="66">
        <v>0</v>
      </c>
      <c r="DN32" s="66">
        <v>0</v>
      </c>
      <c r="DO32" s="66">
        <v>0</v>
      </c>
      <c r="DP32" s="66">
        <v>0</v>
      </c>
      <c r="DQ32" s="66">
        <v>0</v>
      </c>
      <c r="DR32" s="64">
        <v>0</v>
      </c>
      <c r="DS32" s="68">
        <v>0</v>
      </c>
      <c r="DT32" s="63">
        <v>37</v>
      </c>
      <c r="DU32" s="66">
        <v>31</v>
      </c>
      <c r="DV32" s="64">
        <v>68</v>
      </c>
      <c r="DW32" s="65">
        <v>0</v>
      </c>
      <c r="DX32" s="66">
        <v>58</v>
      </c>
      <c r="DY32" s="66">
        <v>44</v>
      </c>
      <c r="DZ32" s="66">
        <v>41</v>
      </c>
      <c r="EA32" s="66">
        <v>28</v>
      </c>
      <c r="EB32" s="66">
        <v>14</v>
      </c>
      <c r="EC32" s="64">
        <v>185</v>
      </c>
      <c r="ED32" s="68">
        <v>253</v>
      </c>
      <c r="EE32" s="63">
        <v>1</v>
      </c>
      <c r="EF32" s="66">
        <v>0</v>
      </c>
      <c r="EG32" s="64">
        <v>1</v>
      </c>
      <c r="EH32" s="65">
        <v>0</v>
      </c>
      <c r="EI32" s="66">
        <v>7</v>
      </c>
      <c r="EJ32" s="66">
        <v>7</v>
      </c>
      <c r="EK32" s="66">
        <v>8</v>
      </c>
      <c r="EL32" s="66">
        <v>6</v>
      </c>
      <c r="EM32" s="66">
        <v>3</v>
      </c>
      <c r="EN32" s="64">
        <v>31</v>
      </c>
      <c r="EO32" s="68">
        <v>32</v>
      </c>
      <c r="EP32" s="63">
        <v>41</v>
      </c>
      <c r="EQ32" s="66">
        <v>34</v>
      </c>
      <c r="ER32" s="64">
        <v>75</v>
      </c>
      <c r="ES32" s="65">
        <v>0</v>
      </c>
      <c r="ET32" s="66">
        <v>89</v>
      </c>
      <c r="EU32" s="66">
        <v>57</v>
      </c>
      <c r="EV32" s="66">
        <v>46</v>
      </c>
      <c r="EW32" s="66">
        <v>30</v>
      </c>
      <c r="EX32" s="66">
        <v>14</v>
      </c>
      <c r="EY32" s="64">
        <v>236</v>
      </c>
      <c r="EZ32" s="68">
        <v>311</v>
      </c>
    </row>
    <row r="33" spans="2:156" ht="21" customHeight="1" x14ac:dyDescent="0.2">
      <c r="B33" s="131" t="s">
        <v>31</v>
      </c>
      <c r="C33" s="63">
        <v>0</v>
      </c>
      <c r="D33" s="66">
        <v>0</v>
      </c>
      <c r="E33" s="111">
        <v>0</v>
      </c>
      <c r="F33" s="65">
        <v>0</v>
      </c>
      <c r="G33" s="66">
        <v>16</v>
      </c>
      <c r="H33" s="66">
        <v>15</v>
      </c>
      <c r="I33" s="66">
        <v>9</v>
      </c>
      <c r="J33" s="66">
        <v>9</v>
      </c>
      <c r="K33" s="66">
        <v>6</v>
      </c>
      <c r="L33" s="67">
        <v>55</v>
      </c>
      <c r="M33" s="68">
        <v>55</v>
      </c>
      <c r="N33" s="63">
        <v>0</v>
      </c>
      <c r="O33" s="66">
        <v>0</v>
      </c>
      <c r="P33" s="64">
        <v>0</v>
      </c>
      <c r="Q33" s="65">
        <v>0</v>
      </c>
      <c r="R33" s="66">
        <v>1</v>
      </c>
      <c r="S33" s="66">
        <v>1</v>
      </c>
      <c r="T33" s="66">
        <v>4</v>
      </c>
      <c r="U33" s="66">
        <v>10</v>
      </c>
      <c r="V33" s="66">
        <v>3</v>
      </c>
      <c r="W33" s="64">
        <v>19</v>
      </c>
      <c r="X33" s="68">
        <v>19</v>
      </c>
      <c r="Y33" s="63">
        <v>4</v>
      </c>
      <c r="Z33" s="66">
        <v>4</v>
      </c>
      <c r="AA33" s="64">
        <v>8</v>
      </c>
      <c r="AB33" s="65">
        <v>0</v>
      </c>
      <c r="AC33" s="66">
        <v>17</v>
      </c>
      <c r="AD33" s="66">
        <v>17</v>
      </c>
      <c r="AE33" s="66">
        <v>12</v>
      </c>
      <c r="AF33" s="66">
        <v>18</v>
      </c>
      <c r="AG33" s="66">
        <v>5</v>
      </c>
      <c r="AH33" s="64">
        <v>69</v>
      </c>
      <c r="AI33" s="68">
        <v>77</v>
      </c>
      <c r="AJ33" s="63">
        <v>1</v>
      </c>
      <c r="AK33" s="66">
        <v>2</v>
      </c>
      <c r="AL33" s="64">
        <v>3</v>
      </c>
      <c r="AM33" s="65">
        <v>0</v>
      </c>
      <c r="AN33" s="66">
        <v>3</v>
      </c>
      <c r="AO33" s="66">
        <v>1</v>
      </c>
      <c r="AP33" s="66">
        <v>2</v>
      </c>
      <c r="AQ33" s="66">
        <v>3</v>
      </c>
      <c r="AR33" s="66">
        <v>0</v>
      </c>
      <c r="AS33" s="64">
        <v>9</v>
      </c>
      <c r="AT33" s="68">
        <v>12</v>
      </c>
      <c r="AU33" s="63">
        <v>3</v>
      </c>
      <c r="AV33" s="66">
        <v>0</v>
      </c>
      <c r="AW33" s="64">
        <v>3</v>
      </c>
      <c r="AX33" s="65">
        <v>0</v>
      </c>
      <c r="AY33" s="66">
        <v>12</v>
      </c>
      <c r="AZ33" s="66">
        <v>17</v>
      </c>
      <c r="BA33" s="66">
        <v>10</v>
      </c>
      <c r="BB33" s="66">
        <v>16</v>
      </c>
      <c r="BC33" s="66">
        <v>10</v>
      </c>
      <c r="BD33" s="67">
        <v>65</v>
      </c>
      <c r="BE33" s="68">
        <v>68</v>
      </c>
      <c r="BF33" s="63">
        <v>0</v>
      </c>
      <c r="BG33" s="66">
        <v>0</v>
      </c>
      <c r="BH33" s="64">
        <v>0</v>
      </c>
      <c r="BI33" s="65">
        <v>0</v>
      </c>
      <c r="BJ33" s="66">
        <v>51</v>
      </c>
      <c r="BK33" s="66">
        <v>39</v>
      </c>
      <c r="BL33" s="66">
        <v>15</v>
      </c>
      <c r="BM33" s="66">
        <v>9</v>
      </c>
      <c r="BN33" s="66">
        <v>5</v>
      </c>
      <c r="BO33" s="64">
        <v>119</v>
      </c>
      <c r="BP33" s="68">
        <v>119</v>
      </c>
      <c r="BQ33" s="63">
        <v>0</v>
      </c>
      <c r="BR33" s="66">
        <v>1</v>
      </c>
      <c r="BS33" s="64">
        <v>1</v>
      </c>
      <c r="BT33" s="65">
        <v>0</v>
      </c>
      <c r="BU33" s="66">
        <v>9</v>
      </c>
      <c r="BV33" s="66">
        <v>6</v>
      </c>
      <c r="BW33" s="66">
        <v>11</v>
      </c>
      <c r="BX33" s="66">
        <v>2</v>
      </c>
      <c r="BY33" s="66">
        <v>1</v>
      </c>
      <c r="BZ33" s="64">
        <v>29</v>
      </c>
      <c r="CA33" s="68">
        <v>30</v>
      </c>
      <c r="CB33" s="63">
        <v>0</v>
      </c>
      <c r="CC33" s="66">
        <v>1</v>
      </c>
      <c r="CD33" s="64">
        <v>1</v>
      </c>
      <c r="CE33" s="65">
        <v>0</v>
      </c>
      <c r="CF33" s="66">
        <v>6</v>
      </c>
      <c r="CG33" s="66">
        <v>4</v>
      </c>
      <c r="CH33" s="66">
        <v>10</v>
      </c>
      <c r="CI33" s="66">
        <v>10</v>
      </c>
      <c r="CJ33" s="66">
        <v>1</v>
      </c>
      <c r="CK33" s="64">
        <v>31</v>
      </c>
      <c r="CL33" s="68">
        <v>32</v>
      </c>
      <c r="CM33" s="63">
        <v>0</v>
      </c>
      <c r="CN33" s="66">
        <v>0</v>
      </c>
      <c r="CO33" s="64">
        <v>0</v>
      </c>
      <c r="CP33" s="65">
        <v>0</v>
      </c>
      <c r="CQ33" s="66">
        <v>1</v>
      </c>
      <c r="CR33" s="66">
        <v>1</v>
      </c>
      <c r="CS33" s="66">
        <v>0</v>
      </c>
      <c r="CT33" s="66">
        <v>0</v>
      </c>
      <c r="CU33" s="66">
        <v>2</v>
      </c>
      <c r="CV33" s="64">
        <v>4</v>
      </c>
      <c r="CW33" s="68">
        <v>4</v>
      </c>
      <c r="CX33" s="63">
        <v>0</v>
      </c>
      <c r="CY33" s="66">
        <v>0</v>
      </c>
      <c r="CZ33" s="64">
        <v>0</v>
      </c>
      <c r="DA33" s="65">
        <v>0</v>
      </c>
      <c r="DB33" s="66">
        <v>0</v>
      </c>
      <c r="DC33" s="66">
        <v>0</v>
      </c>
      <c r="DD33" s="66">
        <v>0</v>
      </c>
      <c r="DE33" s="66">
        <v>0</v>
      </c>
      <c r="DF33" s="66">
        <v>0</v>
      </c>
      <c r="DG33" s="64">
        <v>0</v>
      </c>
      <c r="DH33" s="68">
        <v>0</v>
      </c>
      <c r="DI33" s="63">
        <v>0</v>
      </c>
      <c r="DJ33" s="66">
        <v>0</v>
      </c>
      <c r="DK33" s="64">
        <v>0</v>
      </c>
      <c r="DL33" s="65">
        <v>0</v>
      </c>
      <c r="DM33" s="66">
        <v>0</v>
      </c>
      <c r="DN33" s="66">
        <v>0</v>
      </c>
      <c r="DO33" s="66">
        <v>0</v>
      </c>
      <c r="DP33" s="66">
        <v>0</v>
      </c>
      <c r="DQ33" s="66">
        <v>0</v>
      </c>
      <c r="DR33" s="64">
        <v>0</v>
      </c>
      <c r="DS33" s="68">
        <v>0</v>
      </c>
      <c r="DT33" s="63">
        <v>19</v>
      </c>
      <c r="DU33" s="66">
        <v>58</v>
      </c>
      <c r="DV33" s="64">
        <v>77</v>
      </c>
      <c r="DW33" s="65">
        <v>0</v>
      </c>
      <c r="DX33" s="66">
        <v>49</v>
      </c>
      <c r="DY33" s="66">
        <v>60</v>
      </c>
      <c r="DZ33" s="66">
        <v>42</v>
      </c>
      <c r="EA33" s="66">
        <v>31</v>
      </c>
      <c r="EB33" s="66">
        <v>14</v>
      </c>
      <c r="EC33" s="64">
        <v>196</v>
      </c>
      <c r="ED33" s="68">
        <v>273</v>
      </c>
      <c r="EE33" s="63">
        <v>3</v>
      </c>
      <c r="EF33" s="66">
        <v>0</v>
      </c>
      <c r="EG33" s="64">
        <v>3</v>
      </c>
      <c r="EH33" s="65">
        <v>0</v>
      </c>
      <c r="EI33" s="66">
        <v>5</v>
      </c>
      <c r="EJ33" s="66">
        <v>9</v>
      </c>
      <c r="EK33" s="66">
        <v>4</v>
      </c>
      <c r="EL33" s="66">
        <v>5</v>
      </c>
      <c r="EM33" s="66">
        <v>0</v>
      </c>
      <c r="EN33" s="64">
        <v>23</v>
      </c>
      <c r="EO33" s="68">
        <v>26</v>
      </c>
      <c r="EP33" s="63">
        <v>23</v>
      </c>
      <c r="EQ33" s="66">
        <v>60</v>
      </c>
      <c r="ER33" s="64">
        <v>83</v>
      </c>
      <c r="ES33" s="65">
        <v>0</v>
      </c>
      <c r="ET33" s="66">
        <v>100</v>
      </c>
      <c r="EU33" s="66">
        <v>84</v>
      </c>
      <c r="EV33" s="66">
        <v>46</v>
      </c>
      <c r="EW33" s="66">
        <v>28</v>
      </c>
      <c r="EX33" s="66">
        <v>14</v>
      </c>
      <c r="EY33" s="64">
        <v>272</v>
      </c>
      <c r="EZ33" s="68">
        <v>355</v>
      </c>
    </row>
    <row r="34" spans="2:156" ht="21" customHeight="1" x14ac:dyDescent="0.2">
      <c r="B34" s="131" t="s">
        <v>32</v>
      </c>
      <c r="C34" s="63">
        <v>0</v>
      </c>
      <c r="D34" s="66">
        <v>0</v>
      </c>
      <c r="E34" s="111">
        <v>0</v>
      </c>
      <c r="F34" s="65">
        <v>0</v>
      </c>
      <c r="G34" s="66">
        <v>28</v>
      </c>
      <c r="H34" s="66">
        <v>22</v>
      </c>
      <c r="I34" s="66">
        <v>14</v>
      </c>
      <c r="J34" s="66">
        <v>8</v>
      </c>
      <c r="K34" s="66">
        <v>9</v>
      </c>
      <c r="L34" s="67">
        <v>81</v>
      </c>
      <c r="M34" s="68">
        <v>81</v>
      </c>
      <c r="N34" s="63">
        <v>0</v>
      </c>
      <c r="O34" s="66">
        <v>0</v>
      </c>
      <c r="P34" s="64">
        <v>0</v>
      </c>
      <c r="Q34" s="65">
        <v>0</v>
      </c>
      <c r="R34" s="66">
        <v>0</v>
      </c>
      <c r="S34" s="66">
        <v>1</v>
      </c>
      <c r="T34" s="66">
        <v>1</v>
      </c>
      <c r="U34" s="66">
        <v>5</v>
      </c>
      <c r="V34" s="66">
        <v>5</v>
      </c>
      <c r="W34" s="64">
        <v>12</v>
      </c>
      <c r="X34" s="68">
        <v>12</v>
      </c>
      <c r="Y34" s="63">
        <v>5</v>
      </c>
      <c r="Z34" s="66">
        <v>7</v>
      </c>
      <c r="AA34" s="64">
        <v>12</v>
      </c>
      <c r="AB34" s="65">
        <v>0</v>
      </c>
      <c r="AC34" s="66">
        <v>37</v>
      </c>
      <c r="AD34" s="66">
        <v>31</v>
      </c>
      <c r="AE34" s="66">
        <v>12</v>
      </c>
      <c r="AF34" s="66">
        <v>11</v>
      </c>
      <c r="AG34" s="66">
        <v>6</v>
      </c>
      <c r="AH34" s="64">
        <v>97</v>
      </c>
      <c r="AI34" s="68">
        <v>109</v>
      </c>
      <c r="AJ34" s="63">
        <v>0</v>
      </c>
      <c r="AK34" s="66">
        <v>0</v>
      </c>
      <c r="AL34" s="64">
        <v>0</v>
      </c>
      <c r="AM34" s="65">
        <v>0</v>
      </c>
      <c r="AN34" s="66">
        <v>4</v>
      </c>
      <c r="AO34" s="66">
        <v>2</v>
      </c>
      <c r="AP34" s="66">
        <v>0</v>
      </c>
      <c r="AQ34" s="66">
        <v>2</v>
      </c>
      <c r="AR34" s="66">
        <v>2</v>
      </c>
      <c r="AS34" s="64">
        <v>10</v>
      </c>
      <c r="AT34" s="68">
        <v>10</v>
      </c>
      <c r="AU34" s="63">
        <v>5</v>
      </c>
      <c r="AV34" s="66">
        <v>3</v>
      </c>
      <c r="AW34" s="64">
        <v>8</v>
      </c>
      <c r="AX34" s="65">
        <v>0</v>
      </c>
      <c r="AY34" s="66">
        <v>23</v>
      </c>
      <c r="AZ34" s="66">
        <v>23</v>
      </c>
      <c r="BA34" s="66">
        <v>24</v>
      </c>
      <c r="BB34" s="66">
        <v>26</v>
      </c>
      <c r="BC34" s="66">
        <v>17</v>
      </c>
      <c r="BD34" s="67">
        <v>113</v>
      </c>
      <c r="BE34" s="68">
        <v>121</v>
      </c>
      <c r="BF34" s="63">
        <v>0</v>
      </c>
      <c r="BG34" s="66">
        <v>0</v>
      </c>
      <c r="BH34" s="64">
        <v>0</v>
      </c>
      <c r="BI34" s="65">
        <v>0</v>
      </c>
      <c r="BJ34" s="66">
        <v>52</v>
      </c>
      <c r="BK34" s="66">
        <v>48</v>
      </c>
      <c r="BL34" s="66">
        <v>18</v>
      </c>
      <c r="BM34" s="66">
        <v>17</v>
      </c>
      <c r="BN34" s="66">
        <v>5</v>
      </c>
      <c r="BO34" s="64">
        <v>140</v>
      </c>
      <c r="BP34" s="68">
        <v>140</v>
      </c>
      <c r="BQ34" s="63">
        <v>2</v>
      </c>
      <c r="BR34" s="66">
        <v>6</v>
      </c>
      <c r="BS34" s="64">
        <v>8</v>
      </c>
      <c r="BT34" s="65">
        <v>0</v>
      </c>
      <c r="BU34" s="66">
        <v>9</v>
      </c>
      <c r="BV34" s="66">
        <v>14</v>
      </c>
      <c r="BW34" s="66">
        <v>4</v>
      </c>
      <c r="BX34" s="66">
        <v>6</v>
      </c>
      <c r="BY34" s="66">
        <v>3</v>
      </c>
      <c r="BZ34" s="64">
        <v>36</v>
      </c>
      <c r="CA34" s="68">
        <v>44</v>
      </c>
      <c r="CB34" s="63">
        <v>0</v>
      </c>
      <c r="CC34" s="66">
        <v>2</v>
      </c>
      <c r="CD34" s="64">
        <v>2</v>
      </c>
      <c r="CE34" s="65">
        <v>0</v>
      </c>
      <c r="CF34" s="66">
        <v>5</v>
      </c>
      <c r="CG34" s="66">
        <v>9</v>
      </c>
      <c r="CH34" s="66">
        <v>11</v>
      </c>
      <c r="CI34" s="66">
        <v>6</v>
      </c>
      <c r="CJ34" s="66">
        <v>4</v>
      </c>
      <c r="CK34" s="64">
        <v>35</v>
      </c>
      <c r="CL34" s="68">
        <v>37</v>
      </c>
      <c r="CM34" s="63">
        <v>0</v>
      </c>
      <c r="CN34" s="66">
        <v>0</v>
      </c>
      <c r="CO34" s="64">
        <v>0</v>
      </c>
      <c r="CP34" s="65">
        <v>0</v>
      </c>
      <c r="CQ34" s="66">
        <v>1</v>
      </c>
      <c r="CR34" s="66">
        <v>4</v>
      </c>
      <c r="CS34" s="66">
        <v>0</v>
      </c>
      <c r="CT34" s="66">
        <v>2</v>
      </c>
      <c r="CU34" s="66">
        <v>1</v>
      </c>
      <c r="CV34" s="64">
        <v>8</v>
      </c>
      <c r="CW34" s="68">
        <v>8</v>
      </c>
      <c r="CX34" s="63">
        <v>0</v>
      </c>
      <c r="CY34" s="66">
        <v>0</v>
      </c>
      <c r="CZ34" s="64">
        <v>0</v>
      </c>
      <c r="DA34" s="65">
        <v>0</v>
      </c>
      <c r="DB34" s="66">
        <v>0</v>
      </c>
      <c r="DC34" s="66">
        <v>0</v>
      </c>
      <c r="DD34" s="66">
        <v>0</v>
      </c>
      <c r="DE34" s="66">
        <v>0</v>
      </c>
      <c r="DF34" s="66">
        <v>0</v>
      </c>
      <c r="DG34" s="64">
        <v>0</v>
      </c>
      <c r="DH34" s="68">
        <v>0</v>
      </c>
      <c r="DI34" s="63">
        <v>0</v>
      </c>
      <c r="DJ34" s="66">
        <v>0</v>
      </c>
      <c r="DK34" s="64">
        <v>0</v>
      </c>
      <c r="DL34" s="65">
        <v>0</v>
      </c>
      <c r="DM34" s="66">
        <v>0</v>
      </c>
      <c r="DN34" s="66">
        <v>0</v>
      </c>
      <c r="DO34" s="66">
        <v>0</v>
      </c>
      <c r="DP34" s="66">
        <v>0</v>
      </c>
      <c r="DQ34" s="66">
        <v>0</v>
      </c>
      <c r="DR34" s="64">
        <v>0</v>
      </c>
      <c r="DS34" s="68">
        <v>0</v>
      </c>
      <c r="DT34" s="63">
        <v>24</v>
      </c>
      <c r="DU34" s="66">
        <v>51</v>
      </c>
      <c r="DV34" s="64">
        <v>75</v>
      </c>
      <c r="DW34" s="65">
        <v>0</v>
      </c>
      <c r="DX34" s="66">
        <v>76</v>
      </c>
      <c r="DY34" s="66">
        <v>81</v>
      </c>
      <c r="DZ34" s="66">
        <v>38</v>
      </c>
      <c r="EA34" s="66">
        <v>31</v>
      </c>
      <c r="EB34" s="66">
        <v>17</v>
      </c>
      <c r="EC34" s="64">
        <v>243</v>
      </c>
      <c r="ED34" s="68">
        <v>318</v>
      </c>
      <c r="EE34" s="63">
        <v>4</v>
      </c>
      <c r="EF34" s="66">
        <v>3</v>
      </c>
      <c r="EG34" s="64">
        <v>7</v>
      </c>
      <c r="EH34" s="65">
        <v>0</v>
      </c>
      <c r="EI34" s="66">
        <v>8</v>
      </c>
      <c r="EJ34" s="66">
        <v>7</v>
      </c>
      <c r="EK34" s="66">
        <v>7</v>
      </c>
      <c r="EL34" s="66">
        <v>11</v>
      </c>
      <c r="EM34" s="66">
        <v>6</v>
      </c>
      <c r="EN34" s="64">
        <v>39</v>
      </c>
      <c r="EO34" s="68">
        <v>46</v>
      </c>
      <c r="EP34" s="63">
        <v>30</v>
      </c>
      <c r="EQ34" s="66">
        <v>56</v>
      </c>
      <c r="ER34" s="64">
        <v>86</v>
      </c>
      <c r="ES34" s="65">
        <v>0</v>
      </c>
      <c r="ET34" s="66">
        <v>143</v>
      </c>
      <c r="EU34" s="66">
        <v>113</v>
      </c>
      <c r="EV34" s="66">
        <v>45</v>
      </c>
      <c r="EW34" s="66">
        <v>32</v>
      </c>
      <c r="EX34" s="66">
        <v>19</v>
      </c>
      <c r="EY34" s="64">
        <v>352</v>
      </c>
      <c r="EZ34" s="68">
        <v>438</v>
      </c>
    </row>
    <row r="35" spans="2:156" ht="21" customHeight="1" x14ac:dyDescent="0.2">
      <c r="B35" s="131" t="s">
        <v>33</v>
      </c>
      <c r="C35" s="63">
        <v>0</v>
      </c>
      <c r="D35" s="66">
        <v>0</v>
      </c>
      <c r="E35" s="111">
        <v>0</v>
      </c>
      <c r="F35" s="65">
        <v>0</v>
      </c>
      <c r="G35" s="66">
        <v>25</v>
      </c>
      <c r="H35" s="66">
        <v>14</v>
      </c>
      <c r="I35" s="66">
        <v>11</v>
      </c>
      <c r="J35" s="66">
        <v>4</v>
      </c>
      <c r="K35" s="66">
        <v>8</v>
      </c>
      <c r="L35" s="67">
        <v>62</v>
      </c>
      <c r="M35" s="68">
        <v>62</v>
      </c>
      <c r="N35" s="63">
        <v>0</v>
      </c>
      <c r="O35" s="66">
        <v>0</v>
      </c>
      <c r="P35" s="64">
        <v>0</v>
      </c>
      <c r="Q35" s="65">
        <v>0</v>
      </c>
      <c r="R35" s="66">
        <v>1</v>
      </c>
      <c r="S35" s="66">
        <v>1</v>
      </c>
      <c r="T35" s="66">
        <v>1</v>
      </c>
      <c r="U35" s="66">
        <v>1</v>
      </c>
      <c r="V35" s="66">
        <v>5</v>
      </c>
      <c r="W35" s="64">
        <v>9</v>
      </c>
      <c r="X35" s="68">
        <v>9</v>
      </c>
      <c r="Y35" s="63">
        <v>0</v>
      </c>
      <c r="Z35" s="66">
        <v>4</v>
      </c>
      <c r="AA35" s="64">
        <v>4</v>
      </c>
      <c r="AB35" s="65">
        <v>0</v>
      </c>
      <c r="AC35" s="66">
        <v>23</v>
      </c>
      <c r="AD35" s="66">
        <v>11</v>
      </c>
      <c r="AE35" s="66">
        <v>7</v>
      </c>
      <c r="AF35" s="66">
        <v>7</v>
      </c>
      <c r="AG35" s="66">
        <v>6</v>
      </c>
      <c r="AH35" s="64">
        <v>54</v>
      </c>
      <c r="AI35" s="68">
        <v>58</v>
      </c>
      <c r="AJ35" s="63">
        <v>12</v>
      </c>
      <c r="AK35" s="66">
        <v>20</v>
      </c>
      <c r="AL35" s="64">
        <v>32</v>
      </c>
      <c r="AM35" s="65">
        <v>0</v>
      </c>
      <c r="AN35" s="66">
        <v>34</v>
      </c>
      <c r="AO35" s="66">
        <v>19</v>
      </c>
      <c r="AP35" s="66">
        <v>10</v>
      </c>
      <c r="AQ35" s="66">
        <v>4</v>
      </c>
      <c r="AR35" s="66">
        <v>2</v>
      </c>
      <c r="AS35" s="64">
        <v>69</v>
      </c>
      <c r="AT35" s="68">
        <v>101</v>
      </c>
      <c r="AU35" s="63">
        <v>6</v>
      </c>
      <c r="AV35" s="66">
        <v>8</v>
      </c>
      <c r="AW35" s="64">
        <v>14</v>
      </c>
      <c r="AX35" s="65">
        <v>0</v>
      </c>
      <c r="AY35" s="66">
        <v>31</v>
      </c>
      <c r="AZ35" s="66">
        <v>36</v>
      </c>
      <c r="BA35" s="66">
        <v>36</v>
      </c>
      <c r="BB35" s="66">
        <v>15</v>
      </c>
      <c r="BC35" s="66">
        <v>21</v>
      </c>
      <c r="BD35" s="67">
        <v>139</v>
      </c>
      <c r="BE35" s="68">
        <v>153</v>
      </c>
      <c r="BF35" s="63">
        <v>0</v>
      </c>
      <c r="BG35" s="66">
        <v>0</v>
      </c>
      <c r="BH35" s="64">
        <v>0</v>
      </c>
      <c r="BI35" s="65">
        <v>0</v>
      </c>
      <c r="BJ35" s="66">
        <v>8</v>
      </c>
      <c r="BK35" s="66">
        <v>8</v>
      </c>
      <c r="BL35" s="66">
        <v>4</v>
      </c>
      <c r="BM35" s="66">
        <v>4</v>
      </c>
      <c r="BN35" s="66">
        <v>4</v>
      </c>
      <c r="BO35" s="64">
        <v>28</v>
      </c>
      <c r="BP35" s="68">
        <v>28</v>
      </c>
      <c r="BQ35" s="63">
        <v>6</v>
      </c>
      <c r="BR35" s="66">
        <v>12</v>
      </c>
      <c r="BS35" s="64">
        <v>18</v>
      </c>
      <c r="BT35" s="65">
        <v>0</v>
      </c>
      <c r="BU35" s="66">
        <v>29</v>
      </c>
      <c r="BV35" s="66">
        <v>17</v>
      </c>
      <c r="BW35" s="66">
        <v>8</v>
      </c>
      <c r="BX35" s="66">
        <v>3</v>
      </c>
      <c r="BY35" s="66">
        <v>1</v>
      </c>
      <c r="BZ35" s="64">
        <v>58</v>
      </c>
      <c r="CA35" s="68">
        <v>76</v>
      </c>
      <c r="CB35" s="63">
        <v>0</v>
      </c>
      <c r="CC35" s="66">
        <v>0</v>
      </c>
      <c r="CD35" s="64">
        <v>0</v>
      </c>
      <c r="CE35" s="65">
        <v>0</v>
      </c>
      <c r="CF35" s="66">
        <v>4</v>
      </c>
      <c r="CG35" s="66">
        <v>4</v>
      </c>
      <c r="CH35" s="66">
        <v>7</v>
      </c>
      <c r="CI35" s="66">
        <v>2</v>
      </c>
      <c r="CJ35" s="66">
        <v>2</v>
      </c>
      <c r="CK35" s="64">
        <v>19</v>
      </c>
      <c r="CL35" s="68">
        <v>19</v>
      </c>
      <c r="CM35" s="63">
        <v>0</v>
      </c>
      <c r="CN35" s="66">
        <v>0</v>
      </c>
      <c r="CO35" s="64">
        <v>0</v>
      </c>
      <c r="CP35" s="65">
        <v>0</v>
      </c>
      <c r="CQ35" s="66">
        <v>2</v>
      </c>
      <c r="CR35" s="66">
        <v>1</v>
      </c>
      <c r="CS35" s="66">
        <v>0</v>
      </c>
      <c r="CT35" s="66">
        <v>1</v>
      </c>
      <c r="CU35" s="66">
        <v>0</v>
      </c>
      <c r="CV35" s="64">
        <v>4</v>
      </c>
      <c r="CW35" s="68">
        <v>4</v>
      </c>
      <c r="CX35" s="63">
        <v>0</v>
      </c>
      <c r="CY35" s="66">
        <v>0</v>
      </c>
      <c r="CZ35" s="64">
        <v>0</v>
      </c>
      <c r="DA35" s="65">
        <v>0</v>
      </c>
      <c r="DB35" s="66">
        <v>0</v>
      </c>
      <c r="DC35" s="66">
        <v>0</v>
      </c>
      <c r="DD35" s="66">
        <v>0</v>
      </c>
      <c r="DE35" s="66">
        <v>0</v>
      </c>
      <c r="DF35" s="66">
        <v>0</v>
      </c>
      <c r="DG35" s="64">
        <v>0</v>
      </c>
      <c r="DH35" s="68">
        <v>0</v>
      </c>
      <c r="DI35" s="63">
        <v>0</v>
      </c>
      <c r="DJ35" s="66">
        <v>0</v>
      </c>
      <c r="DK35" s="64">
        <v>0</v>
      </c>
      <c r="DL35" s="65">
        <v>0</v>
      </c>
      <c r="DM35" s="66">
        <v>0</v>
      </c>
      <c r="DN35" s="66">
        <v>0</v>
      </c>
      <c r="DO35" s="66">
        <v>0</v>
      </c>
      <c r="DP35" s="66">
        <v>0</v>
      </c>
      <c r="DQ35" s="66">
        <v>0</v>
      </c>
      <c r="DR35" s="64">
        <v>0</v>
      </c>
      <c r="DS35" s="68">
        <v>0</v>
      </c>
      <c r="DT35" s="63">
        <v>16</v>
      </c>
      <c r="DU35" s="66">
        <v>37</v>
      </c>
      <c r="DV35" s="64">
        <v>53</v>
      </c>
      <c r="DW35" s="65">
        <v>0</v>
      </c>
      <c r="DX35" s="66">
        <v>61</v>
      </c>
      <c r="DY35" s="66">
        <v>44</v>
      </c>
      <c r="DZ35" s="66">
        <v>29</v>
      </c>
      <c r="EA35" s="66">
        <v>19</v>
      </c>
      <c r="EB35" s="66">
        <v>15</v>
      </c>
      <c r="EC35" s="64">
        <v>168</v>
      </c>
      <c r="ED35" s="68">
        <v>221</v>
      </c>
      <c r="EE35" s="63">
        <v>2</v>
      </c>
      <c r="EF35" s="66">
        <v>5</v>
      </c>
      <c r="EG35" s="64">
        <v>7</v>
      </c>
      <c r="EH35" s="65">
        <v>0</v>
      </c>
      <c r="EI35" s="66">
        <v>15</v>
      </c>
      <c r="EJ35" s="66">
        <v>19</v>
      </c>
      <c r="EK35" s="66">
        <v>18</v>
      </c>
      <c r="EL35" s="66">
        <v>9</v>
      </c>
      <c r="EM35" s="66">
        <v>6</v>
      </c>
      <c r="EN35" s="64">
        <v>67</v>
      </c>
      <c r="EO35" s="68">
        <v>74</v>
      </c>
      <c r="EP35" s="63">
        <v>28</v>
      </c>
      <c r="EQ35" s="66">
        <v>56</v>
      </c>
      <c r="ER35" s="64">
        <v>84</v>
      </c>
      <c r="ES35" s="65">
        <v>0</v>
      </c>
      <c r="ET35" s="66">
        <v>106</v>
      </c>
      <c r="EU35" s="66">
        <v>58</v>
      </c>
      <c r="EV35" s="66">
        <v>37</v>
      </c>
      <c r="EW35" s="66">
        <v>16</v>
      </c>
      <c r="EX35" s="66">
        <v>15</v>
      </c>
      <c r="EY35" s="64">
        <v>232</v>
      </c>
      <c r="EZ35" s="68">
        <v>316</v>
      </c>
    </row>
    <row r="36" spans="2:156" ht="21" customHeight="1" x14ac:dyDescent="0.2">
      <c r="B36" s="131" t="s">
        <v>34</v>
      </c>
      <c r="C36" s="63">
        <v>0</v>
      </c>
      <c r="D36" s="66">
        <v>0</v>
      </c>
      <c r="E36" s="111">
        <v>0</v>
      </c>
      <c r="F36" s="65">
        <v>0</v>
      </c>
      <c r="G36" s="66">
        <v>18</v>
      </c>
      <c r="H36" s="66">
        <v>10</v>
      </c>
      <c r="I36" s="66">
        <v>2</v>
      </c>
      <c r="J36" s="66">
        <v>5</v>
      </c>
      <c r="K36" s="66">
        <v>3</v>
      </c>
      <c r="L36" s="67">
        <v>38</v>
      </c>
      <c r="M36" s="68">
        <v>38</v>
      </c>
      <c r="N36" s="63">
        <v>0</v>
      </c>
      <c r="O36" s="66">
        <v>0</v>
      </c>
      <c r="P36" s="64">
        <v>0</v>
      </c>
      <c r="Q36" s="65">
        <v>0</v>
      </c>
      <c r="R36" s="66">
        <v>0</v>
      </c>
      <c r="S36" s="66">
        <v>1</v>
      </c>
      <c r="T36" s="66">
        <v>0</v>
      </c>
      <c r="U36" s="66">
        <v>2</v>
      </c>
      <c r="V36" s="66">
        <v>7</v>
      </c>
      <c r="W36" s="64">
        <v>10</v>
      </c>
      <c r="X36" s="68">
        <v>10</v>
      </c>
      <c r="Y36" s="63">
        <v>0</v>
      </c>
      <c r="Z36" s="66">
        <v>5</v>
      </c>
      <c r="AA36" s="64">
        <v>5</v>
      </c>
      <c r="AB36" s="65">
        <v>0</v>
      </c>
      <c r="AC36" s="66">
        <v>21</v>
      </c>
      <c r="AD36" s="66">
        <v>13</v>
      </c>
      <c r="AE36" s="66">
        <v>4</v>
      </c>
      <c r="AF36" s="66">
        <v>8</v>
      </c>
      <c r="AG36" s="66">
        <v>6</v>
      </c>
      <c r="AH36" s="64">
        <v>52</v>
      </c>
      <c r="AI36" s="68">
        <v>57</v>
      </c>
      <c r="AJ36" s="63">
        <v>1</v>
      </c>
      <c r="AK36" s="66">
        <v>1</v>
      </c>
      <c r="AL36" s="64">
        <v>2</v>
      </c>
      <c r="AM36" s="65">
        <v>0</v>
      </c>
      <c r="AN36" s="66">
        <v>6</v>
      </c>
      <c r="AO36" s="66">
        <v>2</v>
      </c>
      <c r="AP36" s="66">
        <v>4</v>
      </c>
      <c r="AQ36" s="66">
        <v>1</v>
      </c>
      <c r="AR36" s="66">
        <v>1</v>
      </c>
      <c r="AS36" s="64">
        <v>14</v>
      </c>
      <c r="AT36" s="68">
        <v>16</v>
      </c>
      <c r="AU36" s="63">
        <v>3</v>
      </c>
      <c r="AV36" s="66">
        <v>6</v>
      </c>
      <c r="AW36" s="64">
        <v>9</v>
      </c>
      <c r="AX36" s="65">
        <v>0</v>
      </c>
      <c r="AY36" s="66">
        <v>29</v>
      </c>
      <c r="AZ36" s="66">
        <v>30</v>
      </c>
      <c r="BA36" s="66">
        <v>11</v>
      </c>
      <c r="BB36" s="66">
        <v>16</v>
      </c>
      <c r="BC36" s="66">
        <v>15</v>
      </c>
      <c r="BD36" s="67">
        <v>101</v>
      </c>
      <c r="BE36" s="68">
        <v>110</v>
      </c>
      <c r="BF36" s="63">
        <v>0</v>
      </c>
      <c r="BG36" s="66">
        <v>0</v>
      </c>
      <c r="BH36" s="64">
        <v>0</v>
      </c>
      <c r="BI36" s="65">
        <v>0</v>
      </c>
      <c r="BJ36" s="66">
        <v>26</v>
      </c>
      <c r="BK36" s="66">
        <v>20</v>
      </c>
      <c r="BL36" s="66">
        <v>13</v>
      </c>
      <c r="BM36" s="66">
        <v>7</v>
      </c>
      <c r="BN36" s="66">
        <v>1</v>
      </c>
      <c r="BO36" s="64">
        <v>67</v>
      </c>
      <c r="BP36" s="68">
        <v>67</v>
      </c>
      <c r="BQ36" s="63">
        <v>0</v>
      </c>
      <c r="BR36" s="66">
        <v>3</v>
      </c>
      <c r="BS36" s="64">
        <v>3</v>
      </c>
      <c r="BT36" s="65">
        <v>0</v>
      </c>
      <c r="BU36" s="66">
        <v>7</v>
      </c>
      <c r="BV36" s="66">
        <v>2</v>
      </c>
      <c r="BW36" s="66">
        <v>3</v>
      </c>
      <c r="BX36" s="66">
        <v>2</v>
      </c>
      <c r="BY36" s="66">
        <v>0</v>
      </c>
      <c r="BZ36" s="64">
        <v>14</v>
      </c>
      <c r="CA36" s="68">
        <v>17</v>
      </c>
      <c r="CB36" s="63">
        <v>0</v>
      </c>
      <c r="CC36" s="66">
        <v>0</v>
      </c>
      <c r="CD36" s="64">
        <v>0</v>
      </c>
      <c r="CE36" s="65">
        <v>0</v>
      </c>
      <c r="CF36" s="66">
        <v>4</v>
      </c>
      <c r="CG36" s="66">
        <v>2</v>
      </c>
      <c r="CH36" s="66">
        <v>7</v>
      </c>
      <c r="CI36" s="66">
        <v>3</v>
      </c>
      <c r="CJ36" s="66">
        <v>1</v>
      </c>
      <c r="CK36" s="64">
        <v>17</v>
      </c>
      <c r="CL36" s="68">
        <v>17</v>
      </c>
      <c r="CM36" s="63">
        <v>0</v>
      </c>
      <c r="CN36" s="66">
        <v>0</v>
      </c>
      <c r="CO36" s="64">
        <v>0</v>
      </c>
      <c r="CP36" s="65">
        <v>0</v>
      </c>
      <c r="CQ36" s="66">
        <v>0</v>
      </c>
      <c r="CR36" s="66">
        <v>1</v>
      </c>
      <c r="CS36" s="66">
        <v>0</v>
      </c>
      <c r="CT36" s="66">
        <v>0</v>
      </c>
      <c r="CU36" s="66">
        <v>0</v>
      </c>
      <c r="CV36" s="64">
        <v>1</v>
      </c>
      <c r="CW36" s="68">
        <v>1</v>
      </c>
      <c r="CX36" s="63">
        <v>0</v>
      </c>
      <c r="CY36" s="66">
        <v>0</v>
      </c>
      <c r="CZ36" s="64">
        <v>0</v>
      </c>
      <c r="DA36" s="65">
        <v>0</v>
      </c>
      <c r="DB36" s="66">
        <v>0</v>
      </c>
      <c r="DC36" s="66">
        <v>0</v>
      </c>
      <c r="DD36" s="66">
        <v>0</v>
      </c>
      <c r="DE36" s="66">
        <v>0</v>
      </c>
      <c r="DF36" s="66">
        <v>0</v>
      </c>
      <c r="DG36" s="64">
        <v>0</v>
      </c>
      <c r="DH36" s="68">
        <v>0</v>
      </c>
      <c r="DI36" s="63">
        <v>0</v>
      </c>
      <c r="DJ36" s="66">
        <v>0</v>
      </c>
      <c r="DK36" s="64">
        <v>0</v>
      </c>
      <c r="DL36" s="65">
        <v>0</v>
      </c>
      <c r="DM36" s="66">
        <v>0</v>
      </c>
      <c r="DN36" s="66">
        <v>0</v>
      </c>
      <c r="DO36" s="66">
        <v>0</v>
      </c>
      <c r="DP36" s="66">
        <v>0</v>
      </c>
      <c r="DQ36" s="66">
        <v>0</v>
      </c>
      <c r="DR36" s="64">
        <v>0</v>
      </c>
      <c r="DS36" s="68">
        <v>0</v>
      </c>
      <c r="DT36" s="63">
        <v>12</v>
      </c>
      <c r="DU36" s="66">
        <v>21</v>
      </c>
      <c r="DV36" s="64">
        <v>33</v>
      </c>
      <c r="DW36" s="65">
        <v>0</v>
      </c>
      <c r="DX36" s="66">
        <v>50</v>
      </c>
      <c r="DY36" s="66">
        <v>53</v>
      </c>
      <c r="DZ36" s="66">
        <v>24</v>
      </c>
      <c r="EA36" s="66">
        <v>19</v>
      </c>
      <c r="EB36" s="66">
        <v>11</v>
      </c>
      <c r="EC36" s="64">
        <v>157</v>
      </c>
      <c r="ED36" s="68">
        <v>190</v>
      </c>
      <c r="EE36" s="63">
        <v>2</v>
      </c>
      <c r="EF36" s="66">
        <v>3</v>
      </c>
      <c r="EG36" s="64">
        <v>5</v>
      </c>
      <c r="EH36" s="65">
        <v>0</v>
      </c>
      <c r="EI36" s="66">
        <v>14</v>
      </c>
      <c r="EJ36" s="66">
        <v>8</v>
      </c>
      <c r="EK36" s="66">
        <v>2</v>
      </c>
      <c r="EL36" s="66">
        <v>5</v>
      </c>
      <c r="EM36" s="66">
        <v>5</v>
      </c>
      <c r="EN36" s="64">
        <v>34</v>
      </c>
      <c r="EO36" s="68">
        <v>39</v>
      </c>
      <c r="EP36" s="63">
        <v>13</v>
      </c>
      <c r="EQ36" s="66">
        <v>23</v>
      </c>
      <c r="ER36" s="64">
        <v>36</v>
      </c>
      <c r="ES36" s="65">
        <v>0</v>
      </c>
      <c r="ET36" s="66">
        <v>79</v>
      </c>
      <c r="EU36" s="66">
        <v>48</v>
      </c>
      <c r="EV36" s="66">
        <v>26</v>
      </c>
      <c r="EW36" s="66">
        <v>19</v>
      </c>
      <c r="EX36" s="66">
        <v>8</v>
      </c>
      <c r="EY36" s="64">
        <v>180</v>
      </c>
      <c r="EZ36" s="68">
        <v>216</v>
      </c>
    </row>
    <row r="37" spans="2:156" ht="21" customHeight="1" x14ac:dyDescent="0.2">
      <c r="B37" s="131" t="s">
        <v>35</v>
      </c>
      <c r="C37" s="63">
        <v>0</v>
      </c>
      <c r="D37" s="66">
        <v>0</v>
      </c>
      <c r="E37" s="111">
        <v>0</v>
      </c>
      <c r="F37" s="65">
        <v>0</v>
      </c>
      <c r="G37" s="66">
        <v>113</v>
      </c>
      <c r="H37" s="66">
        <v>48</v>
      </c>
      <c r="I37" s="66">
        <v>47</v>
      </c>
      <c r="J37" s="66">
        <v>32</v>
      </c>
      <c r="K37" s="66">
        <v>16</v>
      </c>
      <c r="L37" s="67">
        <v>256</v>
      </c>
      <c r="M37" s="68">
        <v>256</v>
      </c>
      <c r="N37" s="63">
        <v>0</v>
      </c>
      <c r="O37" s="66">
        <v>0</v>
      </c>
      <c r="P37" s="64">
        <v>0</v>
      </c>
      <c r="Q37" s="65">
        <v>0</v>
      </c>
      <c r="R37" s="66">
        <v>1</v>
      </c>
      <c r="S37" s="66">
        <v>3</v>
      </c>
      <c r="T37" s="66">
        <v>5</v>
      </c>
      <c r="U37" s="66">
        <v>14</v>
      </c>
      <c r="V37" s="66">
        <v>10</v>
      </c>
      <c r="W37" s="64">
        <v>33</v>
      </c>
      <c r="X37" s="68">
        <v>33</v>
      </c>
      <c r="Y37" s="63">
        <v>7</v>
      </c>
      <c r="Z37" s="66">
        <v>12</v>
      </c>
      <c r="AA37" s="64">
        <v>19</v>
      </c>
      <c r="AB37" s="65">
        <v>0</v>
      </c>
      <c r="AC37" s="66">
        <v>47</v>
      </c>
      <c r="AD37" s="66">
        <v>32</v>
      </c>
      <c r="AE37" s="66">
        <v>34</v>
      </c>
      <c r="AF37" s="66">
        <v>21</v>
      </c>
      <c r="AG37" s="66">
        <v>12</v>
      </c>
      <c r="AH37" s="64">
        <v>146</v>
      </c>
      <c r="AI37" s="68">
        <v>165</v>
      </c>
      <c r="AJ37" s="63">
        <v>7</v>
      </c>
      <c r="AK37" s="66">
        <v>14</v>
      </c>
      <c r="AL37" s="64">
        <v>21</v>
      </c>
      <c r="AM37" s="65">
        <v>0</v>
      </c>
      <c r="AN37" s="66">
        <v>22</v>
      </c>
      <c r="AO37" s="66">
        <v>14</v>
      </c>
      <c r="AP37" s="66">
        <v>5</v>
      </c>
      <c r="AQ37" s="66">
        <v>10</v>
      </c>
      <c r="AR37" s="66">
        <v>5</v>
      </c>
      <c r="AS37" s="64">
        <v>56</v>
      </c>
      <c r="AT37" s="68">
        <v>77</v>
      </c>
      <c r="AU37" s="63">
        <v>14</v>
      </c>
      <c r="AV37" s="66">
        <v>23</v>
      </c>
      <c r="AW37" s="64">
        <v>37</v>
      </c>
      <c r="AX37" s="65">
        <v>0</v>
      </c>
      <c r="AY37" s="66">
        <v>102</v>
      </c>
      <c r="AZ37" s="66">
        <v>65</v>
      </c>
      <c r="BA37" s="66">
        <v>85</v>
      </c>
      <c r="BB37" s="66">
        <v>82</v>
      </c>
      <c r="BC37" s="66">
        <v>44</v>
      </c>
      <c r="BD37" s="67">
        <v>378</v>
      </c>
      <c r="BE37" s="68">
        <v>415</v>
      </c>
      <c r="BF37" s="63">
        <v>0</v>
      </c>
      <c r="BG37" s="66">
        <v>0</v>
      </c>
      <c r="BH37" s="64">
        <v>0</v>
      </c>
      <c r="BI37" s="65">
        <v>0</v>
      </c>
      <c r="BJ37" s="66">
        <v>136</v>
      </c>
      <c r="BK37" s="66">
        <v>80</v>
      </c>
      <c r="BL37" s="66">
        <v>55</v>
      </c>
      <c r="BM37" s="66">
        <v>29</v>
      </c>
      <c r="BN37" s="66">
        <v>16</v>
      </c>
      <c r="BO37" s="64">
        <v>316</v>
      </c>
      <c r="BP37" s="68">
        <v>316</v>
      </c>
      <c r="BQ37" s="63">
        <v>9</v>
      </c>
      <c r="BR37" s="66">
        <v>24</v>
      </c>
      <c r="BS37" s="64">
        <v>33</v>
      </c>
      <c r="BT37" s="65">
        <v>0</v>
      </c>
      <c r="BU37" s="66">
        <v>61</v>
      </c>
      <c r="BV37" s="66">
        <v>29</v>
      </c>
      <c r="BW37" s="66">
        <v>18</v>
      </c>
      <c r="BX37" s="66">
        <v>11</v>
      </c>
      <c r="BY37" s="66">
        <v>1</v>
      </c>
      <c r="BZ37" s="64">
        <v>120</v>
      </c>
      <c r="CA37" s="68">
        <v>153</v>
      </c>
      <c r="CB37" s="63">
        <v>1</v>
      </c>
      <c r="CC37" s="66">
        <v>0</v>
      </c>
      <c r="CD37" s="64">
        <v>1</v>
      </c>
      <c r="CE37" s="65">
        <v>0</v>
      </c>
      <c r="CF37" s="66">
        <v>9</v>
      </c>
      <c r="CG37" s="66">
        <v>10</v>
      </c>
      <c r="CH37" s="66">
        <v>12</v>
      </c>
      <c r="CI37" s="66">
        <v>7</v>
      </c>
      <c r="CJ37" s="66">
        <v>4</v>
      </c>
      <c r="CK37" s="64">
        <v>42</v>
      </c>
      <c r="CL37" s="68">
        <v>43</v>
      </c>
      <c r="CM37" s="63">
        <v>0</v>
      </c>
      <c r="CN37" s="66">
        <v>1</v>
      </c>
      <c r="CO37" s="64">
        <v>1</v>
      </c>
      <c r="CP37" s="65">
        <v>0</v>
      </c>
      <c r="CQ37" s="66">
        <v>3</v>
      </c>
      <c r="CR37" s="66">
        <v>3</v>
      </c>
      <c r="CS37" s="66">
        <v>3</v>
      </c>
      <c r="CT37" s="66">
        <v>2</v>
      </c>
      <c r="CU37" s="66">
        <v>1</v>
      </c>
      <c r="CV37" s="64">
        <v>12</v>
      </c>
      <c r="CW37" s="68">
        <v>13</v>
      </c>
      <c r="CX37" s="63">
        <v>0</v>
      </c>
      <c r="CY37" s="66">
        <v>0</v>
      </c>
      <c r="CZ37" s="64">
        <v>0</v>
      </c>
      <c r="DA37" s="65">
        <v>0</v>
      </c>
      <c r="DB37" s="66">
        <v>0</v>
      </c>
      <c r="DC37" s="66">
        <v>0</v>
      </c>
      <c r="DD37" s="66">
        <v>0</v>
      </c>
      <c r="DE37" s="66">
        <v>0</v>
      </c>
      <c r="DF37" s="66">
        <v>0</v>
      </c>
      <c r="DG37" s="64">
        <v>0</v>
      </c>
      <c r="DH37" s="68">
        <v>0</v>
      </c>
      <c r="DI37" s="63">
        <v>0</v>
      </c>
      <c r="DJ37" s="66">
        <v>0</v>
      </c>
      <c r="DK37" s="64">
        <v>0</v>
      </c>
      <c r="DL37" s="65">
        <v>0</v>
      </c>
      <c r="DM37" s="66">
        <v>0</v>
      </c>
      <c r="DN37" s="66">
        <v>0</v>
      </c>
      <c r="DO37" s="66">
        <v>0</v>
      </c>
      <c r="DP37" s="66">
        <v>0</v>
      </c>
      <c r="DQ37" s="66">
        <v>0</v>
      </c>
      <c r="DR37" s="64">
        <v>0</v>
      </c>
      <c r="DS37" s="68">
        <v>0</v>
      </c>
      <c r="DT37" s="63">
        <v>53</v>
      </c>
      <c r="DU37" s="66">
        <v>94</v>
      </c>
      <c r="DV37" s="64">
        <v>147</v>
      </c>
      <c r="DW37" s="65">
        <v>0</v>
      </c>
      <c r="DX37" s="66">
        <v>186</v>
      </c>
      <c r="DY37" s="66">
        <v>136</v>
      </c>
      <c r="DZ37" s="66">
        <v>94</v>
      </c>
      <c r="EA37" s="66">
        <v>64</v>
      </c>
      <c r="EB37" s="66">
        <v>38</v>
      </c>
      <c r="EC37" s="64">
        <v>518</v>
      </c>
      <c r="ED37" s="68">
        <v>665</v>
      </c>
      <c r="EE37" s="63">
        <v>15</v>
      </c>
      <c r="EF37" s="66">
        <v>14</v>
      </c>
      <c r="EG37" s="64">
        <v>29</v>
      </c>
      <c r="EH37" s="65">
        <v>0</v>
      </c>
      <c r="EI37" s="66">
        <v>43</v>
      </c>
      <c r="EJ37" s="66">
        <v>15</v>
      </c>
      <c r="EK37" s="66">
        <v>24</v>
      </c>
      <c r="EL37" s="66">
        <v>29</v>
      </c>
      <c r="EM37" s="66">
        <v>9</v>
      </c>
      <c r="EN37" s="64">
        <v>120</v>
      </c>
      <c r="EO37" s="68">
        <v>149</v>
      </c>
      <c r="EP37" s="63">
        <v>70</v>
      </c>
      <c r="EQ37" s="66">
        <v>122</v>
      </c>
      <c r="ER37" s="64">
        <v>192</v>
      </c>
      <c r="ES37" s="65">
        <v>0</v>
      </c>
      <c r="ET37" s="66">
        <v>312</v>
      </c>
      <c r="EU37" s="66">
        <v>169</v>
      </c>
      <c r="EV37" s="66">
        <v>110</v>
      </c>
      <c r="EW37" s="66">
        <v>69</v>
      </c>
      <c r="EX37" s="66">
        <v>40</v>
      </c>
      <c r="EY37" s="64">
        <v>700</v>
      </c>
      <c r="EZ37" s="68">
        <v>892</v>
      </c>
    </row>
    <row r="38" spans="2:156" ht="21" customHeight="1" x14ac:dyDescent="0.2">
      <c r="B38" s="131" t="s">
        <v>36</v>
      </c>
      <c r="C38" s="63">
        <v>0</v>
      </c>
      <c r="D38" s="66">
        <v>0</v>
      </c>
      <c r="E38" s="111">
        <v>0</v>
      </c>
      <c r="F38" s="65">
        <v>0</v>
      </c>
      <c r="G38" s="66">
        <v>57</v>
      </c>
      <c r="H38" s="66">
        <v>75</v>
      </c>
      <c r="I38" s="66">
        <v>40</v>
      </c>
      <c r="J38" s="66">
        <v>30</v>
      </c>
      <c r="K38" s="66">
        <v>42</v>
      </c>
      <c r="L38" s="67">
        <v>244</v>
      </c>
      <c r="M38" s="68">
        <v>244</v>
      </c>
      <c r="N38" s="63">
        <v>0</v>
      </c>
      <c r="O38" s="66">
        <v>1</v>
      </c>
      <c r="P38" s="64">
        <v>1</v>
      </c>
      <c r="Q38" s="65">
        <v>0</v>
      </c>
      <c r="R38" s="66">
        <v>1</v>
      </c>
      <c r="S38" s="66">
        <v>3</v>
      </c>
      <c r="T38" s="66">
        <v>10</v>
      </c>
      <c r="U38" s="66">
        <v>10</v>
      </c>
      <c r="V38" s="66">
        <v>11</v>
      </c>
      <c r="W38" s="64">
        <v>35</v>
      </c>
      <c r="X38" s="68">
        <v>36</v>
      </c>
      <c r="Y38" s="63">
        <v>6</v>
      </c>
      <c r="Z38" s="66">
        <v>21</v>
      </c>
      <c r="AA38" s="64">
        <v>27</v>
      </c>
      <c r="AB38" s="65">
        <v>0</v>
      </c>
      <c r="AC38" s="66">
        <v>48</v>
      </c>
      <c r="AD38" s="66">
        <v>55</v>
      </c>
      <c r="AE38" s="66">
        <v>38</v>
      </c>
      <c r="AF38" s="66">
        <v>28</v>
      </c>
      <c r="AG38" s="66">
        <v>33</v>
      </c>
      <c r="AH38" s="64">
        <v>202</v>
      </c>
      <c r="AI38" s="68">
        <v>229</v>
      </c>
      <c r="AJ38" s="63">
        <v>2</v>
      </c>
      <c r="AK38" s="66">
        <v>10</v>
      </c>
      <c r="AL38" s="64">
        <v>12</v>
      </c>
      <c r="AM38" s="65">
        <v>0</v>
      </c>
      <c r="AN38" s="66">
        <v>19</v>
      </c>
      <c r="AO38" s="66">
        <v>20</v>
      </c>
      <c r="AP38" s="66">
        <v>5</v>
      </c>
      <c r="AQ38" s="66">
        <v>9</v>
      </c>
      <c r="AR38" s="66">
        <v>7</v>
      </c>
      <c r="AS38" s="64">
        <v>60</v>
      </c>
      <c r="AT38" s="68">
        <v>72</v>
      </c>
      <c r="AU38" s="63">
        <v>5</v>
      </c>
      <c r="AV38" s="66">
        <v>9</v>
      </c>
      <c r="AW38" s="64">
        <v>14</v>
      </c>
      <c r="AX38" s="65">
        <v>0</v>
      </c>
      <c r="AY38" s="66">
        <v>44</v>
      </c>
      <c r="AZ38" s="66">
        <v>82</v>
      </c>
      <c r="BA38" s="66">
        <v>62</v>
      </c>
      <c r="BB38" s="66">
        <v>47</v>
      </c>
      <c r="BC38" s="66">
        <v>61</v>
      </c>
      <c r="BD38" s="67">
        <v>296</v>
      </c>
      <c r="BE38" s="68">
        <v>310</v>
      </c>
      <c r="BF38" s="63">
        <v>0</v>
      </c>
      <c r="BG38" s="66">
        <v>0</v>
      </c>
      <c r="BH38" s="64">
        <v>0</v>
      </c>
      <c r="BI38" s="65">
        <v>0</v>
      </c>
      <c r="BJ38" s="66">
        <v>81</v>
      </c>
      <c r="BK38" s="66">
        <v>93</v>
      </c>
      <c r="BL38" s="66">
        <v>42</v>
      </c>
      <c r="BM38" s="66">
        <v>28</v>
      </c>
      <c r="BN38" s="66">
        <v>13</v>
      </c>
      <c r="BO38" s="64">
        <v>257</v>
      </c>
      <c r="BP38" s="68">
        <v>257</v>
      </c>
      <c r="BQ38" s="63">
        <v>10</v>
      </c>
      <c r="BR38" s="66">
        <v>5</v>
      </c>
      <c r="BS38" s="64">
        <v>15</v>
      </c>
      <c r="BT38" s="65">
        <v>0</v>
      </c>
      <c r="BU38" s="66">
        <v>23</v>
      </c>
      <c r="BV38" s="66">
        <v>31</v>
      </c>
      <c r="BW38" s="66">
        <v>15</v>
      </c>
      <c r="BX38" s="66">
        <v>4</v>
      </c>
      <c r="BY38" s="66">
        <v>3</v>
      </c>
      <c r="BZ38" s="64">
        <v>76</v>
      </c>
      <c r="CA38" s="68">
        <v>91</v>
      </c>
      <c r="CB38" s="63">
        <v>0</v>
      </c>
      <c r="CC38" s="66">
        <v>0</v>
      </c>
      <c r="CD38" s="64">
        <v>0</v>
      </c>
      <c r="CE38" s="65">
        <v>0</v>
      </c>
      <c r="CF38" s="66">
        <v>9</v>
      </c>
      <c r="CG38" s="66">
        <v>24</v>
      </c>
      <c r="CH38" s="66">
        <v>18</v>
      </c>
      <c r="CI38" s="66">
        <v>21</v>
      </c>
      <c r="CJ38" s="66">
        <v>11</v>
      </c>
      <c r="CK38" s="64">
        <v>83</v>
      </c>
      <c r="CL38" s="68">
        <v>83</v>
      </c>
      <c r="CM38" s="63">
        <v>0</v>
      </c>
      <c r="CN38" s="66">
        <v>0</v>
      </c>
      <c r="CO38" s="64">
        <v>0</v>
      </c>
      <c r="CP38" s="65">
        <v>0</v>
      </c>
      <c r="CQ38" s="66">
        <v>1</v>
      </c>
      <c r="CR38" s="66">
        <v>1</v>
      </c>
      <c r="CS38" s="66">
        <v>0</v>
      </c>
      <c r="CT38" s="66">
        <v>1</v>
      </c>
      <c r="CU38" s="66">
        <v>0</v>
      </c>
      <c r="CV38" s="64">
        <v>3</v>
      </c>
      <c r="CW38" s="68">
        <v>3</v>
      </c>
      <c r="CX38" s="63">
        <v>0</v>
      </c>
      <c r="CY38" s="66">
        <v>0</v>
      </c>
      <c r="CZ38" s="64">
        <v>0</v>
      </c>
      <c r="DA38" s="65">
        <v>0</v>
      </c>
      <c r="DB38" s="66">
        <v>0</v>
      </c>
      <c r="DC38" s="66">
        <v>0</v>
      </c>
      <c r="DD38" s="66">
        <v>0</v>
      </c>
      <c r="DE38" s="66">
        <v>0</v>
      </c>
      <c r="DF38" s="66">
        <v>0</v>
      </c>
      <c r="DG38" s="64">
        <v>0</v>
      </c>
      <c r="DH38" s="68">
        <v>0</v>
      </c>
      <c r="DI38" s="63">
        <v>0</v>
      </c>
      <c r="DJ38" s="66">
        <v>0</v>
      </c>
      <c r="DK38" s="64">
        <v>0</v>
      </c>
      <c r="DL38" s="65">
        <v>0</v>
      </c>
      <c r="DM38" s="66">
        <v>0</v>
      </c>
      <c r="DN38" s="66">
        <v>0</v>
      </c>
      <c r="DO38" s="66">
        <v>0</v>
      </c>
      <c r="DP38" s="66">
        <v>0</v>
      </c>
      <c r="DQ38" s="66">
        <v>0</v>
      </c>
      <c r="DR38" s="64">
        <v>0</v>
      </c>
      <c r="DS38" s="68">
        <v>0</v>
      </c>
      <c r="DT38" s="63">
        <v>34</v>
      </c>
      <c r="DU38" s="66">
        <v>111</v>
      </c>
      <c r="DV38" s="64">
        <v>145</v>
      </c>
      <c r="DW38" s="65">
        <v>0</v>
      </c>
      <c r="DX38" s="66">
        <v>162</v>
      </c>
      <c r="DY38" s="66">
        <v>206</v>
      </c>
      <c r="DZ38" s="66">
        <v>107</v>
      </c>
      <c r="EA38" s="66">
        <v>75</v>
      </c>
      <c r="EB38" s="66">
        <v>57</v>
      </c>
      <c r="EC38" s="64">
        <v>607</v>
      </c>
      <c r="ED38" s="68">
        <v>752</v>
      </c>
      <c r="EE38" s="63">
        <v>4</v>
      </c>
      <c r="EF38" s="66">
        <v>1</v>
      </c>
      <c r="EG38" s="64">
        <v>5</v>
      </c>
      <c r="EH38" s="65">
        <v>0</v>
      </c>
      <c r="EI38" s="66">
        <v>16</v>
      </c>
      <c r="EJ38" s="66">
        <v>11</v>
      </c>
      <c r="EK38" s="66">
        <v>15</v>
      </c>
      <c r="EL38" s="66">
        <v>4</v>
      </c>
      <c r="EM38" s="66">
        <v>4</v>
      </c>
      <c r="EN38" s="64">
        <v>50</v>
      </c>
      <c r="EO38" s="68">
        <v>55</v>
      </c>
      <c r="EP38" s="63">
        <v>45</v>
      </c>
      <c r="EQ38" s="66">
        <v>129</v>
      </c>
      <c r="ER38" s="64">
        <v>174</v>
      </c>
      <c r="ES38" s="65">
        <v>0</v>
      </c>
      <c r="ET38" s="66">
        <v>271</v>
      </c>
      <c r="EU38" s="66">
        <v>268</v>
      </c>
      <c r="EV38" s="66">
        <v>133</v>
      </c>
      <c r="EW38" s="66">
        <v>87</v>
      </c>
      <c r="EX38" s="66">
        <v>73</v>
      </c>
      <c r="EY38" s="64">
        <v>832</v>
      </c>
      <c r="EZ38" s="68">
        <v>1006</v>
      </c>
    </row>
    <row r="39" spans="2:156" ht="21" customHeight="1" thickBot="1" x14ac:dyDescent="0.25">
      <c r="B39" s="132" t="s">
        <v>37</v>
      </c>
      <c r="C39" s="69">
        <v>0</v>
      </c>
      <c r="D39" s="72">
        <v>0</v>
      </c>
      <c r="E39" s="112">
        <v>0</v>
      </c>
      <c r="F39" s="71">
        <v>0</v>
      </c>
      <c r="G39" s="72">
        <v>6</v>
      </c>
      <c r="H39" s="72">
        <v>6</v>
      </c>
      <c r="I39" s="72">
        <v>4</v>
      </c>
      <c r="J39" s="72">
        <v>2</v>
      </c>
      <c r="K39" s="72">
        <v>4</v>
      </c>
      <c r="L39" s="73">
        <v>22</v>
      </c>
      <c r="M39" s="74">
        <v>22</v>
      </c>
      <c r="N39" s="69">
        <v>0</v>
      </c>
      <c r="O39" s="72">
        <v>0</v>
      </c>
      <c r="P39" s="70">
        <v>0</v>
      </c>
      <c r="Q39" s="71">
        <v>0</v>
      </c>
      <c r="R39" s="72">
        <v>0</v>
      </c>
      <c r="S39" s="72">
        <v>0</v>
      </c>
      <c r="T39" s="72">
        <v>0</v>
      </c>
      <c r="U39" s="72">
        <v>0</v>
      </c>
      <c r="V39" s="72">
        <v>1</v>
      </c>
      <c r="W39" s="70">
        <v>1</v>
      </c>
      <c r="X39" s="74">
        <v>1</v>
      </c>
      <c r="Y39" s="69">
        <v>2</v>
      </c>
      <c r="Z39" s="72">
        <v>0</v>
      </c>
      <c r="AA39" s="70">
        <v>2</v>
      </c>
      <c r="AB39" s="71">
        <v>0</v>
      </c>
      <c r="AC39" s="72">
        <v>5</v>
      </c>
      <c r="AD39" s="72">
        <v>5</v>
      </c>
      <c r="AE39" s="72">
        <v>2</v>
      </c>
      <c r="AF39" s="72">
        <v>6</v>
      </c>
      <c r="AG39" s="72">
        <v>4</v>
      </c>
      <c r="AH39" s="70">
        <v>22</v>
      </c>
      <c r="AI39" s="74">
        <v>24</v>
      </c>
      <c r="AJ39" s="69">
        <v>0</v>
      </c>
      <c r="AK39" s="72">
        <v>0</v>
      </c>
      <c r="AL39" s="70">
        <v>0</v>
      </c>
      <c r="AM39" s="71">
        <v>0</v>
      </c>
      <c r="AN39" s="72">
        <v>1</v>
      </c>
      <c r="AO39" s="72">
        <v>1</v>
      </c>
      <c r="AP39" s="72">
        <v>0</v>
      </c>
      <c r="AQ39" s="72">
        <v>1</v>
      </c>
      <c r="AR39" s="72">
        <v>1</v>
      </c>
      <c r="AS39" s="70">
        <v>4</v>
      </c>
      <c r="AT39" s="74">
        <v>4</v>
      </c>
      <c r="AU39" s="69">
        <v>3</v>
      </c>
      <c r="AV39" s="72">
        <v>0</v>
      </c>
      <c r="AW39" s="70">
        <v>3</v>
      </c>
      <c r="AX39" s="71">
        <v>0</v>
      </c>
      <c r="AY39" s="72">
        <v>5</v>
      </c>
      <c r="AZ39" s="72">
        <v>2</v>
      </c>
      <c r="BA39" s="72">
        <v>4</v>
      </c>
      <c r="BB39" s="72">
        <v>9</v>
      </c>
      <c r="BC39" s="72">
        <v>6</v>
      </c>
      <c r="BD39" s="73">
        <v>26</v>
      </c>
      <c r="BE39" s="74">
        <v>29</v>
      </c>
      <c r="BF39" s="69">
        <v>0</v>
      </c>
      <c r="BG39" s="72">
        <v>0</v>
      </c>
      <c r="BH39" s="70">
        <v>0</v>
      </c>
      <c r="BI39" s="71">
        <v>0</v>
      </c>
      <c r="BJ39" s="72">
        <v>6</v>
      </c>
      <c r="BK39" s="72">
        <v>5</v>
      </c>
      <c r="BL39" s="72">
        <v>4</v>
      </c>
      <c r="BM39" s="72">
        <v>6</v>
      </c>
      <c r="BN39" s="72">
        <v>1</v>
      </c>
      <c r="BO39" s="70">
        <v>22</v>
      </c>
      <c r="BP39" s="74">
        <v>22</v>
      </c>
      <c r="BQ39" s="69">
        <v>2</v>
      </c>
      <c r="BR39" s="72">
        <v>0</v>
      </c>
      <c r="BS39" s="70">
        <v>2</v>
      </c>
      <c r="BT39" s="71">
        <v>0</v>
      </c>
      <c r="BU39" s="72">
        <v>6</v>
      </c>
      <c r="BV39" s="72">
        <v>5</v>
      </c>
      <c r="BW39" s="72">
        <v>1</v>
      </c>
      <c r="BX39" s="72">
        <v>2</v>
      </c>
      <c r="BY39" s="72">
        <v>2</v>
      </c>
      <c r="BZ39" s="70">
        <v>16</v>
      </c>
      <c r="CA39" s="74">
        <v>18</v>
      </c>
      <c r="CB39" s="69">
        <v>0</v>
      </c>
      <c r="CC39" s="72">
        <v>0</v>
      </c>
      <c r="CD39" s="70">
        <v>0</v>
      </c>
      <c r="CE39" s="71">
        <v>0</v>
      </c>
      <c r="CF39" s="72">
        <v>0</v>
      </c>
      <c r="CG39" s="72">
        <v>2</v>
      </c>
      <c r="CH39" s="72">
        <v>2</v>
      </c>
      <c r="CI39" s="72">
        <v>1</v>
      </c>
      <c r="CJ39" s="72">
        <v>0</v>
      </c>
      <c r="CK39" s="70">
        <v>5</v>
      </c>
      <c r="CL39" s="74">
        <v>5</v>
      </c>
      <c r="CM39" s="69">
        <v>0</v>
      </c>
      <c r="CN39" s="72">
        <v>0</v>
      </c>
      <c r="CO39" s="70">
        <v>0</v>
      </c>
      <c r="CP39" s="71">
        <v>0</v>
      </c>
      <c r="CQ39" s="72">
        <v>0</v>
      </c>
      <c r="CR39" s="72">
        <v>0</v>
      </c>
      <c r="CS39" s="72">
        <v>0</v>
      </c>
      <c r="CT39" s="72">
        <v>0</v>
      </c>
      <c r="CU39" s="72">
        <v>1</v>
      </c>
      <c r="CV39" s="70">
        <v>1</v>
      </c>
      <c r="CW39" s="74">
        <v>1</v>
      </c>
      <c r="CX39" s="69">
        <v>0</v>
      </c>
      <c r="CY39" s="72">
        <v>0</v>
      </c>
      <c r="CZ39" s="70">
        <v>0</v>
      </c>
      <c r="DA39" s="71">
        <v>0</v>
      </c>
      <c r="DB39" s="72">
        <v>0</v>
      </c>
      <c r="DC39" s="72">
        <v>0</v>
      </c>
      <c r="DD39" s="72">
        <v>0</v>
      </c>
      <c r="DE39" s="72">
        <v>0</v>
      </c>
      <c r="DF39" s="72">
        <v>0</v>
      </c>
      <c r="DG39" s="70">
        <v>0</v>
      </c>
      <c r="DH39" s="74">
        <v>0</v>
      </c>
      <c r="DI39" s="69">
        <v>0</v>
      </c>
      <c r="DJ39" s="72">
        <v>0</v>
      </c>
      <c r="DK39" s="70">
        <v>0</v>
      </c>
      <c r="DL39" s="71">
        <v>0</v>
      </c>
      <c r="DM39" s="72">
        <v>0</v>
      </c>
      <c r="DN39" s="72">
        <v>0</v>
      </c>
      <c r="DO39" s="72">
        <v>0</v>
      </c>
      <c r="DP39" s="72">
        <v>0</v>
      </c>
      <c r="DQ39" s="72">
        <v>0</v>
      </c>
      <c r="DR39" s="70">
        <v>0</v>
      </c>
      <c r="DS39" s="74">
        <v>0</v>
      </c>
      <c r="DT39" s="69">
        <v>16</v>
      </c>
      <c r="DU39" s="72">
        <v>0</v>
      </c>
      <c r="DV39" s="70">
        <v>16</v>
      </c>
      <c r="DW39" s="71">
        <v>0</v>
      </c>
      <c r="DX39" s="72">
        <v>19</v>
      </c>
      <c r="DY39" s="72">
        <v>17</v>
      </c>
      <c r="DZ39" s="72">
        <v>9</v>
      </c>
      <c r="EA39" s="72">
        <v>11</v>
      </c>
      <c r="EB39" s="72">
        <v>6</v>
      </c>
      <c r="EC39" s="70">
        <v>62</v>
      </c>
      <c r="ED39" s="74">
        <v>78</v>
      </c>
      <c r="EE39" s="69">
        <v>0</v>
      </c>
      <c r="EF39" s="72">
        <v>0</v>
      </c>
      <c r="EG39" s="70">
        <v>0</v>
      </c>
      <c r="EH39" s="71">
        <v>0</v>
      </c>
      <c r="EI39" s="72">
        <v>0</v>
      </c>
      <c r="EJ39" s="72">
        <v>0</v>
      </c>
      <c r="EK39" s="72">
        <v>0</v>
      </c>
      <c r="EL39" s="72">
        <v>1</v>
      </c>
      <c r="EM39" s="72">
        <v>0</v>
      </c>
      <c r="EN39" s="70">
        <v>1</v>
      </c>
      <c r="EO39" s="74">
        <v>1</v>
      </c>
      <c r="EP39" s="69">
        <v>19</v>
      </c>
      <c r="EQ39" s="72">
        <v>0</v>
      </c>
      <c r="ER39" s="70">
        <v>19</v>
      </c>
      <c r="ES39" s="71">
        <v>0</v>
      </c>
      <c r="ET39" s="72">
        <v>26</v>
      </c>
      <c r="EU39" s="72">
        <v>20</v>
      </c>
      <c r="EV39" s="72">
        <v>12</v>
      </c>
      <c r="EW39" s="72">
        <v>12</v>
      </c>
      <c r="EX39" s="72">
        <v>6</v>
      </c>
      <c r="EY39" s="70">
        <v>76</v>
      </c>
      <c r="EZ39" s="74">
        <v>95</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50" customWidth="1"/>
    <col min="2" max="2" width="9.77734375" style="50" customWidth="1"/>
    <col min="3" max="4" width="9" style="50"/>
    <col min="5" max="5" width="10.33203125" style="50" customWidth="1"/>
    <col min="6" max="6" width="7.6640625" style="50" customWidth="1"/>
    <col min="7" max="7" width="10.21875" style="50" customWidth="1"/>
    <col min="8" max="8" width="10.44140625" style="50" customWidth="1"/>
    <col min="9" max="16" width="9" style="50"/>
    <col min="17" max="17" width="7.21875" style="50" customWidth="1"/>
    <col min="18" max="27" width="9" style="50"/>
    <col min="28" max="28" width="7.6640625" style="50" customWidth="1"/>
    <col min="29" max="38" width="9" style="50"/>
    <col min="39" max="39" width="7.6640625" style="50" customWidth="1"/>
    <col min="40" max="49" width="9" style="50"/>
    <col min="50" max="50" width="7.21875" style="50" customWidth="1"/>
    <col min="51" max="60" width="9" style="50"/>
    <col min="61" max="61" width="7.21875" style="50" customWidth="1"/>
    <col min="62" max="71" width="9" style="50"/>
    <col min="72" max="72" width="7.33203125" style="50" customWidth="1"/>
    <col min="73" max="82" width="9" style="50"/>
    <col min="83" max="83" width="7.44140625" style="50" customWidth="1"/>
    <col min="84" max="93" width="9" style="50"/>
    <col min="94" max="94" width="7.6640625" style="50" customWidth="1"/>
    <col min="95" max="104" width="9" style="50"/>
    <col min="105" max="105" width="7.44140625" style="50" customWidth="1"/>
    <col min="106" max="115" width="9" style="50"/>
    <col min="116" max="116" width="7.44140625" style="50" customWidth="1"/>
    <col min="117" max="126" width="9" style="50"/>
    <col min="127" max="127" width="7.44140625" style="50" customWidth="1"/>
    <col min="128" max="137" width="9" style="50"/>
    <col min="138" max="138" width="7.33203125" style="50" customWidth="1"/>
    <col min="139" max="148" width="9" style="50"/>
    <col min="149" max="149" width="7.77734375" style="50" customWidth="1"/>
    <col min="150" max="16384" width="9" style="50"/>
  </cols>
  <sheetData>
    <row r="1" spans="2:156" ht="24" customHeight="1" x14ac:dyDescent="0.2">
      <c r="B1" s="75" t="s">
        <v>120</v>
      </c>
      <c r="I1" s="464">
        <f>第１表!F2</f>
        <v>6</v>
      </c>
      <c r="J1" s="464"/>
      <c r="K1" s="43">
        <f>第１表!G2</f>
        <v>4</v>
      </c>
      <c r="L1" s="468">
        <f>IF(K1&lt;3,K1+12-2,K1-2)</f>
        <v>2</v>
      </c>
      <c r="M1" s="468"/>
    </row>
    <row r="2" spans="2:156" ht="24" customHeight="1" thickBot="1" x14ac:dyDescent="0.25">
      <c r="B2" s="75" t="s">
        <v>128</v>
      </c>
      <c r="G2" s="42"/>
      <c r="H2" s="43"/>
      <c r="J2" s="92"/>
      <c r="K2" s="92"/>
    </row>
    <row r="3" spans="2:156" ht="21" customHeight="1" thickBot="1" x14ac:dyDescent="0.25">
      <c r="B3" s="481"/>
      <c r="C3" s="472" t="s">
        <v>70</v>
      </c>
      <c r="D3" s="473"/>
      <c r="E3" s="473"/>
      <c r="F3" s="473"/>
      <c r="G3" s="473"/>
      <c r="H3" s="473"/>
      <c r="I3" s="473"/>
      <c r="J3" s="473"/>
      <c r="K3" s="473"/>
      <c r="L3" s="473"/>
      <c r="M3" s="474"/>
      <c r="N3" s="472" t="s">
        <v>71</v>
      </c>
      <c r="O3" s="473"/>
      <c r="P3" s="473"/>
      <c r="Q3" s="473"/>
      <c r="R3" s="473"/>
      <c r="S3" s="473"/>
      <c r="T3" s="473"/>
      <c r="U3" s="473"/>
      <c r="V3" s="473"/>
      <c r="W3" s="473"/>
      <c r="X3" s="474"/>
      <c r="Y3" s="472" t="s">
        <v>72</v>
      </c>
      <c r="Z3" s="473"/>
      <c r="AA3" s="473"/>
      <c r="AB3" s="473"/>
      <c r="AC3" s="473"/>
      <c r="AD3" s="473"/>
      <c r="AE3" s="473"/>
      <c r="AF3" s="473"/>
      <c r="AG3" s="473"/>
      <c r="AH3" s="473"/>
      <c r="AI3" s="474"/>
      <c r="AJ3" s="472" t="s">
        <v>73</v>
      </c>
      <c r="AK3" s="473"/>
      <c r="AL3" s="473"/>
      <c r="AM3" s="473"/>
      <c r="AN3" s="473"/>
      <c r="AO3" s="473"/>
      <c r="AP3" s="473"/>
      <c r="AQ3" s="473"/>
      <c r="AR3" s="473"/>
      <c r="AS3" s="473"/>
      <c r="AT3" s="474"/>
      <c r="AU3" s="472" t="s">
        <v>74</v>
      </c>
      <c r="AV3" s="473"/>
      <c r="AW3" s="473"/>
      <c r="AX3" s="473"/>
      <c r="AY3" s="473"/>
      <c r="AZ3" s="473"/>
      <c r="BA3" s="473"/>
      <c r="BB3" s="473"/>
      <c r="BC3" s="473"/>
      <c r="BD3" s="473"/>
      <c r="BE3" s="474"/>
      <c r="BF3" s="472" t="s">
        <v>75</v>
      </c>
      <c r="BG3" s="473"/>
      <c r="BH3" s="473"/>
      <c r="BI3" s="473"/>
      <c r="BJ3" s="473"/>
      <c r="BK3" s="473"/>
      <c r="BL3" s="473"/>
      <c r="BM3" s="473"/>
      <c r="BN3" s="473"/>
      <c r="BO3" s="473"/>
      <c r="BP3" s="474"/>
      <c r="BQ3" s="472" t="s">
        <v>76</v>
      </c>
      <c r="BR3" s="473"/>
      <c r="BS3" s="473"/>
      <c r="BT3" s="473"/>
      <c r="BU3" s="473"/>
      <c r="BV3" s="473"/>
      <c r="BW3" s="473"/>
      <c r="BX3" s="473"/>
      <c r="BY3" s="473"/>
      <c r="BZ3" s="473"/>
      <c r="CA3" s="474"/>
      <c r="CB3" s="472" t="s">
        <v>77</v>
      </c>
      <c r="CC3" s="473"/>
      <c r="CD3" s="473"/>
      <c r="CE3" s="473"/>
      <c r="CF3" s="473"/>
      <c r="CG3" s="473"/>
      <c r="CH3" s="473"/>
      <c r="CI3" s="473"/>
      <c r="CJ3" s="473"/>
      <c r="CK3" s="473"/>
      <c r="CL3" s="474"/>
      <c r="CM3" s="472" t="s">
        <v>78</v>
      </c>
      <c r="CN3" s="473"/>
      <c r="CO3" s="473"/>
      <c r="CP3" s="473"/>
      <c r="CQ3" s="473"/>
      <c r="CR3" s="473"/>
      <c r="CS3" s="473"/>
      <c r="CT3" s="473"/>
      <c r="CU3" s="473"/>
      <c r="CV3" s="473"/>
      <c r="CW3" s="474"/>
      <c r="CX3" s="472" t="s">
        <v>79</v>
      </c>
      <c r="CY3" s="473"/>
      <c r="CZ3" s="473"/>
      <c r="DA3" s="473"/>
      <c r="DB3" s="473"/>
      <c r="DC3" s="473"/>
      <c r="DD3" s="473"/>
      <c r="DE3" s="473"/>
      <c r="DF3" s="473"/>
      <c r="DG3" s="473"/>
      <c r="DH3" s="474"/>
      <c r="DI3" s="472" t="s">
        <v>149</v>
      </c>
      <c r="DJ3" s="473"/>
      <c r="DK3" s="473"/>
      <c r="DL3" s="473"/>
      <c r="DM3" s="473"/>
      <c r="DN3" s="473"/>
      <c r="DO3" s="473"/>
      <c r="DP3" s="473"/>
      <c r="DQ3" s="473"/>
      <c r="DR3" s="473"/>
      <c r="DS3" s="474"/>
      <c r="DT3" s="472" t="s">
        <v>80</v>
      </c>
      <c r="DU3" s="473"/>
      <c r="DV3" s="473"/>
      <c r="DW3" s="473"/>
      <c r="DX3" s="473"/>
      <c r="DY3" s="473"/>
      <c r="DZ3" s="473"/>
      <c r="EA3" s="473"/>
      <c r="EB3" s="473"/>
      <c r="EC3" s="473"/>
      <c r="ED3" s="474"/>
      <c r="EE3" s="472" t="s">
        <v>68</v>
      </c>
      <c r="EF3" s="473"/>
      <c r="EG3" s="473"/>
      <c r="EH3" s="473"/>
      <c r="EI3" s="473"/>
      <c r="EJ3" s="473"/>
      <c r="EK3" s="473"/>
      <c r="EL3" s="473"/>
      <c r="EM3" s="473"/>
      <c r="EN3" s="473"/>
      <c r="EO3" s="474"/>
      <c r="EP3" s="469" t="s">
        <v>69</v>
      </c>
      <c r="EQ3" s="470"/>
      <c r="ER3" s="470"/>
      <c r="ES3" s="470"/>
      <c r="ET3" s="470"/>
      <c r="EU3" s="470"/>
      <c r="EV3" s="470"/>
      <c r="EW3" s="470"/>
      <c r="EX3" s="470"/>
      <c r="EY3" s="470"/>
      <c r="EZ3" s="471"/>
    </row>
    <row r="4" spans="2:156" ht="21" customHeight="1" x14ac:dyDescent="0.2">
      <c r="B4" s="482"/>
      <c r="C4" s="480" t="s">
        <v>61</v>
      </c>
      <c r="D4" s="476"/>
      <c r="E4" s="477"/>
      <c r="F4" s="475" t="s">
        <v>62</v>
      </c>
      <c r="G4" s="476"/>
      <c r="H4" s="476"/>
      <c r="I4" s="476"/>
      <c r="J4" s="476"/>
      <c r="K4" s="476"/>
      <c r="L4" s="484"/>
      <c r="M4" s="478" t="s">
        <v>52</v>
      </c>
      <c r="N4" s="480" t="s">
        <v>61</v>
      </c>
      <c r="O4" s="476"/>
      <c r="P4" s="477"/>
      <c r="Q4" s="475" t="s">
        <v>62</v>
      </c>
      <c r="R4" s="476"/>
      <c r="S4" s="476"/>
      <c r="T4" s="476"/>
      <c r="U4" s="476"/>
      <c r="V4" s="476"/>
      <c r="W4" s="477"/>
      <c r="X4" s="478" t="s">
        <v>52</v>
      </c>
      <c r="Y4" s="480" t="s">
        <v>61</v>
      </c>
      <c r="Z4" s="476"/>
      <c r="AA4" s="477"/>
      <c r="AB4" s="475" t="s">
        <v>62</v>
      </c>
      <c r="AC4" s="476"/>
      <c r="AD4" s="476"/>
      <c r="AE4" s="476"/>
      <c r="AF4" s="476"/>
      <c r="AG4" s="476"/>
      <c r="AH4" s="477"/>
      <c r="AI4" s="478" t="s">
        <v>52</v>
      </c>
      <c r="AJ4" s="480" t="s">
        <v>61</v>
      </c>
      <c r="AK4" s="476"/>
      <c r="AL4" s="477"/>
      <c r="AM4" s="475" t="s">
        <v>62</v>
      </c>
      <c r="AN4" s="476"/>
      <c r="AO4" s="476"/>
      <c r="AP4" s="476"/>
      <c r="AQ4" s="476"/>
      <c r="AR4" s="476"/>
      <c r="AS4" s="477"/>
      <c r="AT4" s="478" t="s">
        <v>52</v>
      </c>
      <c r="AU4" s="480" t="s">
        <v>61</v>
      </c>
      <c r="AV4" s="476"/>
      <c r="AW4" s="477"/>
      <c r="AX4" s="475" t="s">
        <v>62</v>
      </c>
      <c r="AY4" s="476"/>
      <c r="AZ4" s="476"/>
      <c r="BA4" s="476"/>
      <c r="BB4" s="476"/>
      <c r="BC4" s="476"/>
      <c r="BD4" s="484"/>
      <c r="BE4" s="478" t="s">
        <v>52</v>
      </c>
      <c r="BF4" s="480" t="s">
        <v>61</v>
      </c>
      <c r="BG4" s="476"/>
      <c r="BH4" s="477"/>
      <c r="BI4" s="475" t="s">
        <v>62</v>
      </c>
      <c r="BJ4" s="476"/>
      <c r="BK4" s="476"/>
      <c r="BL4" s="476"/>
      <c r="BM4" s="476"/>
      <c r="BN4" s="476"/>
      <c r="BO4" s="477"/>
      <c r="BP4" s="478" t="s">
        <v>52</v>
      </c>
      <c r="BQ4" s="480" t="s">
        <v>61</v>
      </c>
      <c r="BR4" s="476"/>
      <c r="BS4" s="477"/>
      <c r="BT4" s="475" t="s">
        <v>62</v>
      </c>
      <c r="BU4" s="476"/>
      <c r="BV4" s="476"/>
      <c r="BW4" s="476"/>
      <c r="BX4" s="476"/>
      <c r="BY4" s="476"/>
      <c r="BZ4" s="477"/>
      <c r="CA4" s="478" t="s">
        <v>52</v>
      </c>
      <c r="CB4" s="480" t="s">
        <v>61</v>
      </c>
      <c r="CC4" s="476"/>
      <c r="CD4" s="477"/>
      <c r="CE4" s="475" t="s">
        <v>62</v>
      </c>
      <c r="CF4" s="476"/>
      <c r="CG4" s="476"/>
      <c r="CH4" s="476"/>
      <c r="CI4" s="476"/>
      <c r="CJ4" s="476"/>
      <c r="CK4" s="477"/>
      <c r="CL4" s="478" t="s">
        <v>52</v>
      </c>
      <c r="CM4" s="480" t="s">
        <v>61</v>
      </c>
      <c r="CN4" s="476"/>
      <c r="CO4" s="477"/>
      <c r="CP4" s="475" t="s">
        <v>62</v>
      </c>
      <c r="CQ4" s="476"/>
      <c r="CR4" s="476"/>
      <c r="CS4" s="476"/>
      <c r="CT4" s="476"/>
      <c r="CU4" s="476"/>
      <c r="CV4" s="477"/>
      <c r="CW4" s="478" t="s">
        <v>52</v>
      </c>
      <c r="CX4" s="480" t="s">
        <v>61</v>
      </c>
      <c r="CY4" s="476"/>
      <c r="CZ4" s="477"/>
      <c r="DA4" s="475" t="s">
        <v>62</v>
      </c>
      <c r="DB4" s="476"/>
      <c r="DC4" s="476"/>
      <c r="DD4" s="476"/>
      <c r="DE4" s="476"/>
      <c r="DF4" s="476"/>
      <c r="DG4" s="477"/>
      <c r="DH4" s="478" t="s">
        <v>52</v>
      </c>
      <c r="DI4" s="480" t="s">
        <v>61</v>
      </c>
      <c r="DJ4" s="476"/>
      <c r="DK4" s="477"/>
      <c r="DL4" s="475" t="s">
        <v>62</v>
      </c>
      <c r="DM4" s="476"/>
      <c r="DN4" s="476"/>
      <c r="DO4" s="476"/>
      <c r="DP4" s="476"/>
      <c r="DQ4" s="476"/>
      <c r="DR4" s="477"/>
      <c r="DS4" s="478" t="s">
        <v>52</v>
      </c>
      <c r="DT4" s="480" t="s">
        <v>61</v>
      </c>
      <c r="DU4" s="476"/>
      <c r="DV4" s="477"/>
      <c r="DW4" s="475" t="s">
        <v>62</v>
      </c>
      <c r="DX4" s="476"/>
      <c r="DY4" s="476"/>
      <c r="DZ4" s="476"/>
      <c r="EA4" s="476"/>
      <c r="EB4" s="476"/>
      <c r="EC4" s="477"/>
      <c r="ED4" s="478" t="s">
        <v>52</v>
      </c>
      <c r="EE4" s="480" t="s">
        <v>61</v>
      </c>
      <c r="EF4" s="476"/>
      <c r="EG4" s="477"/>
      <c r="EH4" s="475" t="s">
        <v>62</v>
      </c>
      <c r="EI4" s="476"/>
      <c r="EJ4" s="476"/>
      <c r="EK4" s="476"/>
      <c r="EL4" s="476"/>
      <c r="EM4" s="476"/>
      <c r="EN4" s="477"/>
      <c r="EO4" s="478" t="s">
        <v>52</v>
      </c>
      <c r="EP4" s="480" t="s">
        <v>61</v>
      </c>
      <c r="EQ4" s="476"/>
      <c r="ER4" s="477"/>
      <c r="ES4" s="475" t="s">
        <v>62</v>
      </c>
      <c r="ET4" s="476"/>
      <c r="EU4" s="476"/>
      <c r="EV4" s="476"/>
      <c r="EW4" s="476"/>
      <c r="EX4" s="476"/>
      <c r="EY4" s="477"/>
      <c r="EZ4" s="478" t="s">
        <v>52</v>
      </c>
    </row>
    <row r="5" spans="2:156" ht="30" customHeight="1" thickBot="1" x14ac:dyDescent="0.25">
      <c r="B5" s="483"/>
      <c r="C5" s="93" t="s">
        <v>43</v>
      </c>
      <c r="D5" s="51" t="s">
        <v>44</v>
      </c>
      <c r="E5" s="109" t="s">
        <v>45</v>
      </c>
      <c r="F5" s="55" t="s">
        <v>83</v>
      </c>
      <c r="G5" s="51" t="s">
        <v>47</v>
      </c>
      <c r="H5" s="51" t="s">
        <v>48</v>
      </c>
      <c r="I5" s="51" t="s">
        <v>49</v>
      </c>
      <c r="J5" s="51" t="s">
        <v>50</v>
      </c>
      <c r="K5" s="51" t="s">
        <v>51</v>
      </c>
      <c r="L5" s="56" t="s">
        <v>45</v>
      </c>
      <c r="M5" s="479"/>
      <c r="N5" s="93" t="s">
        <v>43</v>
      </c>
      <c r="O5" s="51" t="s">
        <v>44</v>
      </c>
      <c r="P5" s="54" t="s">
        <v>45</v>
      </c>
      <c r="Q5" s="55" t="s">
        <v>83</v>
      </c>
      <c r="R5" s="51" t="s">
        <v>47</v>
      </c>
      <c r="S5" s="51" t="s">
        <v>48</v>
      </c>
      <c r="T5" s="51" t="s">
        <v>49</v>
      </c>
      <c r="U5" s="51" t="s">
        <v>50</v>
      </c>
      <c r="V5" s="51" t="s">
        <v>51</v>
      </c>
      <c r="W5" s="54" t="s">
        <v>45</v>
      </c>
      <c r="X5" s="479"/>
      <c r="Y5" s="93" t="s">
        <v>43</v>
      </c>
      <c r="Z5" s="51" t="s">
        <v>44</v>
      </c>
      <c r="AA5" s="54" t="s">
        <v>45</v>
      </c>
      <c r="AB5" s="55" t="s">
        <v>83</v>
      </c>
      <c r="AC5" s="51" t="s">
        <v>47</v>
      </c>
      <c r="AD5" s="51" t="s">
        <v>48</v>
      </c>
      <c r="AE5" s="51" t="s">
        <v>49</v>
      </c>
      <c r="AF5" s="51" t="s">
        <v>50</v>
      </c>
      <c r="AG5" s="51" t="s">
        <v>51</v>
      </c>
      <c r="AH5" s="54" t="s">
        <v>45</v>
      </c>
      <c r="AI5" s="479"/>
      <c r="AJ5" s="93" t="s">
        <v>43</v>
      </c>
      <c r="AK5" s="51" t="s">
        <v>44</v>
      </c>
      <c r="AL5" s="54" t="s">
        <v>45</v>
      </c>
      <c r="AM5" s="55" t="s">
        <v>83</v>
      </c>
      <c r="AN5" s="51" t="s">
        <v>47</v>
      </c>
      <c r="AO5" s="51" t="s">
        <v>48</v>
      </c>
      <c r="AP5" s="51" t="s">
        <v>49</v>
      </c>
      <c r="AQ5" s="51" t="s">
        <v>50</v>
      </c>
      <c r="AR5" s="51" t="s">
        <v>51</v>
      </c>
      <c r="AS5" s="54" t="s">
        <v>45</v>
      </c>
      <c r="AT5" s="479"/>
      <c r="AU5" s="93" t="s">
        <v>43</v>
      </c>
      <c r="AV5" s="51" t="s">
        <v>44</v>
      </c>
      <c r="AW5" s="54" t="s">
        <v>45</v>
      </c>
      <c r="AX5" s="55" t="s">
        <v>83</v>
      </c>
      <c r="AY5" s="51" t="s">
        <v>47</v>
      </c>
      <c r="AZ5" s="51" t="s">
        <v>48</v>
      </c>
      <c r="BA5" s="51" t="s">
        <v>49</v>
      </c>
      <c r="BB5" s="51" t="s">
        <v>50</v>
      </c>
      <c r="BC5" s="51" t="s">
        <v>51</v>
      </c>
      <c r="BD5" s="56" t="s">
        <v>45</v>
      </c>
      <c r="BE5" s="479"/>
      <c r="BF5" s="93" t="s">
        <v>43</v>
      </c>
      <c r="BG5" s="51" t="s">
        <v>44</v>
      </c>
      <c r="BH5" s="54" t="s">
        <v>45</v>
      </c>
      <c r="BI5" s="55" t="s">
        <v>83</v>
      </c>
      <c r="BJ5" s="51" t="s">
        <v>47</v>
      </c>
      <c r="BK5" s="51" t="s">
        <v>48</v>
      </c>
      <c r="BL5" s="51" t="s">
        <v>49</v>
      </c>
      <c r="BM5" s="51" t="s">
        <v>50</v>
      </c>
      <c r="BN5" s="51" t="s">
        <v>51</v>
      </c>
      <c r="BO5" s="54" t="s">
        <v>45</v>
      </c>
      <c r="BP5" s="479"/>
      <c r="BQ5" s="93" t="s">
        <v>43</v>
      </c>
      <c r="BR5" s="51" t="s">
        <v>44</v>
      </c>
      <c r="BS5" s="54" t="s">
        <v>45</v>
      </c>
      <c r="BT5" s="55" t="s">
        <v>83</v>
      </c>
      <c r="BU5" s="51" t="s">
        <v>47</v>
      </c>
      <c r="BV5" s="51" t="s">
        <v>48</v>
      </c>
      <c r="BW5" s="51" t="s">
        <v>49</v>
      </c>
      <c r="BX5" s="51" t="s">
        <v>50</v>
      </c>
      <c r="BY5" s="51" t="s">
        <v>51</v>
      </c>
      <c r="BZ5" s="54" t="s">
        <v>45</v>
      </c>
      <c r="CA5" s="479"/>
      <c r="CB5" s="93" t="s">
        <v>43</v>
      </c>
      <c r="CC5" s="51" t="s">
        <v>44</v>
      </c>
      <c r="CD5" s="54" t="s">
        <v>45</v>
      </c>
      <c r="CE5" s="55" t="s">
        <v>83</v>
      </c>
      <c r="CF5" s="51" t="s">
        <v>47</v>
      </c>
      <c r="CG5" s="51" t="s">
        <v>48</v>
      </c>
      <c r="CH5" s="51" t="s">
        <v>49</v>
      </c>
      <c r="CI5" s="51" t="s">
        <v>50</v>
      </c>
      <c r="CJ5" s="51" t="s">
        <v>51</v>
      </c>
      <c r="CK5" s="54" t="s">
        <v>45</v>
      </c>
      <c r="CL5" s="479"/>
      <c r="CM5" s="93" t="s">
        <v>43</v>
      </c>
      <c r="CN5" s="51" t="s">
        <v>44</v>
      </c>
      <c r="CO5" s="54" t="s">
        <v>45</v>
      </c>
      <c r="CP5" s="55" t="s">
        <v>83</v>
      </c>
      <c r="CQ5" s="51" t="s">
        <v>47</v>
      </c>
      <c r="CR5" s="51" t="s">
        <v>48</v>
      </c>
      <c r="CS5" s="51" t="s">
        <v>49</v>
      </c>
      <c r="CT5" s="51" t="s">
        <v>50</v>
      </c>
      <c r="CU5" s="51" t="s">
        <v>51</v>
      </c>
      <c r="CV5" s="54" t="s">
        <v>45</v>
      </c>
      <c r="CW5" s="479"/>
      <c r="CX5" s="93" t="s">
        <v>43</v>
      </c>
      <c r="CY5" s="51" t="s">
        <v>44</v>
      </c>
      <c r="CZ5" s="54" t="s">
        <v>45</v>
      </c>
      <c r="DA5" s="55" t="s">
        <v>83</v>
      </c>
      <c r="DB5" s="51" t="s">
        <v>47</v>
      </c>
      <c r="DC5" s="51" t="s">
        <v>48</v>
      </c>
      <c r="DD5" s="51" t="s">
        <v>49</v>
      </c>
      <c r="DE5" s="51" t="s">
        <v>50</v>
      </c>
      <c r="DF5" s="51" t="s">
        <v>51</v>
      </c>
      <c r="DG5" s="54" t="s">
        <v>45</v>
      </c>
      <c r="DH5" s="479"/>
      <c r="DI5" s="95" t="s">
        <v>43</v>
      </c>
      <c r="DJ5" s="51" t="s">
        <v>44</v>
      </c>
      <c r="DK5" s="54" t="s">
        <v>45</v>
      </c>
      <c r="DL5" s="55" t="s">
        <v>83</v>
      </c>
      <c r="DM5" s="51" t="s">
        <v>47</v>
      </c>
      <c r="DN5" s="51" t="s">
        <v>48</v>
      </c>
      <c r="DO5" s="51" t="s">
        <v>49</v>
      </c>
      <c r="DP5" s="51" t="s">
        <v>50</v>
      </c>
      <c r="DQ5" s="51" t="s">
        <v>51</v>
      </c>
      <c r="DR5" s="54" t="s">
        <v>45</v>
      </c>
      <c r="DS5" s="479"/>
      <c r="DT5" s="93" t="s">
        <v>43</v>
      </c>
      <c r="DU5" s="51" t="s">
        <v>44</v>
      </c>
      <c r="DV5" s="54" t="s">
        <v>45</v>
      </c>
      <c r="DW5" s="55" t="s">
        <v>83</v>
      </c>
      <c r="DX5" s="51" t="s">
        <v>47</v>
      </c>
      <c r="DY5" s="51" t="s">
        <v>48</v>
      </c>
      <c r="DZ5" s="51" t="s">
        <v>49</v>
      </c>
      <c r="EA5" s="51" t="s">
        <v>50</v>
      </c>
      <c r="EB5" s="51" t="s">
        <v>51</v>
      </c>
      <c r="EC5" s="54" t="s">
        <v>45</v>
      </c>
      <c r="ED5" s="479"/>
      <c r="EE5" s="93" t="s">
        <v>43</v>
      </c>
      <c r="EF5" s="51" t="s">
        <v>44</v>
      </c>
      <c r="EG5" s="54" t="s">
        <v>45</v>
      </c>
      <c r="EH5" s="55" t="s">
        <v>83</v>
      </c>
      <c r="EI5" s="51" t="s">
        <v>47</v>
      </c>
      <c r="EJ5" s="51" t="s">
        <v>48</v>
      </c>
      <c r="EK5" s="51" t="s">
        <v>49</v>
      </c>
      <c r="EL5" s="51" t="s">
        <v>50</v>
      </c>
      <c r="EM5" s="51" t="s">
        <v>51</v>
      </c>
      <c r="EN5" s="54" t="s">
        <v>45</v>
      </c>
      <c r="EO5" s="479"/>
      <c r="EP5" s="93" t="s">
        <v>43</v>
      </c>
      <c r="EQ5" s="51" t="s">
        <v>44</v>
      </c>
      <c r="ER5" s="54" t="s">
        <v>45</v>
      </c>
      <c r="ES5" s="55" t="s">
        <v>83</v>
      </c>
      <c r="ET5" s="51" t="s">
        <v>47</v>
      </c>
      <c r="EU5" s="51" t="s">
        <v>48</v>
      </c>
      <c r="EV5" s="51" t="s">
        <v>49</v>
      </c>
      <c r="EW5" s="51" t="s">
        <v>50</v>
      </c>
      <c r="EX5" s="51" t="s">
        <v>51</v>
      </c>
      <c r="EY5" s="54" t="s">
        <v>45</v>
      </c>
      <c r="EZ5" s="479"/>
    </row>
    <row r="6" spans="2:156" ht="21" customHeight="1" x14ac:dyDescent="0.2">
      <c r="B6" s="129" t="s">
        <v>4</v>
      </c>
      <c r="C6" s="57">
        <v>0</v>
      </c>
      <c r="D6" s="60">
        <v>0</v>
      </c>
      <c r="E6" s="110">
        <v>0</v>
      </c>
      <c r="F6" s="59">
        <v>0</v>
      </c>
      <c r="G6" s="60">
        <v>1219</v>
      </c>
      <c r="H6" s="60">
        <v>1299</v>
      </c>
      <c r="I6" s="60">
        <v>672</v>
      </c>
      <c r="J6" s="60">
        <v>547</v>
      </c>
      <c r="K6" s="60">
        <v>410</v>
      </c>
      <c r="L6" s="61">
        <v>4147</v>
      </c>
      <c r="M6" s="62">
        <v>4147</v>
      </c>
      <c r="N6" s="57">
        <v>0</v>
      </c>
      <c r="O6" s="60">
        <v>1</v>
      </c>
      <c r="P6" s="58">
        <v>1</v>
      </c>
      <c r="Q6" s="59">
        <v>0</v>
      </c>
      <c r="R6" s="60">
        <v>7</v>
      </c>
      <c r="S6" s="60">
        <v>22</v>
      </c>
      <c r="T6" s="60">
        <v>58</v>
      </c>
      <c r="U6" s="60">
        <v>113</v>
      </c>
      <c r="V6" s="60">
        <v>195</v>
      </c>
      <c r="W6" s="58">
        <v>395</v>
      </c>
      <c r="X6" s="62">
        <v>396</v>
      </c>
      <c r="Y6" s="57">
        <v>186</v>
      </c>
      <c r="Z6" s="60">
        <v>422</v>
      </c>
      <c r="AA6" s="58">
        <v>608</v>
      </c>
      <c r="AB6" s="59">
        <v>0</v>
      </c>
      <c r="AC6" s="60">
        <v>947</v>
      </c>
      <c r="AD6" s="60">
        <v>1281</v>
      </c>
      <c r="AE6" s="60">
        <v>758</v>
      </c>
      <c r="AF6" s="60">
        <v>572</v>
      </c>
      <c r="AG6" s="60">
        <v>363</v>
      </c>
      <c r="AH6" s="58">
        <v>3921</v>
      </c>
      <c r="AI6" s="62">
        <v>4529</v>
      </c>
      <c r="AJ6" s="57">
        <v>26</v>
      </c>
      <c r="AK6" s="60">
        <v>61</v>
      </c>
      <c r="AL6" s="58">
        <v>87</v>
      </c>
      <c r="AM6" s="59">
        <v>0</v>
      </c>
      <c r="AN6" s="60">
        <v>80</v>
      </c>
      <c r="AO6" s="60">
        <v>107</v>
      </c>
      <c r="AP6" s="60">
        <v>77</v>
      </c>
      <c r="AQ6" s="60">
        <v>64</v>
      </c>
      <c r="AR6" s="60">
        <v>37</v>
      </c>
      <c r="AS6" s="58">
        <v>365</v>
      </c>
      <c r="AT6" s="62">
        <v>452</v>
      </c>
      <c r="AU6" s="57">
        <v>276</v>
      </c>
      <c r="AV6" s="60">
        <v>356</v>
      </c>
      <c r="AW6" s="58">
        <v>632</v>
      </c>
      <c r="AX6" s="59">
        <v>0</v>
      </c>
      <c r="AY6" s="60">
        <v>1359</v>
      </c>
      <c r="AZ6" s="60">
        <v>1651</v>
      </c>
      <c r="BA6" s="60">
        <v>1404</v>
      </c>
      <c r="BB6" s="60">
        <v>1270</v>
      </c>
      <c r="BC6" s="60">
        <v>821</v>
      </c>
      <c r="BD6" s="61">
        <v>6505</v>
      </c>
      <c r="BE6" s="62">
        <v>7137</v>
      </c>
      <c r="BF6" s="57">
        <v>0</v>
      </c>
      <c r="BG6" s="60">
        <v>0</v>
      </c>
      <c r="BH6" s="58">
        <v>0</v>
      </c>
      <c r="BI6" s="59">
        <v>0</v>
      </c>
      <c r="BJ6" s="60">
        <v>1620</v>
      </c>
      <c r="BK6" s="60">
        <v>1415</v>
      </c>
      <c r="BL6" s="60">
        <v>737</v>
      </c>
      <c r="BM6" s="60">
        <v>344</v>
      </c>
      <c r="BN6" s="60">
        <v>141</v>
      </c>
      <c r="BO6" s="58">
        <v>4257</v>
      </c>
      <c r="BP6" s="62">
        <v>4257</v>
      </c>
      <c r="BQ6" s="57">
        <v>144</v>
      </c>
      <c r="BR6" s="60">
        <v>180</v>
      </c>
      <c r="BS6" s="58">
        <v>324</v>
      </c>
      <c r="BT6" s="59">
        <v>0</v>
      </c>
      <c r="BU6" s="60">
        <v>382</v>
      </c>
      <c r="BV6" s="60">
        <v>497</v>
      </c>
      <c r="BW6" s="60">
        <v>301</v>
      </c>
      <c r="BX6" s="60">
        <v>175</v>
      </c>
      <c r="BY6" s="60">
        <v>42</v>
      </c>
      <c r="BZ6" s="58">
        <v>1397</v>
      </c>
      <c r="CA6" s="62">
        <v>1721</v>
      </c>
      <c r="CB6" s="57">
        <v>5</v>
      </c>
      <c r="CC6" s="60">
        <v>19</v>
      </c>
      <c r="CD6" s="58">
        <v>24</v>
      </c>
      <c r="CE6" s="59">
        <v>0</v>
      </c>
      <c r="CF6" s="60">
        <v>160</v>
      </c>
      <c r="CG6" s="60">
        <v>215</v>
      </c>
      <c r="CH6" s="60">
        <v>266</v>
      </c>
      <c r="CI6" s="60">
        <v>206</v>
      </c>
      <c r="CJ6" s="60">
        <v>94</v>
      </c>
      <c r="CK6" s="58">
        <v>941</v>
      </c>
      <c r="CL6" s="62">
        <v>965</v>
      </c>
      <c r="CM6" s="57">
        <v>0</v>
      </c>
      <c r="CN6" s="60">
        <v>2</v>
      </c>
      <c r="CO6" s="58">
        <v>2</v>
      </c>
      <c r="CP6" s="59">
        <v>0</v>
      </c>
      <c r="CQ6" s="60">
        <v>21</v>
      </c>
      <c r="CR6" s="60">
        <v>30</v>
      </c>
      <c r="CS6" s="60">
        <v>49</v>
      </c>
      <c r="CT6" s="60">
        <v>32</v>
      </c>
      <c r="CU6" s="60">
        <v>15</v>
      </c>
      <c r="CV6" s="58">
        <v>147</v>
      </c>
      <c r="CW6" s="62">
        <v>149</v>
      </c>
      <c r="CX6" s="57">
        <v>0</v>
      </c>
      <c r="CY6" s="60">
        <v>0</v>
      </c>
      <c r="CZ6" s="58">
        <v>0</v>
      </c>
      <c r="DA6" s="59">
        <v>0</v>
      </c>
      <c r="DB6" s="60">
        <v>0</v>
      </c>
      <c r="DC6" s="60">
        <v>0</v>
      </c>
      <c r="DD6" s="60">
        <v>0</v>
      </c>
      <c r="DE6" s="60">
        <v>0</v>
      </c>
      <c r="DF6" s="60">
        <v>0</v>
      </c>
      <c r="DG6" s="58">
        <v>0</v>
      </c>
      <c r="DH6" s="62">
        <v>0</v>
      </c>
      <c r="DI6" s="57">
        <v>0</v>
      </c>
      <c r="DJ6" s="60">
        <v>0</v>
      </c>
      <c r="DK6" s="58">
        <v>0</v>
      </c>
      <c r="DL6" s="59">
        <v>0</v>
      </c>
      <c r="DM6" s="60">
        <v>0</v>
      </c>
      <c r="DN6" s="60">
        <v>0</v>
      </c>
      <c r="DO6" s="60">
        <v>0</v>
      </c>
      <c r="DP6" s="60">
        <v>0</v>
      </c>
      <c r="DQ6" s="60">
        <v>0</v>
      </c>
      <c r="DR6" s="58">
        <v>0</v>
      </c>
      <c r="DS6" s="62">
        <v>0</v>
      </c>
      <c r="DT6" s="57">
        <v>644</v>
      </c>
      <c r="DU6" s="60">
        <v>1356</v>
      </c>
      <c r="DV6" s="58">
        <v>2000</v>
      </c>
      <c r="DW6" s="59">
        <v>0</v>
      </c>
      <c r="DX6" s="60">
        <v>1757</v>
      </c>
      <c r="DY6" s="60">
        <v>3066</v>
      </c>
      <c r="DZ6" s="60">
        <v>1777</v>
      </c>
      <c r="EA6" s="60">
        <v>1271</v>
      </c>
      <c r="EB6" s="60">
        <v>739</v>
      </c>
      <c r="EC6" s="58">
        <v>8610</v>
      </c>
      <c r="ED6" s="62">
        <v>10610</v>
      </c>
      <c r="EE6" s="57">
        <v>181</v>
      </c>
      <c r="EF6" s="60">
        <v>126</v>
      </c>
      <c r="EG6" s="58">
        <v>307</v>
      </c>
      <c r="EH6" s="59">
        <v>0</v>
      </c>
      <c r="EI6" s="60">
        <v>570</v>
      </c>
      <c r="EJ6" s="60">
        <v>520</v>
      </c>
      <c r="EK6" s="60">
        <v>419</v>
      </c>
      <c r="EL6" s="60">
        <v>448</v>
      </c>
      <c r="EM6" s="60">
        <v>228</v>
      </c>
      <c r="EN6" s="58">
        <v>2185</v>
      </c>
      <c r="EO6" s="62">
        <v>2492</v>
      </c>
      <c r="EP6" s="57">
        <v>927</v>
      </c>
      <c r="EQ6" s="60">
        <v>1733</v>
      </c>
      <c r="ER6" s="58">
        <v>2660</v>
      </c>
      <c r="ES6" s="59">
        <v>0</v>
      </c>
      <c r="ET6" s="60">
        <v>4169</v>
      </c>
      <c r="EU6" s="60">
        <v>4184</v>
      </c>
      <c r="EV6" s="60">
        <v>2131</v>
      </c>
      <c r="EW6" s="60">
        <v>1327</v>
      </c>
      <c r="EX6" s="60">
        <v>727</v>
      </c>
      <c r="EY6" s="58">
        <v>12538</v>
      </c>
      <c r="EZ6" s="62">
        <v>15198</v>
      </c>
    </row>
    <row r="7" spans="2:156" ht="21" customHeight="1" x14ac:dyDescent="0.2">
      <c r="B7" s="130" t="s">
        <v>5</v>
      </c>
      <c r="C7" s="63">
        <v>0</v>
      </c>
      <c r="D7" s="66">
        <v>0</v>
      </c>
      <c r="E7" s="111">
        <v>0</v>
      </c>
      <c r="F7" s="65">
        <v>0</v>
      </c>
      <c r="G7" s="66">
        <v>494</v>
      </c>
      <c r="H7" s="66">
        <v>652</v>
      </c>
      <c r="I7" s="66">
        <v>324</v>
      </c>
      <c r="J7" s="66">
        <v>245</v>
      </c>
      <c r="K7" s="66">
        <v>174</v>
      </c>
      <c r="L7" s="67">
        <v>1889</v>
      </c>
      <c r="M7" s="68">
        <v>1889</v>
      </c>
      <c r="N7" s="63">
        <v>0</v>
      </c>
      <c r="O7" s="66">
        <v>1</v>
      </c>
      <c r="P7" s="64">
        <v>1</v>
      </c>
      <c r="Q7" s="65">
        <v>0</v>
      </c>
      <c r="R7" s="66">
        <v>2</v>
      </c>
      <c r="S7" s="66">
        <v>8</v>
      </c>
      <c r="T7" s="66">
        <v>24</v>
      </c>
      <c r="U7" s="66">
        <v>54</v>
      </c>
      <c r="V7" s="66">
        <v>88</v>
      </c>
      <c r="W7" s="64">
        <v>176</v>
      </c>
      <c r="X7" s="68">
        <v>177</v>
      </c>
      <c r="Y7" s="63">
        <v>97</v>
      </c>
      <c r="Z7" s="66">
        <v>246</v>
      </c>
      <c r="AA7" s="64">
        <v>343</v>
      </c>
      <c r="AB7" s="65">
        <v>0</v>
      </c>
      <c r="AC7" s="66">
        <v>379</v>
      </c>
      <c r="AD7" s="66">
        <v>686</v>
      </c>
      <c r="AE7" s="66">
        <v>382</v>
      </c>
      <c r="AF7" s="66">
        <v>281</v>
      </c>
      <c r="AG7" s="66">
        <v>160</v>
      </c>
      <c r="AH7" s="64">
        <v>1888</v>
      </c>
      <c r="AI7" s="68">
        <v>2231</v>
      </c>
      <c r="AJ7" s="63">
        <v>10</v>
      </c>
      <c r="AK7" s="66">
        <v>30</v>
      </c>
      <c r="AL7" s="64">
        <v>40</v>
      </c>
      <c r="AM7" s="65">
        <v>0</v>
      </c>
      <c r="AN7" s="66">
        <v>21</v>
      </c>
      <c r="AO7" s="66">
        <v>46</v>
      </c>
      <c r="AP7" s="66">
        <v>30</v>
      </c>
      <c r="AQ7" s="66">
        <v>25</v>
      </c>
      <c r="AR7" s="66">
        <v>15</v>
      </c>
      <c r="AS7" s="64">
        <v>137</v>
      </c>
      <c r="AT7" s="68">
        <v>177</v>
      </c>
      <c r="AU7" s="63">
        <v>114</v>
      </c>
      <c r="AV7" s="66">
        <v>211</v>
      </c>
      <c r="AW7" s="64">
        <v>325</v>
      </c>
      <c r="AX7" s="65">
        <v>0</v>
      </c>
      <c r="AY7" s="66">
        <v>498</v>
      </c>
      <c r="AZ7" s="66">
        <v>773</v>
      </c>
      <c r="BA7" s="66">
        <v>644</v>
      </c>
      <c r="BB7" s="66">
        <v>538</v>
      </c>
      <c r="BC7" s="66">
        <v>350</v>
      </c>
      <c r="BD7" s="67">
        <v>2803</v>
      </c>
      <c r="BE7" s="68">
        <v>3128</v>
      </c>
      <c r="BF7" s="63">
        <v>0</v>
      </c>
      <c r="BG7" s="66">
        <v>0</v>
      </c>
      <c r="BH7" s="64">
        <v>0</v>
      </c>
      <c r="BI7" s="65">
        <v>0</v>
      </c>
      <c r="BJ7" s="66">
        <v>571</v>
      </c>
      <c r="BK7" s="66">
        <v>599</v>
      </c>
      <c r="BL7" s="66">
        <v>308</v>
      </c>
      <c r="BM7" s="66">
        <v>135</v>
      </c>
      <c r="BN7" s="66">
        <v>59</v>
      </c>
      <c r="BO7" s="64">
        <v>1672</v>
      </c>
      <c r="BP7" s="68">
        <v>1672</v>
      </c>
      <c r="BQ7" s="63">
        <v>75</v>
      </c>
      <c r="BR7" s="66">
        <v>95</v>
      </c>
      <c r="BS7" s="64">
        <v>170</v>
      </c>
      <c r="BT7" s="65">
        <v>0</v>
      </c>
      <c r="BU7" s="66">
        <v>128</v>
      </c>
      <c r="BV7" s="66">
        <v>241</v>
      </c>
      <c r="BW7" s="66">
        <v>151</v>
      </c>
      <c r="BX7" s="66">
        <v>88</v>
      </c>
      <c r="BY7" s="66">
        <v>18</v>
      </c>
      <c r="BZ7" s="64">
        <v>626</v>
      </c>
      <c r="CA7" s="68">
        <v>796</v>
      </c>
      <c r="CB7" s="63">
        <v>1</v>
      </c>
      <c r="CC7" s="66">
        <v>10</v>
      </c>
      <c r="CD7" s="64">
        <v>11</v>
      </c>
      <c r="CE7" s="65">
        <v>0</v>
      </c>
      <c r="CF7" s="66">
        <v>54</v>
      </c>
      <c r="CG7" s="66">
        <v>74</v>
      </c>
      <c r="CH7" s="66">
        <v>112</v>
      </c>
      <c r="CI7" s="66">
        <v>71</v>
      </c>
      <c r="CJ7" s="66">
        <v>36</v>
      </c>
      <c r="CK7" s="64">
        <v>347</v>
      </c>
      <c r="CL7" s="68">
        <v>358</v>
      </c>
      <c r="CM7" s="63">
        <v>0</v>
      </c>
      <c r="CN7" s="66">
        <v>2</v>
      </c>
      <c r="CO7" s="64">
        <v>2</v>
      </c>
      <c r="CP7" s="65">
        <v>0</v>
      </c>
      <c r="CQ7" s="66">
        <v>11</v>
      </c>
      <c r="CR7" s="66">
        <v>22</v>
      </c>
      <c r="CS7" s="66">
        <v>29</v>
      </c>
      <c r="CT7" s="66">
        <v>20</v>
      </c>
      <c r="CU7" s="66">
        <v>11</v>
      </c>
      <c r="CV7" s="64">
        <v>93</v>
      </c>
      <c r="CW7" s="68">
        <v>95</v>
      </c>
      <c r="CX7" s="63">
        <v>0</v>
      </c>
      <c r="CY7" s="66">
        <v>0</v>
      </c>
      <c r="CZ7" s="64">
        <v>0</v>
      </c>
      <c r="DA7" s="65">
        <v>0</v>
      </c>
      <c r="DB7" s="66">
        <v>0</v>
      </c>
      <c r="DC7" s="66">
        <v>0</v>
      </c>
      <c r="DD7" s="66">
        <v>0</v>
      </c>
      <c r="DE7" s="66">
        <v>0</v>
      </c>
      <c r="DF7" s="66">
        <v>0</v>
      </c>
      <c r="DG7" s="64">
        <v>0</v>
      </c>
      <c r="DH7" s="68">
        <v>0</v>
      </c>
      <c r="DI7" s="63">
        <v>0</v>
      </c>
      <c r="DJ7" s="66">
        <v>0</v>
      </c>
      <c r="DK7" s="64">
        <v>0</v>
      </c>
      <c r="DL7" s="65">
        <v>0</v>
      </c>
      <c r="DM7" s="66">
        <v>0</v>
      </c>
      <c r="DN7" s="66">
        <v>0</v>
      </c>
      <c r="DO7" s="66">
        <v>0</v>
      </c>
      <c r="DP7" s="66">
        <v>0</v>
      </c>
      <c r="DQ7" s="66">
        <v>0</v>
      </c>
      <c r="DR7" s="64">
        <v>0</v>
      </c>
      <c r="DS7" s="68">
        <v>0</v>
      </c>
      <c r="DT7" s="63">
        <v>251</v>
      </c>
      <c r="DU7" s="66">
        <v>656</v>
      </c>
      <c r="DV7" s="64">
        <v>907</v>
      </c>
      <c r="DW7" s="65">
        <v>0</v>
      </c>
      <c r="DX7" s="66">
        <v>570</v>
      </c>
      <c r="DY7" s="66">
        <v>1434</v>
      </c>
      <c r="DZ7" s="66">
        <v>820</v>
      </c>
      <c r="EA7" s="66">
        <v>571</v>
      </c>
      <c r="EB7" s="66">
        <v>326</v>
      </c>
      <c r="EC7" s="64">
        <v>3721</v>
      </c>
      <c r="ED7" s="68">
        <v>4628</v>
      </c>
      <c r="EE7" s="63">
        <v>69</v>
      </c>
      <c r="EF7" s="66">
        <v>76</v>
      </c>
      <c r="EG7" s="64">
        <v>145</v>
      </c>
      <c r="EH7" s="65">
        <v>0</v>
      </c>
      <c r="EI7" s="66">
        <v>201</v>
      </c>
      <c r="EJ7" s="66">
        <v>249</v>
      </c>
      <c r="EK7" s="66">
        <v>185</v>
      </c>
      <c r="EL7" s="66">
        <v>195</v>
      </c>
      <c r="EM7" s="66">
        <v>98</v>
      </c>
      <c r="EN7" s="64">
        <v>928</v>
      </c>
      <c r="EO7" s="68">
        <v>1073</v>
      </c>
      <c r="EP7" s="63">
        <v>392</v>
      </c>
      <c r="EQ7" s="66">
        <v>859</v>
      </c>
      <c r="ER7" s="64">
        <v>1251</v>
      </c>
      <c r="ES7" s="65">
        <v>0</v>
      </c>
      <c r="ET7" s="66">
        <v>1534</v>
      </c>
      <c r="EU7" s="66">
        <v>1974</v>
      </c>
      <c r="EV7" s="66">
        <v>985</v>
      </c>
      <c r="EW7" s="66">
        <v>601</v>
      </c>
      <c r="EX7" s="66">
        <v>307</v>
      </c>
      <c r="EY7" s="64">
        <v>5401</v>
      </c>
      <c r="EZ7" s="68">
        <v>6652</v>
      </c>
    </row>
    <row r="8" spans="2:156" ht="21" customHeight="1" x14ac:dyDescent="0.2">
      <c r="B8" s="131" t="s">
        <v>6</v>
      </c>
      <c r="C8" s="63">
        <v>0</v>
      </c>
      <c r="D8" s="66">
        <v>0</v>
      </c>
      <c r="E8" s="111">
        <v>0</v>
      </c>
      <c r="F8" s="65">
        <v>0</v>
      </c>
      <c r="G8" s="66">
        <v>184</v>
      </c>
      <c r="H8" s="66">
        <v>161</v>
      </c>
      <c r="I8" s="66">
        <v>64</v>
      </c>
      <c r="J8" s="66">
        <v>54</v>
      </c>
      <c r="K8" s="66">
        <v>52</v>
      </c>
      <c r="L8" s="67">
        <v>515</v>
      </c>
      <c r="M8" s="68">
        <v>515</v>
      </c>
      <c r="N8" s="63">
        <v>0</v>
      </c>
      <c r="O8" s="66">
        <v>0</v>
      </c>
      <c r="P8" s="64">
        <v>0</v>
      </c>
      <c r="Q8" s="65">
        <v>0</v>
      </c>
      <c r="R8" s="66">
        <v>1</v>
      </c>
      <c r="S8" s="66">
        <v>1</v>
      </c>
      <c r="T8" s="66">
        <v>6</v>
      </c>
      <c r="U8" s="66">
        <v>4</v>
      </c>
      <c r="V8" s="66">
        <v>24</v>
      </c>
      <c r="W8" s="64">
        <v>36</v>
      </c>
      <c r="X8" s="68">
        <v>36</v>
      </c>
      <c r="Y8" s="63">
        <v>14</v>
      </c>
      <c r="Z8" s="66">
        <v>51</v>
      </c>
      <c r="AA8" s="64">
        <v>65</v>
      </c>
      <c r="AB8" s="65">
        <v>0</v>
      </c>
      <c r="AC8" s="66">
        <v>148</v>
      </c>
      <c r="AD8" s="66">
        <v>165</v>
      </c>
      <c r="AE8" s="66">
        <v>72</v>
      </c>
      <c r="AF8" s="66">
        <v>63</v>
      </c>
      <c r="AG8" s="66">
        <v>40</v>
      </c>
      <c r="AH8" s="64">
        <v>488</v>
      </c>
      <c r="AI8" s="68">
        <v>553</v>
      </c>
      <c r="AJ8" s="63">
        <v>1</v>
      </c>
      <c r="AK8" s="66">
        <v>5</v>
      </c>
      <c r="AL8" s="64">
        <v>6</v>
      </c>
      <c r="AM8" s="65">
        <v>0</v>
      </c>
      <c r="AN8" s="66">
        <v>16</v>
      </c>
      <c r="AO8" s="66">
        <v>14</v>
      </c>
      <c r="AP8" s="66">
        <v>8</v>
      </c>
      <c r="AQ8" s="66">
        <v>7</v>
      </c>
      <c r="AR8" s="66">
        <v>3</v>
      </c>
      <c r="AS8" s="64">
        <v>48</v>
      </c>
      <c r="AT8" s="68">
        <v>54</v>
      </c>
      <c r="AU8" s="63">
        <v>49</v>
      </c>
      <c r="AV8" s="66">
        <v>47</v>
      </c>
      <c r="AW8" s="64">
        <v>96</v>
      </c>
      <c r="AX8" s="65">
        <v>0</v>
      </c>
      <c r="AY8" s="66">
        <v>240</v>
      </c>
      <c r="AZ8" s="66">
        <v>225</v>
      </c>
      <c r="BA8" s="66">
        <v>168</v>
      </c>
      <c r="BB8" s="66">
        <v>177</v>
      </c>
      <c r="BC8" s="66">
        <v>112</v>
      </c>
      <c r="BD8" s="67">
        <v>922</v>
      </c>
      <c r="BE8" s="68">
        <v>1018</v>
      </c>
      <c r="BF8" s="63">
        <v>0</v>
      </c>
      <c r="BG8" s="66">
        <v>0</v>
      </c>
      <c r="BH8" s="64">
        <v>0</v>
      </c>
      <c r="BI8" s="65">
        <v>0</v>
      </c>
      <c r="BJ8" s="66">
        <v>242</v>
      </c>
      <c r="BK8" s="66">
        <v>196</v>
      </c>
      <c r="BL8" s="66">
        <v>87</v>
      </c>
      <c r="BM8" s="66">
        <v>50</v>
      </c>
      <c r="BN8" s="66">
        <v>21</v>
      </c>
      <c r="BO8" s="64">
        <v>596</v>
      </c>
      <c r="BP8" s="68">
        <v>596</v>
      </c>
      <c r="BQ8" s="63">
        <v>10</v>
      </c>
      <c r="BR8" s="66">
        <v>9</v>
      </c>
      <c r="BS8" s="64">
        <v>19</v>
      </c>
      <c r="BT8" s="65">
        <v>0</v>
      </c>
      <c r="BU8" s="66">
        <v>49</v>
      </c>
      <c r="BV8" s="66">
        <v>55</v>
      </c>
      <c r="BW8" s="66">
        <v>30</v>
      </c>
      <c r="BX8" s="66">
        <v>17</v>
      </c>
      <c r="BY8" s="66">
        <v>4</v>
      </c>
      <c r="BZ8" s="64">
        <v>155</v>
      </c>
      <c r="CA8" s="68">
        <v>174</v>
      </c>
      <c r="CB8" s="63">
        <v>1</v>
      </c>
      <c r="CC8" s="66">
        <v>2</v>
      </c>
      <c r="CD8" s="64">
        <v>3</v>
      </c>
      <c r="CE8" s="65">
        <v>0</v>
      </c>
      <c r="CF8" s="66">
        <v>14</v>
      </c>
      <c r="CG8" s="66">
        <v>25</v>
      </c>
      <c r="CH8" s="66">
        <v>24</v>
      </c>
      <c r="CI8" s="66">
        <v>21</v>
      </c>
      <c r="CJ8" s="66">
        <v>14</v>
      </c>
      <c r="CK8" s="64">
        <v>98</v>
      </c>
      <c r="CL8" s="68">
        <v>101</v>
      </c>
      <c r="CM8" s="63">
        <v>0</v>
      </c>
      <c r="CN8" s="66">
        <v>0</v>
      </c>
      <c r="CO8" s="64">
        <v>0</v>
      </c>
      <c r="CP8" s="65">
        <v>0</v>
      </c>
      <c r="CQ8" s="66">
        <v>1</v>
      </c>
      <c r="CR8" s="66">
        <v>1</v>
      </c>
      <c r="CS8" s="66">
        <v>3</v>
      </c>
      <c r="CT8" s="66">
        <v>2</v>
      </c>
      <c r="CU8" s="66">
        <v>3</v>
      </c>
      <c r="CV8" s="64">
        <v>10</v>
      </c>
      <c r="CW8" s="68">
        <v>10</v>
      </c>
      <c r="CX8" s="63">
        <v>0</v>
      </c>
      <c r="CY8" s="66">
        <v>0</v>
      </c>
      <c r="CZ8" s="64">
        <v>0</v>
      </c>
      <c r="DA8" s="65">
        <v>0</v>
      </c>
      <c r="DB8" s="66">
        <v>0</v>
      </c>
      <c r="DC8" s="66">
        <v>0</v>
      </c>
      <c r="DD8" s="66">
        <v>0</v>
      </c>
      <c r="DE8" s="66">
        <v>0</v>
      </c>
      <c r="DF8" s="66">
        <v>0</v>
      </c>
      <c r="DG8" s="64">
        <v>0</v>
      </c>
      <c r="DH8" s="68">
        <v>0</v>
      </c>
      <c r="DI8" s="63">
        <v>0</v>
      </c>
      <c r="DJ8" s="66">
        <v>0</v>
      </c>
      <c r="DK8" s="64">
        <v>0</v>
      </c>
      <c r="DL8" s="65">
        <v>0</v>
      </c>
      <c r="DM8" s="66">
        <v>0</v>
      </c>
      <c r="DN8" s="66">
        <v>0</v>
      </c>
      <c r="DO8" s="66">
        <v>0</v>
      </c>
      <c r="DP8" s="66">
        <v>0</v>
      </c>
      <c r="DQ8" s="66">
        <v>0</v>
      </c>
      <c r="DR8" s="64">
        <v>0</v>
      </c>
      <c r="DS8" s="68">
        <v>0</v>
      </c>
      <c r="DT8" s="63">
        <v>75</v>
      </c>
      <c r="DU8" s="66">
        <v>126</v>
      </c>
      <c r="DV8" s="64">
        <v>201</v>
      </c>
      <c r="DW8" s="65">
        <v>0</v>
      </c>
      <c r="DX8" s="66">
        <v>272</v>
      </c>
      <c r="DY8" s="66">
        <v>379</v>
      </c>
      <c r="DZ8" s="66">
        <v>189</v>
      </c>
      <c r="EA8" s="66">
        <v>160</v>
      </c>
      <c r="EB8" s="66">
        <v>100</v>
      </c>
      <c r="EC8" s="64">
        <v>1100</v>
      </c>
      <c r="ED8" s="68">
        <v>1301</v>
      </c>
      <c r="EE8" s="63">
        <v>28</v>
      </c>
      <c r="EF8" s="66">
        <v>11</v>
      </c>
      <c r="EG8" s="64">
        <v>39</v>
      </c>
      <c r="EH8" s="65">
        <v>0</v>
      </c>
      <c r="EI8" s="66">
        <v>93</v>
      </c>
      <c r="EJ8" s="66">
        <v>58</v>
      </c>
      <c r="EK8" s="66">
        <v>59</v>
      </c>
      <c r="EL8" s="66">
        <v>59</v>
      </c>
      <c r="EM8" s="66">
        <v>30</v>
      </c>
      <c r="EN8" s="64">
        <v>299</v>
      </c>
      <c r="EO8" s="68">
        <v>338</v>
      </c>
      <c r="EP8" s="63">
        <v>95</v>
      </c>
      <c r="EQ8" s="66">
        <v>167</v>
      </c>
      <c r="ER8" s="64">
        <v>262</v>
      </c>
      <c r="ES8" s="65">
        <v>0</v>
      </c>
      <c r="ET8" s="66">
        <v>595</v>
      </c>
      <c r="EU8" s="66">
        <v>501</v>
      </c>
      <c r="EV8" s="66">
        <v>218</v>
      </c>
      <c r="EW8" s="66">
        <v>150</v>
      </c>
      <c r="EX8" s="66">
        <v>101</v>
      </c>
      <c r="EY8" s="64">
        <v>1565</v>
      </c>
      <c r="EZ8" s="68">
        <v>1827</v>
      </c>
    </row>
    <row r="9" spans="2:156" ht="21" customHeight="1" x14ac:dyDescent="0.2">
      <c r="B9" s="131" t="s">
        <v>14</v>
      </c>
      <c r="C9" s="63">
        <v>0</v>
      </c>
      <c r="D9" s="66">
        <v>0</v>
      </c>
      <c r="E9" s="111">
        <v>0</v>
      </c>
      <c r="F9" s="65">
        <v>0</v>
      </c>
      <c r="G9" s="66">
        <v>59</v>
      </c>
      <c r="H9" s="66">
        <v>93</v>
      </c>
      <c r="I9" s="66">
        <v>51</v>
      </c>
      <c r="J9" s="66">
        <v>41</v>
      </c>
      <c r="K9" s="66">
        <v>31</v>
      </c>
      <c r="L9" s="67">
        <v>275</v>
      </c>
      <c r="M9" s="68">
        <v>275</v>
      </c>
      <c r="N9" s="63">
        <v>0</v>
      </c>
      <c r="O9" s="66">
        <v>0</v>
      </c>
      <c r="P9" s="64">
        <v>0</v>
      </c>
      <c r="Q9" s="65">
        <v>0</v>
      </c>
      <c r="R9" s="66">
        <v>0</v>
      </c>
      <c r="S9" s="66">
        <v>0</v>
      </c>
      <c r="T9" s="66">
        <v>4</v>
      </c>
      <c r="U9" s="66">
        <v>7</v>
      </c>
      <c r="V9" s="66">
        <v>4</v>
      </c>
      <c r="W9" s="64">
        <v>15</v>
      </c>
      <c r="X9" s="68">
        <v>15</v>
      </c>
      <c r="Y9" s="63">
        <v>12</v>
      </c>
      <c r="Z9" s="66">
        <v>24</v>
      </c>
      <c r="AA9" s="64">
        <v>36</v>
      </c>
      <c r="AB9" s="65">
        <v>0</v>
      </c>
      <c r="AC9" s="66">
        <v>55</v>
      </c>
      <c r="AD9" s="66">
        <v>90</v>
      </c>
      <c r="AE9" s="66">
        <v>58</v>
      </c>
      <c r="AF9" s="66">
        <v>38</v>
      </c>
      <c r="AG9" s="66">
        <v>27</v>
      </c>
      <c r="AH9" s="64">
        <v>268</v>
      </c>
      <c r="AI9" s="68">
        <v>304</v>
      </c>
      <c r="AJ9" s="63">
        <v>0</v>
      </c>
      <c r="AK9" s="66">
        <v>3</v>
      </c>
      <c r="AL9" s="64">
        <v>3</v>
      </c>
      <c r="AM9" s="65">
        <v>0</v>
      </c>
      <c r="AN9" s="66">
        <v>0</v>
      </c>
      <c r="AO9" s="66">
        <v>2</v>
      </c>
      <c r="AP9" s="66">
        <v>2</v>
      </c>
      <c r="AQ9" s="66">
        <v>5</v>
      </c>
      <c r="AR9" s="66">
        <v>0</v>
      </c>
      <c r="AS9" s="64">
        <v>9</v>
      </c>
      <c r="AT9" s="68">
        <v>12</v>
      </c>
      <c r="AU9" s="63">
        <v>18</v>
      </c>
      <c r="AV9" s="66">
        <v>23</v>
      </c>
      <c r="AW9" s="64">
        <v>41</v>
      </c>
      <c r="AX9" s="65">
        <v>0</v>
      </c>
      <c r="AY9" s="66">
        <v>85</v>
      </c>
      <c r="AZ9" s="66">
        <v>105</v>
      </c>
      <c r="BA9" s="66">
        <v>103</v>
      </c>
      <c r="BB9" s="66">
        <v>97</v>
      </c>
      <c r="BC9" s="66">
        <v>57</v>
      </c>
      <c r="BD9" s="67">
        <v>447</v>
      </c>
      <c r="BE9" s="68">
        <v>488</v>
      </c>
      <c r="BF9" s="63">
        <v>0</v>
      </c>
      <c r="BG9" s="66">
        <v>0</v>
      </c>
      <c r="BH9" s="64">
        <v>0</v>
      </c>
      <c r="BI9" s="65">
        <v>0</v>
      </c>
      <c r="BJ9" s="66">
        <v>112</v>
      </c>
      <c r="BK9" s="66">
        <v>124</v>
      </c>
      <c r="BL9" s="66">
        <v>74</v>
      </c>
      <c r="BM9" s="66">
        <v>32</v>
      </c>
      <c r="BN9" s="66">
        <v>13</v>
      </c>
      <c r="BO9" s="64">
        <v>355</v>
      </c>
      <c r="BP9" s="68">
        <v>355</v>
      </c>
      <c r="BQ9" s="63">
        <v>4</v>
      </c>
      <c r="BR9" s="66">
        <v>13</v>
      </c>
      <c r="BS9" s="64">
        <v>17</v>
      </c>
      <c r="BT9" s="65">
        <v>0</v>
      </c>
      <c r="BU9" s="66">
        <v>13</v>
      </c>
      <c r="BV9" s="66">
        <v>29</v>
      </c>
      <c r="BW9" s="66">
        <v>13</v>
      </c>
      <c r="BX9" s="66">
        <v>10</v>
      </c>
      <c r="BY9" s="66">
        <v>1</v>
      </c>
      <c r="BZ9" s="64">
        <v>66</v>
      </c>
      <c r="CA9" s="68">
        <v>83</v>
      </c>
      <c r="CB9" s="63">
        <v>0</v>
      </c>
      <c r="CC9" s="66">
        <v>0</v>
      </c>
      <c r="CD9" s="64">
        <v>0</v>
      </c>
      <c r="CE9" s="65">
        <v>0</v>
      </c>
      <c r="CF9" s="66">
        <v>9</v>
      </c>
      <c r="CG9" s="66">
        <v>21</v>
      </c>
      <c r="CH9" s="66">
        <v>21</v>
      </c>
      <c r="CI9" s="66">
        <v>16</v>
      </c>
      <c r="CJ9" s="66">
        <v>6</v>
      </c>
      <c r="CK9" s="64">
        <v>73</v>
      </c>
      <c r="CL9" s="68">
        <v>73</v>
      </c>
      <c r="CM9" s="63">
        <v>0</v>
      </c>
      <c r="CN9" s="66">
        <v>0</v>
      </c>
      <c r="CO9" s="64">
        <v>0</v>
      </c>
      <c r="CP9" s="65">
        <v>0</v>
      </c>
      <c r="CQ9" s="66">
        <v>0</v>
      </c>
      <c r="CR9" s="66">
        <v>2</v>
      </c>
      <c r="CS9" s="66">
        <v>0</v>
      </c>
      <c r="CT9" s="66">
        <v>1</v>
      </c>
      <c r="CU9" s="66">
        <v>0</v>
      </c>
      <c r="CV9" s="64">
        <v>3</v>
      </c>
      <c r="CW9" s="68">
        <v>3</v>
      </c>
      <c r="CX9" s="63">
        <v>0</v>
      </c>
      <c r="CY9" s="66">
        <v>0</v>
      </c>
      <c r="CZ9" s="64">
        <v>0</v>
      </c>
      <c r="DA9" s="65">
        <v>0</v>
      </c>
      <c r="DB9" s="66">
        <v>0</v>
      </c>
      <c r="DC9" s="66">
        <v>0</v>
      </c>
      <c r="DD9" s="66">
        <v>0</v>
      </c>
      <c r="DE9" s="66">
        <v>0</v>
      </c>
      <c r="DF9" s="66">
        <v>0</v>
      </c>
      <c r="DG9" s="64">
        <v>0</v>
      </c>
      <c r="DH9" s="68">
        <v>0</v>
      </c>
      <c r="DI9" s="63">
        <v>0</v>
      </c>
      <c r="DJ9" s="66">
        <v>0</v>
      </c>
      <c r="DK9" s="64">
        <v>0</v>
      </c>
      <c r="DL9" s="65">
        <v>0</v>
      </c>
      <c r="DM9" s="66">
        <v>0</v>
      </c>
      <c r="DN9" s="66">
        <v>0</v>
      </c>
      <c r="DO9" s="66">
        <v>0</v>
      </c>
      <c r="DP9" s="66">
        <v>0</v>
      </c>
      <c r="DQ9" s="66">
        <v>0</v>
      </c>
      <c r="DR9" s="64">
        <v>0</v>
      </c>
      <c r="DS9" s="68">
        <v>0</v>
      </c>
      <c r="DT9" s="63">
        <v>37</v>
      </c>
      <c r="DU9" s="66">
        <v>111</v>
      </c>
      <c r="DV9" s="64">
        <v>148</v>
      </c>
      <c r="DW9" s="65">
        <v>0</v>
      </c>
      <c r="DX9" s="66">
        <v>116</v>
      </c>
      <c r="DY9" s="66">
        <v>245</v>
      </c>
      <c r="DZ9" s="66">
        <v>148</v>
      </c>
      <c r="EA9" s="66">
        <v>97</v>
      </c>
      <c r="EB9" s="66">
        <v>48</v>
      </c>
      <c r="EC9" s="64">
        <v>654</v>
      </c>
      <c r="ED9" s="68">
        <v>802</v>
      </c>
      <c r="EE9" s="63">
        <v>14</v>
      </c>
      <c r="EF9" s="66">
        <v>7</v>
      </c>
      <c r="EG9" s="64">
        <v>21</v>
      </c>
      <c r="EH9" s="65">
        <v>0</v>
      </c>
      <c r="EI9" s="66">
        <v>32</v>
      </c>
      <c r="EJ9" s="66">
        <v>33</v>
      </c>
      <c r="EK9" s="66">
        <v>25</v>
      </c>
      <c r="EL9" s="66">
        <v>24</v>
      </c>
      <c r="EM9" s="66">
        <v>14</v>
      </c>
      <c r="EN9" s="64">
        <v>128</v>
      </c>
      <c r="EO9" s="68">
        <v>149</v>
      </c>
      <c r="EP9" s="63">
        <v>50</v>
      </c>
      <c r="EQ9" s="66">
        <v>135</v>
      </c>
      <c r="ER9" s="64">
        <v>185</v>
      </c>
      <c r="ES9" s="65">
        <v>0</v>
      </c>
      <c r="ET9" s="66">
        <v>265</v>
      </c>
      <c r="EU9" s="66">
        <v>341</v>
      </c>
      <c r="EV9" s="66">
        <v>182</v>
      </c>
      <c r="EW9" s="66">
        <v>110</v>
      </c>
      <c r="EX9" s="66">
        <v>49</v>
      </c>
      <c r="EY9" s="64">
        <v>947</v>
      </c>
      <c r="EZ9" s="68">
        <v>1132</v>
      </c>
    </row>
    <row r="10" spans="2:156" ht="21" customHeight="1" x14ac:dyDescent="0.2">
      <c r="B10" s="131" t="s">
        <v>7</v>
      </c>
      <c r="C10" s="63">
        <v>0</v>
      </c>
      <c r="D10" s="66">
        <v>0</v>
      </c>
      <c r="E10" s="111">
        <v>0</v>
      </c>
      <c r="F10" s="65">
        <v>0</v>
      </c>
      <c r="G10" s="66">
        <v>108</v>
      </c>
      <c r="H10" s="66">
        <v>85</v>
      </c>
      <c r="I10" s="66">
        <v>38</v>
      </c>
      <c r="J10" s="66">
        <v>35</v>
      </c>
      <c r="K10" s="66">
        <v>29</v>
      </c>
      <c r="L10" s="67">
        <v>295</v>
      </c>
      <c r="M10" s="68">
        <v>295</v>
      </c>
      <c r="N10" s="63">
        <v>0</v>
      </c>
      <c r="O10" s="66">
        <v>0</v>
      </c>
      <c r="P10" s="64">
        <v>0</v>
      </c>
      <c r="Q10" s="65">
        <v>0</v>
      </c>
      <c r="R10" s="66">
        <v>0</v>
      </c>
      <c r="S10" s="66">
        <v>5</v>
      </c>
      <c r="T10" s="66">
        <v>7</v>
      </c>
      <c r="U10" s="66">
        <v>7</v>
      </c>
      <c r="V10" s="66">
        <v>16</v>
      </c>
      <c r="W10" s="64">
        <v>35</v>
      </c>
      <c r="X10" s="68">
        <v>35</v>
      </c>
      <c r="Y10" s="63">
        <v>3</v>
      </c>
      <c r="Z10" s="66">
        <v>3</v>
      </c>
      <c r="AA10" s="64">
        <v>6</v>
      </c>
      <c r="AB10" s="65">
        <v>0</v>
      </c>
      <c r="AC10" s="66">
        <v>46</v>
      </c>
      <c r="AD10" s="66">
        <v>41</v>
      </c>
      <c r="AE10" s="66">
        <v>30</v>
      </c>
      <c r="AF10" s="66">
        <v>16</v>
      </c>
      <c r="AG10" s="66">
        <v>21</v>
      </c>
      <c r="AH10" s="64">
        <v>154</v>
      </c>
      <c r="AI10" s="68">
        <v>160</v>
      </c>
      <c r="AJ10" s="63">
        <v>1</v>
      </c>
      <c r="AK10" s="66">
        <v>0</v>
      </c>
      <c r="AL10" s="64">
        <v>1</v>
      </c>
      <c r="AM10" s="65">
        <v>0</v>
      </c>
      <c r="AN10" s="66">
        <v>8</v>
      </c>
      <c r="AO10" s="66">
        <v>7</v>
      </c>
      <c r="AP10" s="66">
        <v>6</v>
      </c>
      <c r="AQ10" s="66">
        <v>4</v>
      </c>
      <c r="AR10" s="66">
        <v>2</v>
      </c>
      <c r="AS10" s="64">
        <v>27</v>
      </c>
      <c r="AT10" s="68">
        <v>28</v>
      </c>
      <c r="AU10" s="63">
        <v>13</v>
      </c>
      <c r="AV10" s="66">
        <v>12</v>
      </c>
      <c r="AW10" s="64">
        <v>25</v>
      </c>
      <c r="AX10" s="65">
        <v>0</v>
      </c>
      <c r="AY10" s="66">
        <v>103</v>
      </c>
      <c r="AZ10" s="66">
        <v>116</v>
      </c>
      <c r="BA10" s="66">
        <v>91</v>
      </c>
      <c r="BB10" s="66">
        <v>69</v>
      </c>
      <c r="BC10" s="66">
        <v>56</v>
      </c>
      <c r="BD10" s="67">
        <v>435</v>
      </c>
      <c r="BE10" s="68">
        <v>460</v>
      </c>
      <c r="BF10" s="63">
        <v>0</v>
      </c>
      <c r="BG10" s="66">
        <v>0</v>
      </c>
      <c r="BH10" s="64">
        <v>0</v>
      </c>
      <c r="BI10" s="65">
        <v>0</v>
      </c>
      <c r="BJ10" s="66">
        <v>149</v>
      </c>
      <c r="BK10" s="66">
        <v>93</v>
      </c>
      <c r="BL10" s="66">
        <v>46</v>
      </c>
      <c r="BM10" s="66">
        <v>11</v>
      </c>
      <c r="BN10" s="66">
        <v>9</v>
      </c>
      <c r="BO10" s="64">
        <v>308</v>
      </c>
      <c r="BP10" s="68">
        <v>308</v>
      </c>
      <c r="BQ10" s="63">
        <v>3</v>
      </c>
      <c r="BR10" s="66">
        <v>2</v>
      </c>
      <c r="BS10" s="64">
        <v>5</v>
      </c>
      <c r="BT10" s="65">
        <v>0</v>
      </c>
      <c r="BU10" s="66">
        <v>22</v>
      </c>
      <c r="BV10" s="66">
        <v>21</v>
      </c>
      <c r="BW10" s="66">
        <v>9</v>
      </c>
      <c r="BX10" s="66">
        <v>3</v>
      </c>
      <c r="BY10" s="66">
        <v>2</v>
      </c>
      <c r="BZ10" s="64">
        <v>57</v>
      </c>
      <c r="CA10" s="68">
        <v>62</v>
      </c>
      <c r="CB10" s="63">
        <v>0</v>
      </c>
      <c r="CC10" s="66">
        <v>0</v>
      </c>
      <c r="CD10" s="64">
        <v>0</v>
      </c>
      <c r="CE10" s="65">
        <v>0</v>
      </c>
      <c r="CF10" s="66">
        <v>18</v>
      </c>
      <c r="CG10" s="66">
        <v>31</v>
      </c>
      <c r="CH10" s="66">
        <v>27</v>
      </c>
      <c r="CI10" s="66">
        <v>14</v>
      </c>
      <c r="CJ10" s="66">
        <v>8</v>
      </c>
      <c r="CK10" s="64">
        <v>98</v>
      </c>
      <c r="CL10" s="68">
        <v>98</v>
      </c>
      <c r="CM10" s="63">
        <v>0</v>
      </c>
      <c r="CN10" s="66">
        <v>0</v>
      </c>
      <c r="CO10" s="64">
        <v>0</v>
      </c>
      <c r="CP10" s="65">
        <v>0</v>
      </c>
      <c r="CQ10" s="66">
        <v>0</v>
      </c>
      <c r="CR10" s="66">
        <v>0</v>
      </c>
      <c r="CS10" s="66">
        <v>1</v>
      </c>
      <c r="CT10" s="66">
        <v>1</v>
      </c>
      <c r="CU10" s="66">
        <v>0</v>
      </c>
      <c r="CV10" s="64">
        <v>2</v>
      </c>
      <c r="CW10" s="68">
        <v>2</v>
      </c>
      <c r="CX10" s="63">
        <v>0</v>
      </c>
      <c r="CY10" s="66">
        <v>0</v>
      </c>
      <c r="CZ10" s="64">
        <v>0</v>
      </c>
      <c r="DA10" s="65">
        <v>0</v>
      </c>
      <c r="DB10" s="66">
        <v>0</v>
      </c>
      <c r="DC10" s="66">
        <v>0</v>
      </c>
      <c r="DD10" s="66">
        <v>0</v>
      </c>
      <c r="DE10" s="66">
        <v>0</v>
      </c>
      <c r="DF10" s="66">
        <v>0</v>
      </c>
      <c r="DG10" s="64">
        <v>0</v>
      </c>
      <c r="DH10" s="68">
        <v>0</v>
      </c>
      <c r="DI10" s="63">
        <v>0</v>
      </c>
      <c r="DJ10" s="66">
        <v>0</v>
      </c>
      <c r="DK10" s="64">
        <v>0</v>
      </c>
      <c r="DL10" s="65">
        <v>0</v>
      </c>
      <c r="DM10" s="66">
        <v>0</v>
      </c>
      <c r="DN10" s="66">
        <v>0</v>
      </c>
      <c r="DO10" s="66">
        <v>0</v>
      </c>
      <c r="DP10" s="66">
        <v>0</v>
      </c>
      <c r="DQ10" s="66">
        <v>0</v>
      </c>
      <c r="DR10" s="64">
        <v>0</v>
      </c>
      <c r="DS10" s="68">
        <v>0</v>
      </c>
      <c r="DT10" s="63">
        <v>29</v>
      </c>
      <c r="DU10" s="66">
        <v>38</v>
      </c>
      <c r="DV10" s="64">
        <v>67</v>
      </c>
      <c r="DW10" s="65">
        <v>0</v>
      </c>
      <c r="DX10" s="66">
        <v>141</v>
      </c>
      <c r="DY10" s="66">
        <v>188</v>
      </c>
      <c r="DZ10" s="66">
        <v>97</v>
      </c>
      <c r="EA10" s="66">
        <v>54</v>
      </c>
      <c r="EB10" s="66">
        <v>45</v>
      </c>
      <c r="EC10" s="64">
        <v>525</v>
      </c>
      <c r="ED10" s="68">
        <v>592</v>
      </c>
      <c r="EE10" s="63">
        <v>6</v>
      </c>
      <c r="EF10" s="66">
        <v>10</v>
      </c>
      <c r="EG10" s="64">
        <v>16</v>
      </c>
      <c r="EH10" s="65">
        <v>0</v>
      </c>
      <c r="EI10" s="66">
        <v>51</v>
      </c>
      <c r="EJ10" s="66">
        <v>32</v>
      </c>
      <c r="EK10" s="66">
        <v>29</v>
      </c>
      <c r="EL10" s="66">
        <v>21</v>
      </c>
      <c r="EM10" s="66">
        <v>17</v>
      </c>
      <c r="EN10" s="64">
        <v>150</v>
      </c>
      <c r="EO10" s="68">
        <v>166</v>
      </c>
      <c r="EP10" s="63">
        <v>36</v>
      </c>
      <c r="EQ10" s="66">
        <v>40</v>
      </c>
      <c r="ER10" s="64">
        <v>76</v>
      </c>
      <c r="ES10" s="65">
        <v>0</v>
      </c>
      <c r="ET10" s="66">
        <v>345</v>
      </c>
      <c r="EU10" s="66">
        <v>254</v>
      </c>
      <c r="EV10" s="66">
        <v>120</v>
      </c>
      <c r="EW10" s="66">
        <v>62</v>
      </c>
      <c r="EX10" s="66">
        <v>44</v>
      </c>
      <c r="EY10" s="64">
        <v>825</v>
      </c>
      <c r="EZ10" s="68">
        <v>901</v>
      </c>
    </row>
    <row r="11" spans="2:156" ht="21" customHeight="1" x14ac:dyDescent="0.2">
      <c r="B11" s="131" t="s">
        <v>8</v>
      </c>
      <c r="C11" s="63">
        <v>0</v>
      </c>
      <c r="D11" s="66">
        <v>0</v>
      </c>
      <c r="E11" s="111">
        <v>0</v>
      </c>
      <c r="F11" s="65">
        <v>0</v>
      </c>
      <c r="G11" s="66">
        <v>19</v>
      </c>
      <c r="H11" s="66">
        <v>23</v>
      </c>
      <c r="I11" s="66">
        <v>27</v>
      </c>
      <c r="J11" s="66">
        <v>13</v>
      </c>
      <c r="K11" s="66">
        <v>14</v>
      </c>
      <c r="L11" s="67">
        <v>96</v>
      </c>
      <c r="M11" s="68">
        <v>96</v>
      </c>
      <c r="N11" s="63">
        <v>0</v>
      </c>
      <c r="O11" s="66">
        <v>0</v>
      </c>
      <c r="P11" s="64">
        <v>0</v>
      </c>
      <c r="Q11" s="65">
        <v>0</v>
      </c>
      <c r="R11" s="66">
        <v>0</v>
      </c>
      <c r="S11" s="66">
        <v>0</v>
      </c>
      <c r="T11" s="66">
        <v>4</v>
      </c>
      <c r="U11" s="66">
        <v>2</v>
      </c>
      <c r="V11" s="66">
        <v>6</v>
      </c>
      <c r="W11" s="64">
        <v>12</v>
      </c>
      <c r="X11" s="68">
        <v>12</v>
      </c>
      <c r="Y11" s="63">
        <v>4</v>
      </c>
      <c r="Z11" s="66">
        <v>3</v>
      </c>
      <c r="AA11" s="64">
        <v>7</v>
      </c>
      <c r="AB11" s="65">
        <v>0</v>
      </c>
      <c r="AC11" s="66">
        <v>18</v>
      </c>
      <c r="AD11" s="66">
        <v>25</v>
      </c>
      <c r="AE11" s="66">
        <v>30</v>
      </c>
      <c r="AF11" s="66">
        <v>11</v>
      </c>
      <c r="AG11" s="66">
        <v>12</v>
      </c>
      <c r="AH11" s="64">
        <v>96</v>
      </c>
      <c r="AI11" s="68">
        <v>103</v>
      </c>
      <c r="AJ11" s="63">
        <v>0</v>
      </c>
      <c r="AK11" s="66">
        <v>0</v>
      </c>
      <c r="AL11" s="64">
        <v>0</v>
      </c>
      <c r="AM11" s="65">
        <v>0</v>
      </c>
      <c r="AN11" s="66">
        <v>6</v>
      </c>
      <c r="AO11" s="66">
        <v>0</v>
      </c>
      <c r="AP11" s="66">
        <v>7</v>
      </c>
      <c r="AQ11" s="66">
        <v>1</v>
      </c>
      <c r="AR11" s="66">
        <v>2</v>
      </c>
      <c r="AS11" s="64">
        <v>16</v>
      </c>
      <c r="AT11" s="68">
        <v>16</v>
      </c>
      <c r="AU11" s="63">
        <v>11</v>
      </c>
      <c r="AV11" s="66">
        <v>2</v>
      </c>
      <c r="AW11" s="64">
        <v>13</v>
      </c>
      <c r="AX11" s="65">
        <v>0</v>
      </c>
      <c r="AY11" s="66">
        <v>32</v>
      </c>
      <c r="AZ11" s="66">
        <v>34</v>
      </c>
      <c r="BA11" s="66">
        <v>46</v>
      </c>
      <c r="BB11" s="66">
        <v>25</v>
      </c>
      <c r="BC11" s="66">
        <v>22</v>
      </c>
      <c r="BD11" s="67">
        <v>159</v>
      </c>
      <c r="BE11" s="68">
        <v>172</v>
      </c>
      <c r="BF11" s="63">
        <v>0</v>
      </c>
      <c r="BG11" s="66">
        <v>0</v>
      </c>
      <c r="BH11" s="64">
        <v>0</v>
      </c>
      <c r="BI11" s="65">
        <v>0</v>
      </c>
      <c r="BJ11" s="66">
        <v>31</v>
      </c>
      <c r="BK11" s="66">
        <v>35</v>
      </c>
      <c r="BL11" s="66">
        <v>21</v>
      </c>
      <c r="BM11" s="66">
        <v>12</v>
      </c>
      <c r="BN11" s="66">
        <v>5</v>
      </c>
      <c r="BO11" s="64">
        <v>104</v>
      </c>
      <c r="BP11" s="68">
        <v>104</v>
      </c>
      <c r="BQ11" s="63">
        <v>5</v>
      </c>
      <c r="BR11" s="66">
        <v>1</v>
      </c>
      <c r="BS11" s="64">
        <v>6</v>
      </c>
      <c r="BT11" s="65">
        <v>0</v>
      </c>
      <c r="BU11" s="66">
        <v>10</v>
      </c>
      <c r="BV11" s="66">
        <v>8</v>
      </c>
      <c r="BW11" s="66">
        <v>8</v>
      </c>
      <c r="BX11" s="66">
        <v>1</v>
      </c>
      <c r="BY11" s="66">
        <v>0</v>
      </c>
      <c r="BZ11" s="64">
        <v>27</v>
      </c>
      <c r="CA11" s="68">
        <v>33</v>
      </c>
      <c r="CB11" s="63">
        <v>1</v>
      </c>
      <c r="CC11" s="66">
        <v>1</v>
      </c>
      <c r="CD11" s="64">
        <v>2</v>
      </c>
      <c r="CE11" s="65">
        <v>0</v>
      </c>
      <c r="CF11" s="66">
        <v>6</v>
      </c>
      <c r="CG11" s="66">
        <v>3</v>
      </c>
      <c r="CH11" s="66">
        <v>13</v>
      </c>
      <c r="CI11" s="66">
        <v>6</v>
      </c>
      <c r="CJ11" s="66">
        <v>3</v>
      </c>
      <c r="CK11" s="64">
        <v>31</v>
      </c>
      <c r="CL11" s="68">
        <v>33</v>
      </c>
      <c r="CM11" s="63">
        <v>0</v>
      </c>
      <c r="CN11" s="66">
        <v>0</v>
      </c>
      <c r="CO11" s="64">
        <v>0</v>
      </c>
      <c r="CP11" s="65">
        <v>0</v>
      </c>
      <c r="CQ11" s="66">
        <v>0</v>
      </c>
      <c r="CR11" s="66">
        <v>0</v>
      </c>
      <c r="CS11" s="66">
        <v>1</v>
      </c>
      <c r="CT11" s="66">
        <v>0</v>
      </c>
      <c r="CU11" s="66">
        <v>0</v>
      </c>
      <c r="CV11" s="64">
        <v>1</v>
      </c>
      <c r="CW11" s="68">
        <v>1</v>
      </c>
      <c r="CX11" s="63">
        <v>0</v>
      </c>
      <c r="CY11" s="66">
        <v>0</v>
      </c>
      <c r="CZ11" s="64">
        <v>0</v>
      </c>
      <c r="DA11" s="65">
        <v>0</v>
      </c>
      <c r="DB11" s="66">
        <v>0</v>
      </c>
      <c r="DC11" s="66">
        <v>0</v>
      </c>
      <c r="DD11" s="66">
        <v>0</v>
      </c>
      <c r="DE11" s="66">
        <v>0</v>
      </c>
      <c r="DF11" s="66">
        <v>0</v>
      </c>
      <c r="DG11" s="64">
        <v>0</v>
      </c>
      <c r="DH11" s="68">
        <v>0</v>
      </c>
      <c r="DI11" s="63">
        <v>0</v>
      </c>
      <c r="DJ11" s="66">
        <v>0</v>
      </c>
      <c r="DK11" s="64">
        <v>0</v>
      </c>
      <c r="DL11" s="65">
        <v>0</v>
      </c>
      <c r="DM11" s="66">
        <v>0</v>
      </c>
      <c r="DN11" s="66">
        <v>0</v>
      </c>
      <c r="DO11" s="66">
        <v>0</v>
      </c>
      <c r="DP11" s="66">
        <v>0</v>
      </c>
      <c r="DQ11" s="66">
        <v>0</v>
      </c>
      <c r="DR11" s="64">
        <v>0</v>
      </c>
      <c r="DS11" s="68">
        <v>0</v>
      </c>
      <c r="DT11" s="63">
        <v>23</v>
      </c>
      <c r="DU11" s="66">
        <v>27</v>
      </c>
      <c r="DV11" s="64">
        <v>50</v>
      </c>
      <c r="DW11" s="65">
        <v>0</v>
      </c>
      <c r="DX11" s="66">
        <v>46</v>
      </c>
      <c r="DY11" s="66">
        <v>82</v>
      </c>
      <c r="DZ11" s="66">
        <v>60</v>
      </c>
      <c r="EA11" s="66">
        <v>35</v>
      </c>
      <c r="EB11" s="66">
        <v>20</v>
      </c>
      <c r="EC11" s="64">
        <v>243</v>
      </c>
      <c r="ED11" s="68">
        <v>293</v>
      </c>
      <c r="EE11" s="63">
        <v>9</v>
      </c>
      <c r="EF11" s="66">
        <v>2</v>
      </c>
      <c r="EG11" s="64">
        <v>11</v>
      </c>
      <c r="EH11" s="65">
        <v>0</v>
      </c>
      <c r="EI11" s="66">
        <v>16</v>
      </c>
      <c r="EJ11" s="66">
        <v>10</v>
      </c>
      <c r="EK11" s="66">
        <v>11</v>
      </c>
      <c r="EL11" s="66">
        <v>6</v>
      </c>
      <c r="EM11" s="66">
        <v>6</v>
      </c>
      <c r="EN11" s="64">
        <v>49</v>
      </c>
      <c r="EO11" s="68">
        <v>60</v>
      </c>
      <c r="EP11" s="63">
        <v>30</v>
      </c>
      <c r="EQ11" s="66">
        <v>29</v>
      </c>
      <c r="ER11" s="64">
        <v>59</v>
      </c>
      <c r="ES11" s="65">
        <v>0</v>
      </c>
      <c r="ET11" s="66">
        <v>99</v>
      </c>
      <c r="EU11" s="66">
        <v>103</v>
      </c>
      <c r="EV11" s="66">
        <v>70</v>
      </c>
      <c r="EW11" s="66">
        <v>31</v>
      </c>
      <c r="EX11" s="66">
        <v>23</v>
      </c>
      <c r="EY11" s="64">
        <v>326</v>
      </c>
      <c r="EZ11" s="68">
        <v>385</v>
      </c>
    </row>
    <row r="12" spans="2:156" ht="21" customHeight="1" x14ac:dyDescent="0.2">
      <c r="B12" s="131" t="s">
        <v>9</v>
      </c>
      <c r="C12" s="63">
        <v>0</v>
      </c>
      <c r="D12" s="66">
        <v>0</v>
      </c>
      <c r="E12" s="111">
        <v>0</v>
      </c>
      <c r="F12" s="65">
        <v>0</v>
      </c>
      <c r="G12" s="66">
        <v>52</v>
      </c>
      <c r="H12" s="66">
        <v>36</v>
      </c>
      <c r="I12" s="66">
        <v>28</v>
      </c>
      <c r="J12" s="66">
        <v>24</v>
      </c>
      <c r="K12" s="66">
        <v>17</v>
      </c>
      <c r="L12" s="67">
        <v>157</v>
      </c>
      <c r="M12" s="68">
        <v>157</v>
      </c>
      <c r="N12" s="63">
        <v>0</v>
      </c>
      <c r="O12" s="66">
        <v>0</v>
      </c>
      <c r="P12" s="64">
        <v>0</v>
      </c>
      <c r="Q12" s="65">
        <v>0</v>
      </c>
      <c r="R12" s="66">
        <v>0</v>
      </c>
      <c r="S12" s="66">
        <v>1</v>
      </c>
      <c r="T12" s="66">
        <v>1</v>
      </c>
      <c r="U12" s="66">
        <v>1</v>
      </c>
      <c r="V12" s="66">
        <v>8</v>
      </c>
      <c r="W12" s="64">
        <v>11</v>
      </c>
      <c r="X12" s="68">
        <v>11</v>
      </c>
      <c r="Y12" s="63">
        <v>2</v>
      </c>
      <c r="Z12" s="66">
        <v>7</v>
      </c>
      <c r="AA12" s="64">
        <v>9</v>
      </c>
      <c r="AB12" s="65">
        <v>0</v>
      </c>
      <c r="AC12" s="66">
        <v>48</v>
      </c>
      <c r="AD12" s="66">
        <v>24</v>
      </c>
      <c r="AE12" s="66">
        <v>27</v>
      </c>
      <c r="AF12" s="66">
        <v>24</v>
      </c>
      <c r="AG12" s="66">
        <v>19</v>
      </c>
      <c r="AH12" s="64">
        <v>142</v>
      </c>
      <c r="AI12" s="68">
        <v>151</v>
      </c>
      <c r="AJ12" s="63">
        <v>0</v>
      </c>
      <c r="AK12" s="66">
        <v>2</v>
      </c>
      <c r="AL12" s="64">
        <v>2</v>
      </c>
      <c r="AM12" s="65">
        <v>0</v>
      </c>
      <c r="AN12" s="66">
        <v>2</v>
      </c>
      <c r="AO12" s="66">
        <v>5</v>
      </c>
      <c r="AP12" s="66">
        <v>3</v>
      </c>
      <c r="AQ12" s="66">
        <v>3</v>
      </c>
      <c r="AR12" s="66">
        <v>4</v>
      </c>
      <c r="AS12" s="64">
        <v>17</v>
      </c>
      <c r="AT12" s="68">
        <v>19</v>
      </c>
      <c r="AU12" s="63">
        <v>9</v>
      </c>
      <c r="AV12" s="66">
        <v>5</v>
      </c>
      <c r="AW12" s="64">
        <v>14</v>
      </c>
      <c r="AX12" s="65">
        <v>0</v>
      </c>
      <c r="AY12" s="66">
        <v>54</v>
      </c>
      <c r="AZ12" s="66">
        <v>47</v>
      </c>
      <c r="BA12" s="66">
        <v>55</v>
      </c>
      <c r="BB12" s="66">
        <v>45</v>
      </c>
      <c r="BC12" s="66">
        <v>27</v>
      </c>
      <c r="BD12" s="67">
        <v>228</v>
      </c>
      <c r="BE12" s="68">
        <v>242</v>
      </c>
      <c r="BF12" s="63">
        <v>0</v>
      </c>
      <c r="BG12" s="66">
        <v>0</v>
      </c>
      <c r="BH12" s="64">
        <v>0</v>
      </c>
      <c r="BI12" s="65">
        <v>0</v>
      </c>
      <c r="BJ12" s="66">
        <v>55</v>
      </c>
      <c r="BK12" s="66">
        <v>37</v>
      </c>
      <c r="BL12" s="66">
        <v>22</v>
      </c>
      <c r="BM12" s="66">
        <v>12</v>
      </c>
      <c r="BN12" s="66">
        <v>2</v>
      </c>
      <c r="BO12" s="64">
        <v>128</v>
      </c>
      <c r="BP12" s="68">
        <v>128</v>
      </c>
      <c r="BQ12" s="63">
        <v>6</v>
      </c>
      <c r="BR12" s="66">
        <v>6</v>
      </c>
      <c r="BS12" s="64">
        <v>12</v>
      </c>
      <c r="BT12" s="65">
        <v>0</v>
      </c>
      <c r="BU12" s="66">
        <v>18</v>
      </c>
      <c r="BV12" s="66">
        <v>9</v>
      </c>
      <c r="BW12" s="66">
        <v>15</v>
      </c>
      <c r="BX12" s="66">
        <v>7</v>
      </c>
      <c r="BY12" s="66">
        <v>2</v>
      </c>
      <c r="BZ12" s="64">
        <v>51</v>
      </c>
      <c r="CA12" s="68">
        <v>63</v>
      </c>
      <c r="CB12" s="63">
        <v>2</v>
      </c>
      <c r="CC12" s="66">
        <v>1</v>
      </c>
      <c r="CD12" s="64">
        <v>3</v>
      </c>
      <c r="CE12" s="65">
        <v>0</v>
      </c>
      <c r="CF12" s="66">
        <v>7</v>
      </c>
      <c r="CG12" s="66">
        <v>5</v>
      </c>
      <c r="CH12" s="66">
        <v>15</v>
      </c>
      <c r="CI12" s="66">
        <v>6</v>
      </c>
      <c r="CJ12" s="66">
        <v>3</v>
      </c>
      <c r="CK12" s="64">
        <v>36</v>
      </c>
      <c r="CL12" s="68">
        <v>39</v>
      </c>
      <c r="CM12" s="63">
        <v>0</v>
      </c>
      <c r="CN12" s="66">
        <v>0</v>
      </c>
      <c r="CO12" s="64">
        <v>0</v>
      </c>
      <c r="CP12" s="65">
        <v>0</v>
      </c>
      <c r="CQ12" s="66">
        <v>0</v>
      </c>
      <c r="CR12" s="66">
        <v>1</v>
      </c>
      <c r="CS12" s="66">
        <v>2</v>
      </c>
      <c r="CT12" s="66">
        <v>1</v>
      </c>
      <c r="CU12" s="66">
        <v>0</v>
      </c>
      <c r="CV12" s="64">
        <v>4</v>
      </c>
      <c r="CW12" s="68">
        <v>4</v>
      </c>
      <c r="CX12" s="63">
        <v>0</v>
      </c>
      <c r="CY12" s="66">
        <v>0</v>
      </c>
      <c r="CZ12" s="64">
        <v>0</v>
      </c>
      <c r="DA12" s="65">
        <v>0</v>
      </c>
      <c r="DB12" s="66">
        <v>0</v>
      </c>
      <c r="DC12" s="66">
        <v>0</v>
      </c>
      <c r="DD12" s="66">
        <v>0</v>
      </c>
      <c r="DE12" s="66">
        <v>0</v>
      </c>
      <c r="DF12" s="66">
        <v>0</v>
      </c>
      <c r="DG12" s="64">
        <v>0</v>
      </c>
      <c r="DH12" s="68">
        <v>0</v>
      </c>
      <c r="DI12" s="63">
        <v>0</v>
      </c>
      <c r="DJ12" s="66">
        <v>0</v>
      </c>
      <c r="DK12" s="64">
        <v>0</v>
      </c>
      <c r="DL12" s="65">
        <v>0</v>
      </c>
      <c r="DM12" s="66">
        <v>0</v>
      </c>
      <c r="DN12" s="66">
        <v>0</v>
      </c>
      <c r="DO12" s="66">
        <v>0</v>
      </c>
      <c r="DP12" s="66">
        <v>0</v>
      </c>
      <c r="DQ12" s="66">
        <v>0</v>
      </c>
      <c r="DR12" s="64">
        <v>0</v>
      </c>
      <c r="DS12" s="68">
        <v>0</v>
      </c>
      <c r="DT12" s="63">
        <v>25</v>
      </c>
      <c r="DU12" s="66">
        <v>31</v>
      </c>
      <c r="DV12" s="64">
        <v>56</v>
      </c>
      <c r="DW12" s="65">
        <v>0</v>
      </c>
      <c r="DX12" s="66">
        <v>91</v>
      </c>
      <c r="DY12" s="66">
        <v>69</v>
      </c>
      <c r="DZ12" s="66">
        <v>61</v>
      </c>
      <c r="EA12" s="66">
        <v>45</v>
      </c>
      <c r="EB12" s="66">
        <v>26</v>
      </c>
      <c r="EC12" s="64">
        <v>292</v>
      </c>
      <c r="ED12" s="68">
        <v>348</v>
      </c>
      <c r="EE12" s="63">
        <v>6</v>
      </c>
      <c r="EF12" s="66">
        <v>1</v>
      </c>
      <c r="EG12" s="64">
        <v>7</v>
      </c>
      <c r="EH12" s="65">
        <v>0</v>
      </c>
      <c r="EI12" s="66">
        <v>20</v>
      </c>
      <c r="EJ12" s="66">
        <v>18</v>
      </c>
      <c r="EK12" s="66">
        <v>15</v>
      </c>
      <c r="EL12" s="66">
        <v>16</v>
      </c>
      <c r="EM12" s="66">
        <v>8</v>
      </c>
      <c r="EN12" s="64">
        <v>77</v>
      </c>
      <c r="EO12" s="68">
        <v>84</v>
      </c>
      <c r="EP12" s="63">
        <v>31</v>
      </c>
      <c r="EQ12" s="66">
        <v>42</v>
      </c>
      <c r="ER12" s="64">
        <v>73</v>
      </c>
      <c r="ES12" s="65">
        <v>0</v>
      </c>
      <c r="ET12" s="66">
        <v>163</v>
      </c>
      <c r="EU12" s="66">
        <v>100</v>
      </c>
      <c r="EV12" s="66">
        <v>77</v>
      </c>
      <c r="EW12" s="66">
        <v>48</v>
      </c>
      <c r="EX12" s="66">
        <v>26</v>
      </c>
      <c r="EY12" s="64">
        <v>414</v>
      </c>
      <c r="EZ12" s="68">
        <v>487</v>
      </c>
    </row>
    <row r="13" spans="2:156" ht="21" customHeight="1" x14ac:dyDescent="0.2">
      <c r="B13" s="131" t="s">
        <v>10</v>
      </c>
      <c r="C13" s="63">
        <v>0</v>
      </c>
      <c r="D13" s="66">
        <v>0</v>
      </c>
      <c r="E13" s="111">
        <v>0</v>
      </c>
      <c r="F13" s="65">
        <v>0</v>
      </c>
      <c r="G13" s="66">
        <v>79</v>
      </c>
      <c r="H13" s="66">
        <v>45</v>
      </c>
      <c r="I13" s="66">
        <v>31</v>
      </c>
      <c r="J13" s="66">
        <v>40</v>
      </c>
      <c r="K13" s="66">
        <v>24</v>
      </c>
      <c r="L13" s="67">
        <v>219</v>
      </c>
      <c r="M13" s="68">
        <v>219</v>
      </c>
      <c r="N13" s="63">
        <v>0</v>
      </c>
      <c r="O13" s="66">
        <v>0</v>
      </c>
      <c r="P13" s="64">
        <v>0</v>
      </c>
      <c r="Q13" s="65">
        <v>0</v>
      </c>
      <c r="R13" s="66">
        <v>1</v>
      </c>
      <c r="S13" s="66">
        <v>1</v>
      </c>
      <c r="T13" s="66">
        <v>2</v>
      </c>
      <c r="U13" s="66">
        <v>6</v>
      </c>
      <c r="V13" s="66">
        <v>16</v>
      </c>
      <c r="W13" s="64">
        <v>26</v>
      </c>
      <c r="X13" s="68">
        <v>26</v>
      </c>
      <c r="Y13" s="63">
        <v>15</v>
      </c>
      <c r="Z13" s="66">
        <v>19</v>
      </c>
      <c r="AA13" s="64">
        <v>34</v>
      </c>
      <c r="AB13" s="65">
        <v>0</v>
      </c>
      <c r="AC13" s="66">
        <v>62</v>
      </c>
      <c r="AD13" s="66">
        <v>33</v>
      </c>
      <c r="AE13" s="66">
        <v>24</v>
      </c>
      <c r="AF13" s="66">
        <v>33</v>
      </c>
      <c r="AG13" s="66">
        <v>18</v>
      </c>
      <c r="AH13" s="64">
        <v>170</v>
      </c>
      <c r="AI13" s="68">
        <v>204</v>
      </c>
      <c r="AJ13" s="63">
        <v>4</v>
      </c>
      <c r="AK13" s="66">
        <v>4</v>
      </c>
      <c r="AL13" s="64">
        <v>8</v>
      </c>
      <c r="AM13" s="65">
        <v>0</v>
      </c>
      <c r="AN13" s="66">
        <v>7</v>
      </c>
      <c r="AO13" s="66">
        <v>4</v>
      </c>
      <c r="AP13" s="66">
        <v>6</v>
      </c>
      <c r="AQ13" s="66">
        <v>5</v>
      </c>
      <c r="AR13" s="66">
        <v>5</v>
      </c>
      <c r="AS13" s="64">
        <v>27</v>
      </c>
      <c r="AT13" s="68">
        <v>35</v>
      </c>
      <c r="AU13" s="63">
        <v>17</v>
      </c>
      <c r="AV13" s="66">
        <v>14</v>
      </c>
      <c r="AW13" s="64">
        <v>31</v>
      </c>
      <c r="AX13" s="65">
        <v>0</v>
      </c>
      <c r="AY13" s="66">
        <v>93</v>
      </c>
      <c r="AZ13" s="66">
        <v>70</v>
      </c>
      <c r="BA13" s="66">
        <v>71</v>
      </c>
      <c r="BB13" s="66">
        <v>81</v>
      </c>
      <c r="BC13" s="66">
        <v>51</v>
      </c>
      <c r="BD13" s="67">
        <v>366</v>
      </c>
      <c r="BE13" s="68">
        <v>397</v>
      </c>
      <c r="BF13" s="63">
        <v>0</v>
      </c>
      <c r="BG13" s="66">
        <v>0</v>
      </c>
      <c r="BH13" s="64">
        <v>0</v>
      </c>
      <c r="BI13" s="65">
        <v>0</v>
      </c>
      <c r="BJ13" s="66">
        <v>113</v>
      </c>
      <c r="BK13" s="66">
        <v>55</v>
      </c>
      <c r="BL13" s="66">
        <v>36</v>
      </c>
      <c r="BM13" s="66">
        <v>24</v>
      </c>
      <c r="BN13" s="66">
        <v>10</v>
      </c>
      <c r="BO13" s="64">
        <v>238</v>
      </c>
      <c r="BP13" s="68">
        <v>238</v>
      </c>
      <c r="BQ13" s="63">
        <v>3</v>
      </c>
      <c r="BR13" s="66">
        <v>7</v>
      </c>
      <c r="BS13" s="64">
        <v>10</v>
      </c>
      <c r="BT13" s="65">
        <v>0</v>
      </c>
      <c r="BU13" s="66">
        <v>27</v>
      </c>
      <c r="BV13" s="66">
        <v>12</v>
      </c>
      <c r="BW13" s="66">
        <v>5</v>
      </c>
      <c r="BX13" s="66">
        <v>7</v>
      </c>
      <c r="BY13" s="66">
        <v>3</v>
      </c>
      <c r="BZ13" s="64">
        <v>54</v>
      </c>
      <c r="CA13" s="68">
        <v>64</v>
      </c>
      <c r="CB13" s="63">
        <v>0</v>
      </c>
      <c r="CC13" s="66">
        <v>1</v>
      </c>
      <c r="CD13" s="64">
        <v>1</v>
      </c>
      <c r="CE13" s="65">
        <v>0</v>
      </c>
      <c r="CF13" s="66">
        <v>15</v>
      </c>
      <c r="CG13" s="66">
        <v>5</v>
      </c>
      <c r="CH13" s="66">
        <v>10</v>
      </c>
      <c r="CI13" s="66">
        <v>13</v>
      </c>
      <c r="CJ13" s="66">
        <v>7</v>
      </c>
      <c r="CK13" s="64">
        <v>50</v>
      </c>
      <c r="CL13" s="68">
        <v>51</v>
      </c>
      <c r="CM13" s="63">
        <v>0</v>
      </c>
      <c r="CN13" s="66">
        <v>0</v>
      </c>
      <c r="CO13" s="64">
        <v>0</v>
      </c>
      <c r="CP13" s="65">
        <v>0</v>
      </c>
      <c r="CQ13" s="66">
        <v>1</v>
      </c>
      <c r="CR13" s="66">
        <v>1</v>
      </c>
      <c r="CS13" s="66">
        <v>4</v>
      </c>
      <c r="CT13" s="66">
        <v>2</v>
      </c>
      <c r="CU13" s="66">
        <v>0</v>
      </c>
      <c r="CV13" s="64">
        <v>8</v>
      </c>
      <c r="CW13" s="68">
        <v>8</v>
      </c>
      <c r="CX13" s="63">
        <v>0</v>
      </c>
      <c r="CY13" s="66">
        <v>0</v>
      </c>
      <c r="CZ13" s="64">
        <v>0</v>
      </c>
      <c r="DA13" s="65">
        <v>0</v>
      </c>
      <c r="DB13" s="66">
        <v>0</v>
      </c>
      <c r="DC13" s="66">
        <v>0</v>
      </c>
      <c r="DD13" s="66">
        <v>0</v>
      </c>
      <c r="DE13" s="66">
        <v>0</v>
      </c>
      <c r="DF13" s="66">
        <v>0</v>
      </c>
      <c r="DG13" s="64">
        <v>0</v>
      </c>
      <c r="DH13" s="68">
        <v>0</v>
      </c>
      <c r="DI13" s="63">
        <v>0</v>
      </c>
      <c r="DJ13" s="66">
        <v>0</v>
      </c>
      <c r="DK13" s="64">
        <v>0</v>
      </c>
      <c r="DL13" s="65">
        <v>0</v>
      </c>
      <c r="DM13" s="66">
        <v>0</v>
      </c>
      <c r="DN13" s="66">
        <v>0</v>
      </c>
      <c r="DO13" s="66">
        <v>0</v>
      </c>
      <c r="DP13" s="66">
        <v>0</v>
      </c>
      <c r="DQ13" s="66">
        <v>0</v>
      </c>
      <c r="DR13" s="64">
        <v>0</v>
      </c>
      <c r="DS13" s="68">
        <v>0</v>
      </c>
      <c r="DT13" s="63">
        <v>55</v>
      </c>
      <c r="DU13" s="66">
        <v>75</v>
      </c>
      <c r="DV13" s="64">
        <v>130</v>
      </c>
      <c r="DW13" s="65">
        <v>0</v>
      </c>
      <c r="DX13" s="66">
        <v>133</v>
      </c>
      <c r="DY13" s="66">
        <v>98</v>
      </c>
      <c r="DZ13" s="66">
        <v>68</v>
      </c>
      <c r="EA13" s="66">
        <v>66</v>
      </c>
      <c r="EB13" s="66">
        <v>42</v>
      </c>
      <c r="EC13" s="64">
        <v>407</v>
      </c>
      <c r="ED13" s="68">
        <v>537</v>
      </c>
      <c r="EE13" s="63">
        <v>10</v>
      </c>
      <c r="EF13" s="66">
        <v>0</v>
      </c>
      <c r="EG13" s="64">
        <v>10</v>
      </c>
      <c r="EH13" s="65">
        <v>0</v>
      </c>
      <c r="EI13" s="66">
        <v>26</v>
      </c>
      <c r="EJ13" s="66">
        <v>16</v>
      </c>
      <c r="EK13" s="66">
        <v>19</v>
      </c>
      <c r="EL13" s="66">
        <v>25</v>
      </c>
      <c r="EM13" s="66">
        <v>12</v>
      </c>
      <c r="EN13" s="64">
        <v>98</v>
      </c>
      <c r="EO13" s="68">
        <v>108</v>
      </c>
      <c r="EP13" s="63">
        <v>73</v>
      </c>
      <c r="EQ13" s="66">
        <v>90</v>
      </c>
      <c r="ER13" s="64">
        <v>163</v>
      </c>
      <c r="ES13" s="65">
        <v>0</v>
      </c>
      <c r="ET13" s="66">
        <v>271</v>
      </c>
      <c r="EU13" s="66">
        <v>126</v>
      </c>
      <c r="EV13" s="66">
        <v>81</v>
      </c>
      <c r="EW13" s="66">
        <v>68</v>
      </c>
      <c r="EX13" s="66">
        <v>45</v>
      </c>
      <c r="EY13" s="64">
        <v>591</v>
      </c>
      <c r="EZ13" s="68">
        <v>754</v>
      </c>
    </row>
    <row r="14" spans="2:156" ht="21" customHeight="1" x14ac:dyDescent="0.2">
      <c r="B14" s="131" t="s">
        <v>11</v>
      </c>
      <c r="C14" s="63">
        <v>0</v>
      </c>
      <c r="D14" s="66">
        <v>0</v>
      </c>
      <c r="E14" s="111">
        <v>0</v>
      </c>
      <c r="F14" s="65">
        <v>0</v>
      </c>
      <c r="G14" s="66">
        <v>17</v>
      </c>
      <c r="H14" s="66">
        <v>15</v>
      </c>
      <c r="I14" s="66">
        <v>8</v>
      </c>
      <c r="J14" s="66">
        <v>12</v>
      </c>
      <c r="K14" s="66">
        <v>8</v>
      </c>
      <c r="L14" s="67">
        <v>60</v>
      </c>
      <c r="M14" s="68">
        <v>60</v>
      </c>
      <c r="N14" s="63">
        <v>0</v>
      </c>
      <c r="O14" s="66">
        <v>0</v>
      </c>
      <c r="P14" s="64">
        <v>0</v>
      </c>
      <c r="Q14" s="65">
        <v>0</v>
      </c>
      <c r="R14" s="66">
        <v>0</v>
      </c>
      <c r="S14" s="66">
        <v>2</v>
      </c>
      <c r="T14" s="66">
        <v>1</v>
      </c>
      <c r="U14" s="66">
        <v>3</v>
      </c>
      <c r="V14" s="66">
        <v>3</v>
      </c>
      <c r="W14" s="64">
        <v>9</v>
      </c>
      <c r="X14" s="68">
        <v>9</v>
      </c>
      <c r="Y14" s="63">
        <v>7</v>
      </c>
      <c r="Z14" s="66">
        <v>5</v>
      </c>
      <c r="AA14" s="64">
        <v>12</v>
      </c>
      <c r="AB14" s="65">
        <v>0</v>
      </c>
      <c r="AC14" s="66">
        <v>19</v>
      </c>
      <c r="AD14" s="66">
        <v>12</v>
      </c>
      <c r="AE14" s="66">
        <v>11</v>
      </c>
      <c r="AF14" s="66">
        <v>18</v>
      </c>
      <c r="AG14" s="66">
        <v>7</v>
      </c>
      <c r="AH14" s="64">
        <v>67</v>
      </c>
      <c r="AI14" s="68">
        <v>79</v>
      </c>
      <c r="AJ14" s="63">
        <v>0</v>
      </c>
      <c r="AK14" s="66">
        <v>2</v>
      </c>
      <c r="AL14" s="64">
        <v>2</v>
      </c>
      <c r="AM14" s="65">
        <v>0</v>
      </c>
      <c r="AN14" s="66">
        <v>2</v>
      </c>
      <c r="AO14" s="66">
        <v>2</v>
      </c>
      <c r="AP14" s="66">
        <v>0</v>
      </c>
      <c r="AQ14" s="66">
        <v>3</v>
      </c>
      <c r="AR14" s="66">
        <v>0</v>
      </c>
      <c r="AS14" s="64">
        <v>7</v>
      </c>
      <c r="AT14" s="68">
        <v>9</v>
      </c>
      <c r="AU14" s="63">
        <v>1</v>
      </c>
      <c r="AV14" s="66">
        <v>5</v>
      </c>
      <c r="AW14" s="64">
        <v>6</v>
      </c>
      <c r="AX14" s="65">
        <v>0</v>
      </c>
      <c r="AY14" s="66">
        <v>18</v>
      </c>
      <c r="AZ14" s="66">
        <v>31</v>
      </c>
      <c r="BA14" s="66">
        <v>12</v>
      </c>
      <c r="BB14" s="66">
        <v>30</v>
      </c>
      <c r="BC14" s="66">
        <v>11</v>
      </c>
      <c r="BD14" s="67">
        <v>102</v>
      </c>
      <c r="BE14" s="68">
        <v>108</v>
      </c>
      <c r="BF14" s="63">
        <v>0</v>
      </c>
      <c r="BG14" s="66">
        <v>0</v>
      </c>
      <c r="BH14" s="64">
        <v>0</v>
      </c>
      <c r="BI14" s="65">
        <v>0</v>
      </c>
      <c r="BJ14" s="66">
        <v>41</v>
      </c>
      <c r="BK14" s="66">
        <v>26</v>
      </c>
      <c r="BL14" s="66">
        <v>13</v>
      </c>
      <c r="BM14" s="66">
        <v>9</v>
      </c>
      <c r="BN14" s="66">
        <v>3</v>
      </c>
      <c r="BO14" s="64">
        <v>92</v>
      </c>
      <c r="BP14" s="68">
        <v>92</v>
      </c>
      <c r="BQ14" s="63">
        <v>7</v>
      </c>
      <c r="BR14" s="66">
        <v>4</v>
      </c>
      <c r="BS14" s="64">
        <v>11</v>
      </c>
      <c r="BT14" s="65">
        <v>0</v>
      </c>
      <c r="BU14" s="66">
        <v>21</v>
      </c>
      <c r="BV14" s="66">
        <v>12</v>
      </c>
      <c r="BW14" s="66">
        <v>7</v>
      </c>
      <c r="BX14" s="66">
        <v>11</v>
      </c>
      <c r="BY14" s="66">
        <v>1</v>
      </c>
      <c r="BZ14" s="64">
        <v>52</v>
      </c>
      <c r="CA14" s="68">
        <v>63</v>
      </c>
      <c r="CB14" s="63">
        <v>0</v>
      </c>
      <c r="CC14" s="66">
        <v>0</v>
      </c>
      <c r="CD14" s="64">
        <v>0</v>
      </c>
      <c r="CE14" s="65">
        <v>0</v>
      </c>
      <c r="CF14" s="66">
        <v>4</v>
      </c>
      <c r="CG14" s="66">
        <v>8</v>
      </c>
      <c r="CH14" s="66">
        <v>4</v>
      </c>
      <c r="CI14" s="66">
        <v>3</v>
      </c>
      <c r="CJ14" s="66">
        <v>3</v>
      </c>
      <c r="CK14" s="64">
        <v>22</v>
      </c>
      <c r="CL14" s="68">
        <v>22</v>
      </c>
      <c r="CM14" s="63">
        <v>0</v>
      </c>
      <c r="CN14" s="66">
        <v>0</v>
      </c>
      <c r="CO14" s="64">
        <v>0</v>
      </c>
      <c r="CP14" s="65">
        <v>0</v>
      </c>
      <c r="CQ14" s="66">
        <v>2</v>
      </c>
      <c r="CR14" s="66">
        <v>0</v>
      </c>
      <c r="CS14" s="66">
        <v>0</v>
      </c>
      <c r="CT14" s="66">
        <v>1</v>
      </c>
      <c r="CU14" s="66">
        <v>0</v>
      </c>
      <c r="CV14" s="64">
        <v>3</v>
      </c>
      <c r="CW14" s="68">
        <v>3</v>
      </c>
      <c r="CX14" s="63">
        <v>0</v>
      </c>
      <c r="CY14" s="66">
        <v>0</v>
      </c>
      <c r="CZ14" s="64">
        <v>0</v>
      </c>
      <c r="DA14" s="65">
        <v>0</v>
      </c>
      <c r="DB14" s="66">
        <v>0</v>
      </c>
      <c r="DC14" s="66">
        <v>0</v>
      </c>
      <c r="DD14" s="66">
        <v>0</v>
      </c>
      <c r="DE14" s="66">
        <v>0</v>
      </c>
      <c r="DF14" s="66">
        <v>0</v>
      </c>
      <c r="DG14" s="64">
        <v>0</v>
      </c>
      <c r="DH14" s="68">
        <v>0</v>
      </c>
      <c r="DI14" s="63">
        <v>0</v>
      </c>
      <c r="DJ14" s="66">
        <v>0</v>
      </c>
      <c r="DK14" s="64">
        <v>0</v>
      </c>
      <c r="DL14" s="65">
        <v>0</v>
      </c>
      <c r="DM14" s="66">
        <v>0</v>
      </c>
      <c r="DN14" s="66">
        <v>0</v>
      </c>
      <c r="DO14" s="66">
        <v>0</v>
      </c>
      <c r="DP14" s="66">
        <v>0</v>
      </c>
      <c r="DQ14" s="66">
        <v>0</v>
      </c>
      <c r="DR14" s="64">
        <v>0</v>
      </c>
      <c r="DS14" s="68">
        <v>0</v>
      </c>
      <c r="DT14" s="63">
        <v>12</v>
      </c>
      <c r="DU14" s="66">
        <v>28</v>
      </c>
      <c r="DV14" s="64">
        <v>40</v>
      </c>
      <c r="DW14" s="65">
        <v>0</v>
      </c>
      <c r="DX14" s="66">
        <v>50</v>
      </c>
      <c r="DY14" s="66">
        <v>52</v>
      </c>
      <c r="DZ14" s="66">
        <v>26</v>
      </c>
      <c r="EA14" s="66">
        <v>33</v>
      </c>
      <c r="EB14" s="66">
        <v>11</v>
      </c>
      <c r="EC14" s="64">
        <v>172</v>
      </c>
      <c r="ED14" s="68">
        <v>212</v>
      </c>
      <c r="EE14" s="63">
        <v>6</v>
      </c>
      <c r="EF14" s="66">
        <v>2</v>
      </c>
      <c r="EG14" s="64">
        <v>8</v>
      </c>
      <c r="EH14" s="65">
        <v>0</v>
      </c>
      <c r="EI14" s="66">
        <v>15</v>
      </c>
      <c r="EJ14" s="66">
        <v>14</v>
      </c>
      <c r="EK14" s="66">
        <v>6</v>
      </c>
      <c r="EL14" s="66">
        <v>15</v>
      </c>
      <c r="EM14" s="66">
        <v>3</v>
      </c>
      <c r="EN14" s="64">
        <v>53</v>
      </c>
      <c r="EO14" s="68">
        <v>61</v>
      </c>
      <c r="EP14" s="63">
        <v>22</v>
      </c>
      <c r="EQ14" s="66">
        <v>35</v>
      </c>
      <c r="ER14" s="64">
        <v>57</v>
      </c>
      <c r="ES14" s="65">
        <v>0</v>
      </c>
      <c r="ET14" s="66">
        <v>100</v>
      </c>
      <c r="EU14" s="66">
        <v>70</v>
      </c>
      <c r="EV14" s="66">
        <v>32</v>
      </c>
      <c r="EW14" s="66">
        <v>36</v>
      </c>
      <c r="EX14" s="66">
        <v>13</v>
      </c>
      <c r="EY14" s="64">
        <v>251</v>
      </c>
      <c r="EZ14" s="68">
        <v>308</v>
      </c>
    </row>
    <row r="15" spans="2:156" ht="21" customHeight="1" x14ac:dyDescent="0.2">
      <c r="B15" s="131" t="s">
        <v>12</v>
      </c>
      <c r="C15" s="63">
        <v>0</v>
      </c>
      <c r="D15" s="66">
        <v>0</v>
      </c>
      <c r="E15" s="111">
        <v>0</v>
      </c>
      <c r="F15" s="65">
        <v>0</v>
      </c>
      <c r="G15" s="66">
        <v>37</v>
      </c>
      <c r="H15" s="66">
        <v>36</v>
      </c>
      <c r="I15" s="66">
        <v>16</v>
      </c>
      <c r="J15" s="66">
        <v>27</v>
      </c>
      <c r="K15" s="66">
        <v>7</v>
      </c>
      <c r="L15" s="67">
        <v>123</v>
      </c>
      <c r="M15" s="68">
        <v>123</v>
      </c>
      <c r="N15" s="63">
        <v>0</v>
      </c>
      <c r="O15" s="66">
        <v>0</v>
      </c>
      <c r="P15" s="64">
        <v>0</v>
      </c>
      <c r="Q15" s="65">
        <v>0</v>
      </c>
      <c r="R15" s="66">
        <v>0</v>
      </c>
      <c r="S15" s="66">
        <v>0</v>
      </c>
      <c r="T15" s="66">
        <v>1</v>
      </c>
      <c r="U15" s="66">
        <v>8</v>
      </c>
      <c r="V15" s="66">
        <v>4</v>
      </c>
      <c r="W15" s="64">
        <v>13</v>
      </c>
      <c r="X15" s="68">
        <v>13</v>
      </c>
      <c r="Y15" s="63">
        <v>11</v>
      </c>
      <c r="Z15" s="66">
        <v>22</v>
      </c>
      <c r="AA15" s="64">
        <v>33</v>
      </c>
      <c r="AB15" s="65">
        <v>0</v>
      </c>
      <c r="AC15" s="66">
        <v>22</v>
      </c>
      <c r="AD15" s="66">
        <v>35</v>
      </c>
      <c r="AE15" s="66">
        <v>14</v>
      </c>
      <c r="AF15" s="66">
        <v>17</v>
      </c>
      <c r="AG15" s="66">
        <v>10</v>
      </c>
      <c r="AH15" s="64">
        <v>98</v>
      </c>
      <c r="AI15" s="68">
        <v>131</v>
      </c>
      <c r="AJ15" s="63">
        <v>0</v>
      </c>
      <c r="AK15" s="66">
        <v>3</v>
      </c>
      <c r="AL15" s="64">
        <v>3</v>
      </c>
      <c r="AM15" s="65">
        <v>0</v>
      </c>
      <c r="AN15" s="66">
        <v>1</v>
      </c>
      <c r="AO15" s="66">
        <v>2</v>
      </c>
      <c r="AP15" s="66">
        <v>0</v>
      </c>
      <c r="AQ15" s="66">
        <v>3</v>
      </c>
      <c r="AR15" s="66">
        <v>0</v>
      </c>
      <c r="AS15" s="64">
        <v>6</v>
      </c>
      <c r="AT15" s="68">
        <v>9</v>
      </c>
      <c r="AU15" s="63">
        <v>6</v>
      </c>
      <c r="AV15" s="66">
        <v>9</v>
      </c>
      <c r="AW15" s="64">
        <v>15</v>
      </c>
      <c r="AX15" s="65">
        <v>0</v>
      </c>
      <c r="AY15" s="66">
        <v>18</v>
      </c>
      <c r="AZ15" s="66">
        <v>40</v>
      </c>
      <c r="BA15" s="66">
        <v>26</v>
      </c>
      <c r="BB15" s="66">
        <v>41</v>
      </c>
      <c r="BC15" s="66">
        <v>13</v>
      </c>
      <c r="BD15" s="67">
        <v>138</v>
      </c>
      <c r="BE15" s="68">
        <v>153</v>
      </c>
      <c r="BF15" s="63">
        <v>0</v>
      </c>
      <c r="BG15" s="66">
        <v>0</v>
      </c>
      <c r="BH15" s="64">
        <v>0</v>
      </c>
      <c r="BI15" s="65">
        <v>0</v>
      </c>
      <c r="BJ15" s="66">
        <v>60</v>
      </c>
      <c r="BK15" s="66">
        <v>31</v>
      </c>
      <c r="BL15" s="66">
        <v>21</v>
      </c>
      <c r="BM15" s="66">
        <v>19</v>
      </c>
      <c r="BN15" s="66">
        <v>1</v>
      </c>
      <c r="BO15" s="64">
        <v>132</v>
      </c>
      <c r="BP15" s="68">
        <v>132</v>
      </c>
      <c r="BQ15" s="63">
        <v>5</v>
      </c>
      <c r="BR15" s="66">
        <v>14</v>
      </c>
      <c r="BS15" s="64">
        <v>19</v>
      </c>
      <c r="BT15" s="65">
        <v>0</v>
      </c>
      <c r="BU15" s="66">
        <v>9</v>
      </c>
      <c r="BV15" s="66">
        <v>14</v>
      </c>
      <c r="BW15" s="66">
        <v>9</v>
      </c>
      <c r="BX15" s="66">
        <v>9</v>
      </c>
      <c r="BY15" s="66">
        <v>0</v>
      </c>
      <c r="BZ15" s="64">
        <v>41</v>
      </c>
      <c r="CA15" s="68">
        <v>60</v>
      </c>
      <c r="CB15" s="63">
        <v>0</v>
      </c>
      <c r="CC15" s="66">
        <v>2</v>
      </c>
      <c r="CD15" s="64">
        <v>2</v>
      </c>
      <c r="CE15" s="65">
        <v>0</v>
      </c>
      <c r="CF15" s="66">
        <v>7</v>
      </c>
      <c r="CG15" s="66">
        <v>5</v>
      </c>
      <c r="CH15" s="66">
        <v>9</v>
      </c>
      <c r="CI15" s="66">
        <v>14</v>
      </c>
      <c r="CJ15" s="66">
        <v>2</v>
      </c>
      <c r="CK15" s="64">
        <v>37</v>
      </c>
      <c r="CL15" s="68">
        <v>39</v>
      </c>
      <c r="CM15" s="63">
        <v>0</v>
      </c>
      <c r="CN15" s="66">
        <v>0</v>
      </c>
      <c r="CO15" s="64">
        <v>0</v>
      </c>
      <c r="CP15" s="65">
        <v>0</v>
      </c>
      <c r="CQ15" s="66">
        <v>1</v>
      </c>
      <c r="CR15" s="66">
        <v>1</v>
      </c>
      <c r="CS15" s="66">
        <v>0</v>
      </c>
      <c r="CT15" s="66">
        <v>0</v>
      </c>
      <c r="CU15" s="66">
        <v>0</v>
      </c>
      <c r="CV15" s="64">
        <v>2</v>
      </c>
      <c r="CW15" s="68">
        <v>2</v>
      </c>
      <c r="CX15" s="63">
        <v>0</v>
      </c>
      <c r="CY15" s="66">
        <v>0</v>
      </c>
      <c r="CZ15" s="64">
        <v>0</v>
      </c>
      <c r="DA15" s="65">
        <v>0</v>
      </c>
      <c r="DB15" s="66">
        <v>0</v>
      </c>
      <c r="DC15" s="66">
        <v>0</v>
      </c>
      <c r="DD15" s="66">
        <v>0</v>
      </c>
      <c r="DE15" s="66">
        <v>0</v>
      </c>
      <c r="DF15" s="66">
        <v>0</v>
      </c>
      <c r="DG15" s="64">
        <v>0</v>
      </c>
      <c r="DH15" s="68">
        <v>0</v>
      </c>
      <c r="DI15" s="63">
        <v>0</v>
      </c>
      <c r="DJ15" s="66">
        <v>0</v>
      </c>
      <c r="DK15" s="64">
        <v>0</v>
      </c>
      <c r="DL15" s="65">
        <v>0</v>
      </c>
      <c r="DM15" s="66">
        <v>0</v>
      </c>
      <c r="DN15" s="66">
        <v>0</v>
      </c>
      <c r="DO15" s="66">
        <v>0</v>
      </c>
      <c r="DP15" s="66">
        <v>0</v>
      </c>
      <c r="DQ15" s="66">
        <v>0</v>
      </c>
      <c r="DR15" s="64">
        <v>0</v>
      </c>
      <c r="DS15" s="68">
        <v>0</v>
      </c>
      <c r="DT15" s="63">
        <v>27</v>
      </c>
      <c r="DU15" s="66">
        <v>55</v>
      </c>
      <c r="DV15" s="64">
        <v>82</v>
      </c>
      <c r="DW15" s="65">
        <v>0</v>
      </c>
      <c r="DX15" s="66">
        <v>34</v>
      </c>
      <c r="DY15" s="66">
        <v>81</v>
      </c>
      <c r="DZ15" s="66">
        <v>44</v>
      </c>
      <c r="EA15" s="66">
        <v>55</v>
      </c>
      <c r="EB15" s="66">
        <v>16</v>
      </c>
      <c r="EC15" s="64">
        <v>230</v>
      </c>
      <c r="ED15" s="68">
        <v>312</v>
      </c>
      <c r="EE15" s="63">
        <v>4</v>
      </c>
      <c r="EF15" s="66">
        <v>4</v>
      </c>
      <c r="EG15" s="64">
        <v>8</v>
      </c>
      <c r="EH15" s="65">
        <v>0</v>
      </c>
      <c r="EI15" s="66">
        <v>11</v>
      </c>
      <c r="EJ15" s="66">
        <v>14</v>
      </c>
      <c r="EK15" s="66">
        <v>8</v>
      </c>
      <c r="EL15" s="66">
        <v>15</v>
      </c>
      <c r="EM15" s="66">
        <v>4</v>
      </c>
      <c r="EN15" s="64">
        <v>52</v>
      </c>
      <c r="EO15" s="68">
        <v>60</v>
      </c>
      <c r="EP15" s="63">
        <v>40</v>
      </c>
      <c r="EQ15" s="66">
        <v>80</v>
      </c>
      <c r="ER15" s="64">
        <v>120</v>
      </c>
      <c r="ES15" s="65">
        <v>0</v>
      </c>
      <c r="ET15" s="66">
        <v>121</v>
      </c>
      <c r="EU15" s="66">
        <v>101</v>
      </c>
      <c r="EV15" s="66">
        <v>54</v>
      </c>
      <c r="EW15" s="66">
        <v>55</v>
      </c>
      <c r="EX15" s="66">
        <v>14</v>
      </c>
      <c r="EY15" s="64">
        <v>345</v>
      </c>
      <c r="EZ15" s="68">
        <v>465</v>
      </c>
    </row>
    <row r="16" spans="2:156" ht="21" customHeight="1" x14ac:dyDescent="0.2">
      <c r="B16" s="131" t="s">
        <v>13</v>
      </c>
      <c r="C16" s="63">
        <v>0</v>
      </c>
      <c r="D16" s="66">
        <v>0</v>
      </c>
      <c r="E16" s="111">
        <v>0</v>
      </c>
      <c r="F16" s="65">
        <v>0</v>
      </c>
      <c r="G16" s="66">
        <v>19</v>
      </c>
      <c r="H16" s="66">
        <v>17</v>
      </c>
      <c r="I16" s="66">
        <v>8</v>
      </c>
      <c r="J16" s="66">
        <v>9</v>
      </c>
      <c r="K16" s="66">
        <v>7</v>
      </c>
      <c r="L16" s="67">
        <v>60</v>
      </c>
      <c r="M16" s="68">
        <v>60</v>
      </c>
      <c r="N16" s="63">
        <v>0</v>
      </c>
      <c r="O16" s="66">
        <v>0</v>
      </c>
      <c r="P16" s="64">
        <v>0</v>
      </c>
      <c r="Q16" s="65">
        <v>0</v>
      </c>
      <c r="R16" s="66">
        <v>0</v>
      </c>
      <c r="S16" s="66">
        <v>0</v>
      </c>
      <c r="T16" s="66">
        <v>0</v>
      </c>
      <c r="U16" s="66">
        <v>1</v>
      </c>
      <c r="V16" s="66">
        <v>3</v>
      </c>
      <c r="W16" s="64">
        <v>4</v>
      </c>
      <c r="X16" s="68">
        <v>4</v>
      </c>
      <c r="Y16" s="63">
        <v>0</v>
      </c>
      <c r="Z16" s="66">
        <v>1</v>
      </c>
      <c r="AA16" s="64">
        <v>1</v>
      </c>
      <c r="AB16" s="65">
        <v>0</v>
      </c>
      <c r="AC16" s="66">
        <v>6</v>
      </c>
      <c r="AD16" s="66">
        <v>23</v>
      </c>
      <c r="AE16" s="66">
        <v>12</v>
      </c>
      <c r="AF16" s="66">
        <v>6</v>
      </c>
      <c r="AG16" s="66">
        <v>9</v>
      </c>
      <c r="AH16" s="64">
        <v>56</v>
      </c>
      <c r="AI16" s="68">
        <v>57</v>
      </c>
      <c r="AJ16" s="63">
        <v>1</v>
      </c>
      <c r="AK16" s="66">
        <v>0</v>
      </c>
      <c r="AL16" s="64">
        <v>1</v>
      </c>
      <c r="AM16" s="65">
        <v>0</v>
      </c>
      <c r="AN16" s="66">
        <v>3</v>
      </c>
      <c r="AO16" s="66">
        <v>1</v>
      </c>
      <c r="AP16" s="66">
        <v>0</v>
      </c>
      <c r="AQ16" s="66">
        <v>1</v>
      </c>
      <c r="AR16" s="66">
        <v>1</v>
      </c>
      <c r="AS16" s="64">
        <v>6</v>
      </c>
      <c r="AT16" s="68">
        <v>7</v>
      </c>
      <c r="AU16" s="63">
        <v>1</v>
      </c>
      <c r="AV16" s="66">
        <v>0</v>
      </c>
      <c r="AW16" s="64">
        <v>1</v>
      </c>
      <c r="AX16" s="65">
        <v>0</v>
      </c>
      <c r="AY16" s="66">
        <v>16</v>
      </c>
      <c r="AZ16" s="66">
        <v>18</v>
      </c>
      <c r="BA16" s="66">
        <v>17</v>
      </c>
      <c r="BB16" s="66">
        <v>17</v>
      </c>
      <c r="BC16" s="66">
        <v>14</v>
      </c>
      <c r="BD16" s="67">
        <v>82</v>
      </c>
      <c r="BE16" s="68">
        <v>83</v>
      </c>
      <c r="BF16" s="63">
        <v>0</v>
      </c>
      <c r="BG16" s="66">
        <v>0</v>
      </c>
      <c r="BH16" s="64">
        <v>0</v>
      </c>
      <c r="BI16" s="65">
        <v>0</v>
      </c>
      <c r="BJ16" s="66">
        <v>12</v>
      </c>
      <c r="BK16" s="66">
        <v>15</v>
      </c>
      <c r="BL16" s="66">
        <v>12</v>
      </c>
      <c r="BM16" s="66">
        <v>4</v>
      </c>
      <c r="BN16" s="66">
        <v>1</v>
      </c>
      <c r="BO16" s="64">
        <v>44</v>
      </c>
      <c r="BP16" s="68">
        <v>44</v>
      </c>
      <c r="BQ16" s="63">
        <v>0</v>
      </c>
      <c r="BR16" s="66">
        <v>1</v>
      </c>
      <c r="BS16" s="64">
        <v>1</v>
      </c>
      <c r="BT16" s="65">
        <v>0</v>
      </c>
      <c r="BU16" s="66">
        <v>5</v>
      </c>
      <c r="BV16" s="66">
        <v>2</v>
      </c>
      <c r="BW16" s="66">
        <v>4</v>
      </c>
      <c r="BX16" s="66">
        <v>1</v>
      </c>
      <c r="BY16" s="66">
        <v>3</v>
      </c>
      <c r="BZ16" s="64">
        <v>15</v>
      </c>
      <c r="CA16" s="68">
        <v>16</v>
      </c>
      <c r="CB16" s="63">
        <v>0</v>
      </c>
      <c r="CC16" s="66">
        <v>0</v>
      </c>
      <c r="CD16" s="64">
        <v>0</v>
      </c>
      <c r="CE16" s="65">
        <v>0</v>
      </c>
      <c r="CF16" s="66">
        <v>2</v>
      </c>
      <c r="CG16" s="66">
        <v>2</v>
      </c>
      <c r="CH16" s="66">
        <v>2</v>
      </c>
      <c r="CI16" s="66">
        <v>3</v>
      </c>
      <c r="CJ16" s="66">
        <v>1</v>
      </c>
      <c r="CK16" s="64">
        <v>10</v>
      </c>
      <c r="CL16" s="68">
        <v>10</v>
      </c>
      <c r="CM16" s="63">
        <v>0</v>
      </c>
      <c r="CN16" s="66">
        <v>0</v>
      </c>
      <c r="CO16" s="64">
        <v>0</v>
      </c>
      <c r="CP16" s="65">
        <v>0</v>
      </c>
      <c r="CQ16" s="66">
        <v>0</v>
      </c>
      <c r="CR16" s="66">
        <v>0</v>
      </c>
      <c r="CS16" s="66">
        <v>0</v>
      </c>
      <c r="CT16" s="66">
        <v>0</v>
      </c>
      <c r="CU16" s="66">
        <v>0</v>
      </c>
      <c r="CV16" s="64">
        <v>0</v>
      </c>
      <c r="CW16" s="68">
        <v>0</v>
      </c>
      <c r="CX16" s="63">
        <v>0</v>
      </c>
      <c r="CY16" s="66">
        <v>0</v>
      </c>
      <c r="CZ16" s="64">
        <v>0</v>
      </c>
      <c r="DA16" s="65">
        <v>0</v>
      </c>
      <c r="DB16" s="66">
        <v>0</v>
      </c>
      <c r="DC16" s="66">
        <v>0</v>
      </c>
      <c r="DD16" s="66">
        <v>0</v>
      </c>
      <c r="DE16" s="66">
        <v>0</v>
      </c>
      <c r="DF16" s="66">
        <v>0</v>
      </c>
      <c r="DG16" s="64">
        <v>0</v>
      </c>
      <c r="DH16" s="68">
        <v>0</v>
      </c>
      <c r="DI16" s="63">
        <v>0</v>
      </c>
      <c r="DJ16" s="66">
        <v>0</v>
      </c>
      <c r="DK16" s="64">
        <v>0</v>
      </c>
      <c r="DL16" s="65">
        <v>0</v>
      </c>
      <c r="DM16" s="66">
        <v>0</v>
      </c>
      <c r="DN16" s="66">
        <v>0</v>
      </c>
      <c r="DO16" s="66">
        <v>0</v>
      </c>
      <c r="DP16" s="66">
        <v>0</v>
      </c>
      <c r="DQ16" s="66">
        <v>0</v>
      </c>
      <c r="DR16" s="64">
        <v>0</v>
      </c>
      <c r="DS16" s="68">
        <v>0</v>
      </c>
      <c r="DT16" s="63">
        <v>2</v>
      </c>
      <c r="DU16" s="66">
        <v>9</v>
      </c>
      <c r="DV16" s="64">
        <v>11</v>
      </c>
      <c r="DW16" s="65">
        <v>0</v>
      </c>
      <c r="DX16" s="66">
        <v>21</v>
      </c>
      <c r="DY16" s="66">
        <v>37</v>
      </c>
      <c r="DZ16" s="66">
        <v>25</v>
      </c>
      <c r="EA16" s="66">
        <v>20</v>
      </c>
      <c r="EB16" s="66">
        <v>11</v>
      </c>
      <c r="EC16" s="64">
        <v>114</v>
      </c>
      <c r="ED16" s="68">
        <v>125</v>
      </c>
      <c r="EE16" s="63">
        <v>1</v>
      </c>
      <c r="EF16" s="66">
        <v>0</v>
      </c>
      <c r="EG16" s="64">
        <v>1</v>
      </c>
      <c r="EH16" s="65">
        <v>0</v>
      </c>
      <c r="EI16" s="66">
        <v>8</v>
      </c>
      <c r="EJ16" s="66">
        <v>7</v>
      </c>
      <c r="EK16" s="66">
        <v>11</v>
      </c>
      <c r="EL16" s="66">
        <v>8</v>
      </c>
      <c r="EM16" s="66">
        <v>3</v>
      </c>
      <c r="EN16" s="64">
        <v>37</v>
      </c>
      <c r="EO16" s="68">
        <v>38</v>
      </c>
      <c r="EP16" s="63">
        <v>3</v>
      </c>
      <c r="EQ16" s="66">
        <v>10</v>
      </c>
      <c r="ER16" s="64">
        <v>13</v>
      </c>
      <c r="ES16" s="65">
        <v>0</v>
      </c>
      <c r="ET16" s="66">
        <v>50</v>
      </c>
      <c r="EU16" s="66">
        <v>53</v>
      </c>
      <c r="EV16" s="66">
        <v>33</v>
      </c>
      <c r="EW16" s="66">
        <v>19</v>
      </c>
      <c r="EX16" s="66">
        <v>11</v>
      </c>
      <c r="EY16" s="64">
        <v>166</v>
      </c>
      <c r="EZ16" s="68">
        <v>179</v>
      </c>
    </row>
    <row r="17" spans="2:156" ht="21" customHeight="1" x14ac:dyDescent="0.2">
      <c r="B17" s="131" t="s">
        <v>15</v>
      </c>
      <c r="C17" s="63">
        <v>0</v>
      </c>
      <c r="D17" s="66">
        <v>0</v>
      </c>
      <c r="E17" s="111">
        <v>0</v>
      </c>
      <c r="F17" s="65">
        <v>0</v>
      </c>
      <c r="G17" s="66">
        <v>3</v>
      </c>
      <c r="H17" s="66">
        <v>5</v>
      </c>
      <c r="I17" s="66">
        <v>2</v>
      </c>
      <c r="J17" s="66">
        <v>5</v>
      </c>
      <c r="K17" s="66">
        <v>1</v>
      </c>
      <c r="L17" s="67">
        <v>16</v>
      </c>
      <c r="M17" s="68">
        <v>16</v>
      </c>
      <c r="N17" s="63">
        <v>0</v>
      </c>
      <c r="O17" s="66">
        <v>0</v>
      </c>
      <c r="P17" s="64">
        <v>0</v>
      </c>
      <c r="Q17" s="65">
        <v>0</v>
      </c>
      <c r="R17" s="66">
        <v>0</v>
      </c>
      <c r="S17" s="66">
        <v>1</v>
      </c>
      <c r="T17" s="66">
        <v>0</v>
      </c>
      <c r="U17" s="66">
        <v>1</v>
      </c>
      <c r="V17" s="66">
        <v>0</v>
      </c>
      <c r="W17" s="64">
        <v>2</v>
      </c>
      <c r="X17" s="68">
        <v>2</v>
      </c>
      <c r="Y17" s="63">
        <v>0</v>
      </c>
      <c r="Z17" s="66">
        <v>1</v>
      </c>
      <c r="AA17" s="64">
        <v>1</v>
      </c>
      <c r="AB17" s="65">
        <v>0</v>
      </c>
      <c r="AC17" s="66">
        <v>4</v>
      </c>
      <c r="AD17" s="66">
        <v>3</v>
      </c>
      <c r="AE17" s="66">
        <v>5</v>
      </c>
      <c r="AF17" s="66">
        <v>4</v>
      </c>
      <c r="AG17" s="66">
        <v>0</v>
      </c>
      <c r="AH17" s="64">
        <v>16</v>
      </c>
      <c r="AI17" s="68">
        <v>17</v>
      </c>
      <c r="AJ17" s="63">
        <v>0</v>
      </c>
      <c r="AK17" s="66">
        <v>0</v>
      </c>
      <c r="AL17" s="64">
        <v>0</v>
      </c>
      <c r="AM17" s="65">
        <v>0</v>
      </c>
      <c r="AN17" s="66">
        <v>2</v>
      </c>
      <c r="AO17" s="66">
        <v>2</v>
      </c>
      <c r="AP17" s="66">
        <v>0</v>
      </c>
      <c r="AQ17" s="66">
        <v>0</v>
      </c>
      <c r="AR17" s="66">
        <v>0</v>
      </c>
      <c r="AS17" s="64">
        <v>4</v>
      </c>
      <c r="AT17" s="68">
        <v>4</v>
      </c>
      <c r="AU17" s="63">
        <v>0</v>
      </c>
      <c r="AV17" s="66">
        <v>1</v>
      </c>
      <c r="AW17" s="64">
        <v>1</v>
      </c>
      <c r="AX17" s="65">
        <v>0</v>
      </c>
      <c r="AY17" s="66">
        <v>13</v>
      </c>
      <c r="AZ17" s="66">
        <v>6</v>
      </c>
      <c r="BA17" s="66">
        <v>7</v>
      </c>
      <c r="BB17" s="66">
        <v>6</v>
      </c>
      <c r="BC17" s="66">
        <v>3</v>
      </c>
      <c r="BD17" s="67">
        <v>35</v>
      </c>
      <c r="BE17" s="68">
        <v>36</v>
      </c>
      <c r="BF17" s="63">
        <v>0</v>
      </c>
      <c r="BG17" s="66">
        <v>0</v>
      </c>
      <c r="BH17" s="64">
        <v>0</v>
      </c>
      <c r="BI17" s="65">
        <v>0</v>
      </c>
      <c r="BJ17" s="66">
        <v>5</v>
      </c>
      <c r="BK17" s="66">
        <v>4</v>
      </c>
      <c r="BL17" s="66">
        <v>3</v>
      </c>
      <c r="BM17" s="66">
        <v>1</v>
      </c>
      <c r="BN17" s="66">
        <v>0</v>
      </c>
      <c r="BO17" s="64">
        <v>13</v>
      </c>
      <c r="BP17" s="68">
        <v>13</v>
      </c>
      <c r="BQ17" s="63">
        <v>1</v>
      </c>
      <c r="BR17" s="66">
        <v>0</v>
      </c>
      <c r="BS17" s="64">
        <v>1</v>
      </c>
      <c r="BT17" s="65">
        <v>0</v>
      </c>
      <c r="BU17" s="66">
        <v>1</v>
      </c>
      <c r="BV17" s="66">
        <v>1</v>
      </c>
      <c r="BW17" s="66">
        <v>2</v>
      </c>
      <c r="BX17" s="66">
        <v>0</v>
      </c>
      <c r="BY17" s="66">
        <v>0</v>
      </c>
      <c r="BZ17" s="64">
        <v>4</v>
      </c>
      <c r="CA17" s="68">
        <v>5</v>
      </c>
      <c r="CB17" s="63">
        <v>0</v>
      </c>
      <c r="CC17" s="66">
        <v>0</v>
      </c>
      <c r="CD17" s="64">
        <v>0</v>
      </c>
      <c r="CE17" s="65">
        <v>0</v>
      </c>
      <c r="CF17" s="66">
        <v>1</v>
      </c>
      <c r="CG17" s="66">
        <v>1</v>
      </c>
      <c r="CH17" s="66">
        <v>0</v>
      </c>
      <c r="CI17" s="66">
        <v>1</v>
      </c>
      <c r="CJ17" s="66">
        <v>0</v>
      </c>
      <c r="CK17" s="64">
        <v>3</v>
      </c>
      <c r="CL17" s="68">
        <v>3</v>
      </c>
      <c r="CM17" s="63">
        <v>0</v>
      </c>
      <c r="CN17" s="66">
        <v>0</v>
      </c>
      <c r="CO17" s="64">
        <v>0</v>
      </c>
      <c r="CP17" s="65">
        <v>0</v>
      </c>
      <c r="CQ17" s="66">
        <v>1</v>
      </c>
      <c r="CR17" s="66">
        <v>0</v>
      </c>
      <c r="CS17" s="66">
        <v>0</v>
      </c>
      <c r="CT17" s="66">
        <v>0</v>
      </c>
      <c r="CU17" s="66">
        <v>0</v>
      </c>
      <c r="CV17" s="64">
        <v>1</v>
      </c>
      <c r="CW17" s="68">
        <v>1</v>
      </c>
      <c r="CX17" s="63">
        <v>0</v>
      </c>
      <c r="CY17" s="66">
        <v>0</v>
      </c>
      <c r="CZ17" s="64">
        <v>0</v>
      </c>
      <c r="DA17" s="65">
        <v>0</v>
      </c>
      <c r="DB17" s="66">
        <v>0</v>
      </c>
      <c r="DC17" s="66">
        <v>0</v>
      </c>
      <c r="DD17" s="66">
        <v>0</v>
      </c>
      <c r="DE17" s="66">
        <v>0</v>
      </c>
      <c r="DF17" s="66">
        <v>0</v>
      </c>
      <c r="DG17" s="64">
        <v>0</v>
      </c>
      <c r="DH17" s="68">
        <v>0</v>
      </c>
      <c r="DI17" s="63">
        <v>0</v>
      </c>
      <c r="DJ17" s="66">
        <v>0</v>
      </c>
      <c r="DK17" s="64">
        <v>0</v>
      </c>
      <c r="DL17" s="65">
        <v>0</v>
      </c>
      <c r="DM17" s="66">
        <v>0</v>
      </c>
      <c r="DN17" s="66">
        <v>0</v>
      </c>
      <c r="DO17" s="66">
        <v>0</v>
      </c>
      <c r="DP17" s="66">
        <v>0</v>
      </c>
      <c r="DQ17" s="66">
        <v>0</v>
      </c>
      <c r="DR17" s="64">
        <v>0</v>
      </c>
      <c r="DS17" s="68">
        <v>0</v>
      </c>
      <c r="DT17" s="63">
        <v>3</v>
      </c>
      <c r="DU17" s="66">
        <v>6</v>
      </c>
      <c r="DV17" s="64">
        <v>9</v>
      </c>
      <c r="DW17" s="65">
        <v>0</v>
      </c>
      <c r="DX17" s="66">
        <v>4</v>
      </c>
      <c r="DY17" s="66">
        <v>10</v>
      </c>
      <c r="DZ17" s="66">
        <v>11</v>
      </c>
      <c r="EA17" s="66">
        <v>6</v>
      </c>
      <c r="EB17" s="66">
        <v>4</v>
      </c>
      <c r="EC17" s="64">
        <v>35</v>
      </c>
      <c r="ED17" s="68">
        <v>44</v>
      </c>
      <c r="EE17" s="63">
        <v>2</v>
      </c>
      <c r="EF17" s="66">
        <v>2</v>
      </c>
      <c r="EG17" s="64">
        <v>4</v>
      </c>
      <c r="EH17" s="65">
        <v>0</v>
      </c>
      <c r="EI17" s="66">
        <v>7</v>
      </c>
      <c r="EJ17" s="66">
        <v>2</v>
      </c>
      <c r="EK17" s="66">
        <v>4</v>
      </c>
      <c r="EL17" s="66">
        <v>2</v>
      </c>
      <c r="EM17" s="66">
        <v>2</v>
      </c>
      <c r="EN17" s="64">
        <v>17</v>
      </c>
      <c r="EO17" s="68">
        <v>21</v>
      </c>
      <c r="EP17" s="63">
        <v>4</v>
      </c>
      <c r="EQ17" s="66">
        <v>8</v>
      </c>
      <c r="ER17" s="64">
        <v>12</v>
      </c>
      <c r="ES17" s="65">
        <v>0</v>
      </c>
      <c r="ET17" s="66">
        <v>21</v>
      </c>
      <c r="EU17" s="66">
        <v>17</v>
      </c>
      <c r="EV17" s="66">
        <v>10</v>
      </c>
      <c r="EW17" s="66">
        <v>7</v>
      </c>
      <c r="EX17" s="66">
        <v>2</v>
      </c>
      <c r="EY17" s="64">
        <v>57</v>
      </c>
      <c r="EZ17" s="68">
        <v>69</v>
      </c>
    </row>
    <row r="18" spans="2:156" ht="21" customHeight="1" x14ac:dyDescent="0.2">
      <c r="B18" s="131" t="s">
        <v>16</v>
      </c>
      <c r="C18" s="63">
        <v>0</v>
      </c>
      <c r="D18" s="66">
        <v>0</v>
      </c>
      <c r="E18" s="111">
        <v>0</v>
      </c>
      <c r="F18" s="65">
        <v>0</v>
      </c>
      <c r="G18" s="66">
        <v>8</v>
      </c>
      <c r="H18" s="66">
        <v>10</v>
      </c>
      <c r="I18" s="66">
        <v>5</v>
      </c>
      <c r="J18" s="66">
        <v>2</v>
      </c>
      <c r="K18" s="66">
        <v>3</v>
      </c>
      <c r="L18" s="67">
        <v>28</v>
      </c>
      <c r="M18" s="68">
        <v>28</v>
      </c>
      <c r="N18" s="63">
        <v>0</v>
      </c>
      <c r="O18" s="66">
        <v>0</v>
      </c>
      <c r="P18" s="64">
        <v>0</v>
      </c>
      <c r="Q18" s="65">
        <v>0</v>
      </c>
      <c r="R18" s="66">
        <v>0</v>
      </c>
      <c r="S18" s="66">
        <v>0</v>
      </c>
      <c r="T18" s="66">
        <v>1</v>
      </c>
      <c r="U18" s="66">
        <v>2</v>
      </c>
      <c r="V18" s="66">
        <v>2</v>
      </c>
      <c r="W18" s="64">
        <v>5</v>
      </c>
      <c r="X18" s="68">
        <v>5</v>
      </c>
      <c r="Y18" s="63">
        <v>4</v>
      </c>
      <c r="Z18" s="66">
        <v>4</v>
      </c>
      <c r="AA18" s="64">
        <v>8</v>
      </c>
      <c r="AB18" s="65">
        <v>0</v>
      </c>
      <c r="AC18" s="66">
        <v>13</v>
      </c>
      <c r="AD18" s="66">
        <v>19</v>
      </c>
      <c r="AE18" s="66">
        <v>7</v>
      </c>
      <c r="AF18" s="66">
        <v>6</v>
      </c>
      <c r="AG18" s="66">
        <v>3</v>
      </c>
      <c r="AH18" s="64">
        <v>48</v>
      </c>
      <c r="AI18" s="68">
        <v>56</v>
      </c>
      <c r="AJ18" s="63">
        <v>1</v>
      </c>
      <c r="AK18" s="66">
        <v>0</v>
      </c>
      <c r="AL18" s="64">
        <v>1</v>
      </c>
      <c r="AM18" s="65">
        <v>0</v>
      </c>
      <c r="AN18" s="66">
        <v>1</v>
      </c>
      <c r="AO18" s="66">
        <v>2</v>
      </c>
      <c r="AP18" s="66">
        <v>0</v>
      </c>
      <c r="AQ18" s="66">
        <v>0</v>
      </c>
      <c r="AR18" s="66">
        <v>0</v>
      </c>
      <c r="AS18" s="64">
        <v>3</v>
      </c>
      <c r="AT18" s="68">
        <v>4</v>
      </c>
      <c r="AU18" s="63">
        <v>3</v>
      </c>
      <c r="AV18" s="66">
        <v>4</v>
      </c>
      <c r="AW18" s="64">
        <v>7</v>
      </c>
      <c r="AX18" s="65">
        <v>0</v>
      </c>
      <c r="AY18" s="66">
        <v>9</v>
      </c>
      <c r="AZ18" s="66">
        <v>23</v>
      </c>
      <c r="BA18" s="66">
        <v>14</v>
      </c>
      <c r="BB18" s="66">
        <v>15</v>
      </c>
      <c r="BC18" s="66">
        <v>14</v>
      </c>
      <c r="BD18" s="67">
        <v>75</v>
      </c>
      <c r="BE18" s="68">
        <v>82</v>
      </c>
      <c r="BF18" s="63">
        <v>0</v>
      </c>
      <c r="BG18" s="66">
        <v>0</v>
      </c>
      <c r="BH18" s="64">
        <v>0</v>
      </c>
      <c r="BI18" s="65">
        <v>0</v>
      </c>
      <c r="BJ18" s="66">
        <v>19</v>
      </c>
      <c r="BK18" s="66">
        <v>24</v>
      </c>
      <c r="BL18" s="66">
        <v>8</v>
      </c>
      <c r="BM18" s="66">
        <v>5</v>
      </c>
      <c r="BN18" s="66">
        <v>0</v>
      </c>
      <c r="BO18" s="64">
        <v>56</v>
      </c>
      <c r="BP18" s="68">
        <v>56</v>
      </c>
      <c r="BQ18" s="63">
        <v>1</v>
      </c>
      <c r="BR18" s="66">
        <v>8</v>
      </c>
      <c r="BS18" s="64">
        <v>9</v>
      </c>
      <c r="BT18" s="65">
        <v>0</v>
      </c>
      <c r="BU18" s="66">
        <v>9</v>
      </c>
      <c r="BV18" s="66">
        <v>26</v>
      </c>
      <c r="BW18" s="66">
        <v>7</v>
      </c>
      <c r="BX18" s="66">
        <v>1</v>
      </c>
      <c r="BY18" s="66">
        <v>1</v>
      </c>
      <c r="BZ18" s="64">
        <v>44</v>
      </c>
      <c r="CA18" s="68">
        <v>53</v>
      </c>
      <c r="CB18" s="63">
        <v>0</v>
      </c>
      <c r="CC18" s="66">
        <v>1</v>
      </c>
      <c r="CD18" s="64">
        <v>1</v>
      </c>
      <c r="CE18" s="65">
        <v>0</v>
      </c>
      <c r="CF18" s="66">
        <v>1</v>
      </c>
      <c r="CG18" s="66">
        <v>3</v>
      </c>
      <c r="CH18" s="66">
        <v>2</v>
      </c>
      <c r="CI18" s="66">
        <v>3</v>
      </c>
      <c r="CJ18" s="66">
        <v>1</v>
      </c>
      <c r="CK18" s="64">
        <v>10</v>
      </c>
      <c r="CL18" s="68">
        <v>11</v>
      </c>
      <c r="CM18" s="63">
        <v>0</v>
      </c>
      <c r="CN18" s="66">
        <v>0</v>
      </c>
      <c r="CO18" s="64">
        <v>0</v>
      </c>
      <c r="CP18" s="65">
        <v>0</v>
      </c>
      <c r="CQ18" s="66">
        <v>0</v>
      </c>
      <c r="CR18" s="66">
        <v>1</v>
      </c>
      <c r="CS18" s="66">
        <v>2</v>
      </c>
      <c r="CT18" s="66">
        <v>0</v>
      </c>
      <c r="CU18" s="66">
        <v>0</v>
      </c>
      <c r="CV18" s="64">
        <v>3</v>
      </c>
      <c r="CW18" s="68">
        <v>3</v>
      </c>
      <c r="CX18" s="63">
        <v>0</v>
      </c>
      <c r="CY18" s="66">
        <v>0</v>
      </c>
      <c r="CZ18" s="64">
        <v>0</v>
      </c>
      <c r="DA18" s="65">
        <v>0</v>
      </c>
      <c r="DB18" s="66">
        <v>0</v>
      </c>
      <c r="DC18" s="66">
        <v>0</v>
      </c>
      <c r="DD18" s="66">
        <v>0</v>
      </c>
      <c r="DE18" s="66">
        <v>0</v>
      </c>
      <c r="DF18" s="66">
        <v>0</v>
      </c>
      <c r="DG18" s="64">
        <v>0</v>
      </c>
      <c r="DH18" s="68">
        <v>0</v>
      </c>
      <c r="DI18" s="63">
        <v>0</v>
      </c>
      <c r="DJ18" s="66">
        <v>0</v>
      </c>
      <c r="DK18" s="64">
        <v>0</v>
      </c>
      <c r="DL18" s="65">
        <v>0</v>
      </c>
      <c r="DM18" s="66">
        <v>0</v>
      </c>
      <c r="DN18" s="66">
        <v>0</v>
      </c>
      <c r="DO18" s="66">
        <v>0</v>
      </c>
      <c r="DP18" s="66">
        <v>0</v>
      </c>
      <c r="DQ18" s="66">
        <v>0</v>
      </c>
      <c r="DR18" s="64">
        <v>0</v>
      </c>
      <c r="DS18" s="68">
        <v>0</v>
      </c>
      <c r="DT18" s="63">
        <v>12</v>
      </c>
      <c r="DU18" s="66">
        <v>20</v>
      </c>
      <c r="DV18" s="64">
        <v>32</v>
      </c>
      <c r="DW18" s="65">
        <v>0</v>
      </c>
      <c r="DX18" s="66">
        <v>20</v>
      </c>
      <c r="DY18" s="66">
        <v>49</v>
      </c>
      <c r="DZ18" s="66">
        <v>25</v>
      </c>
      <c r="EA18" s="66">
        <v>14</v>
      </c>
      <c r="EB18" s="66">
        <v>7</v>
      </c>
      <c r="EC18" s="64">
        <v>115</v>
      </c>
      <c r="ED18" s="68">
        <v>147</v>
      </c>
      <c r="EE18" s="63">
        <v>4</v>
      </c>
      <c r="EF18" s="66">
        <v>0</v>
      </c>
      <c r="EG18" s="64">
        <v>4</v>
      </c>
      <c r="EH18" s="65">
        <v>0</v>
      </c>
      <c r="EI18" s="66">
        <v>8</v>
      </c>
      <c r="EJ18" s="66">
        <v>12</v>
      </c>
      <c r="EK18" s="66">
        <v>7</v>
      </c>
      <c r="EL18" s="66">
        <v>11</v>
      </c>
      <c r="EM18" s="66">
        <v>7</v>
      </c>
      <c r="EN18" s="64">
        <v>45</v>
      </c>
      <c r="EO18" s="68">
        <v>49</v>
      </c>
      <c r="EP18" s="63">
        <v>16</v>
      </c>
      <c r="EQ18" s="66">
        <v>28</v>
      </c>
      <c r="ER18" s="64">
        <v>44</v>
      </c>
      <c r="ES18" s="65">
        <v>0</v>
      </c>
      <c r="ET18" s="66">
        <v>47</v>
      </c>
      <c r="EU18" s="66">
        <v>68</v>
      </c>
      <c r="EV18" s="66">
        <v>26</v>
      </c>
      <c r="EW18" s="66">
        <v>14</v>
      </c>
      <c r="EX18" s="66">
        <v>7</v>
      </c>
      <c r="EY18" s="64">
        <v>162</v>
      </c>
      <c r="EZ18" s="68">
        <v>206</v>
      </c>
    </row>
    <row r="19" spans="2:156" ht="21" customHeight="1" x14ac:dyDescent="0.2">
      <c r="B19" s="131" t="s">
        <v>17</v>
      </c>
      <c r="C19" s="63">
        <v>0</v>
      </c>
      <c r="D19" s="66">
        <v>0</v>
      </c>
      <c r="E19" s="111">
        <v>0</v>
      </c>
      <c r="F19" s="65">
        <v>0</v>
      </c>
      <c r="G19" s="66">
        <v>15</v>
      </c>
      <c r="H19" s="66">
        <v>19</v>
      </c>
      <c r="I19" s="66">
        <v>13</v>
      </c>
      <c r="J19" s="66">
        <v>3</v>
      </c>
      <c r="K19" s="66">
        <v>4</v>
      </c>
      <c r="L19" s="67">
        <v>54</v>
      </c>
      <c r="M19" s="68">
        <v>54</v>
      </c>
      <c r="N19" s="63">
        <v>0</v>
      </c>
      <c r="O19" s="66">
        <v>0</v>
      </c>
      <c r="P19" s="64">
        <v>0</v>
      </c>
      <c r="Q19" s="65">
        <v>0</v>
      </c>
      <c r="R19" s="66">
        <v>0</v>
      </c>
      <c r="S19" s="66">
        <v>2</v>
      </c>
      <c r="T19" s="66">
        <v>1</v>
      </c>
      <c r="U19" s="66">
        <v>1</v>
      </c>
      <c r="V19" s="66">
        <v>3</v>
      </c>
      <c r="W19" s="64">
        <v>7</v>
      </c>
      <c r="X19" s="68">
        <v>7</v>
      </c>
      <c r="Y19" s="63">
        <v>0</v>
      </c>
      <c r="Z19" s="66">
        <v>3</v>
      </c>
      <c r="AA19" s="64">
        <v>3</v>
      </c>
      <c r="AB19" s="65">
        <v>0</v>
      </c>
      <c r="AC19" s="66">
        <v>12</v>
      </c>
      <c r="AD19" s="66">
        <v>16</v>
      </c>
      <c r="AE19" s="66">
        <v>18</v>
      </c>
      <c r="AF19" s="66">
        <v>5</v>
      </c>
      <c r="AG19" s="66">
        <v>6</v>
      </c>
      <c r="AH19" s="64">
        <v>57</v>
      </c>
      <c r="AI19" s="68">
        <v>60</v>
      </c>
      <c r="AJ19" s="63">
        <v>0</v>
      </c>
      <c r="AK19" s="66">
        <v>1</v>
      </c>
      <c r="AL19" s="64">
        <v>1</v>
      </c>
      <c r="AM19" s="65">
        <v>0</v>
      </c>
      <c r="AN19" s="66">
        <v>1</v>
      </c>
      <c r="AO19" s="66">
        <v>1</v>
      </c>
      <c r="AP19" s="66">
        <v>2</v>
      </c>
      <c r="AQ19" s="66">
        <v>0</v>
      </c>
      <c r="AR19" s="66">
        <v>0</v>
      </c>
      <c r="AS19" s="64">
        <v>4</v>
      </c>
      <c r="AT19" s="68">
        <v>5</v>
      </c>
      <c r="AU19" s="63">
        <v>9</v>
      </c>
      <c r="AV19" s="66">
        <v>3</v>
      </c>
      <c r="AW19" s="64">
        <v>12</v>
      </c>
      <c r="AX19" s="65">
        <v>0</v>
      </c>
      <c r="AY19" s="66">
        <v>16</v>
      </c>
      <c r="AZ19" s="66">
        <v>22</v>
      </c>
      <c r="BA19" s="66">
        <v>22</v>
      </c>
      <c r="BB19" s="66">
        <v>11</v>
      </c>
      <c r="BC19" s="66">
        <v>9</v>
      </c>
      <c r="BD19" s="67">
        <v>80</v>
      </c>
      <c r="BE19" s="68">
        <v>92</v>
      </c>
      <c r="BF19" s="63">
        <v>0</v>
      </c>
      <c r="BG19" s="66">
        <v>0</v>
      </c>
      <c r="BH19" s="64">
        <v>0</v>
      </c>
      <c r="BI19" s="65">
        <v>0</v>
      </c>
      <c r="BJ19" s="66">
        <v>18</v>
      </c>
      <c r="BK19" s="66">
        <v>30</v>
      </c>
      <c r="BL19" s="66">
        <v>11</v>
      </c>
      <c r="BM19" s="66">
        <v>3</v>
      </c>
      <c r="BN19" s="66">
        <v>4</v>
      </c>
      <c r="BO19" s="64">
        <v>66</v>
      </c>
      <c r="BP19" s="68">
        <v>66</v>
      </c>
      <c r="BQ19" s="63">
        <v>4</v>
      </c>
      <c r="BR19" s="66">
        <v>3</v>
      </c>
      <c r="BS19" s="64">
        <v>7</v>
      </c>
      <c r="BT19" s="65">
        <v>0</v>
      </c>
      <c r="BU19" s="66">
        <v>3</v>
      </c>
      <c r="BV19" s="66">
        <v>13</v>
      </c>
      <c r="BW19" s="66">
        <v>4</v>
      </c>
      <c r="BX19" s="66">
        <v>1</v>
      </c>
      <c r="BY19" s="66">
        <v>1</v>
      </c>
      <c r="BZ19" s="64">
        <v>22</v>
      </c>
      <c r="CA19" s="68">
        <v>29</v>
      </c>
      <c r="CB19" s="63">
        <v>0</v>
      </c>
      <c r="CC19" s="66">
        <v>0</v>
      </c>
      <c r="CD19" s="64">
        <v>0</v>
      </c>
      <c r="CE19" s="65">
        <v>0</v>
      </c>
      <c r="CF19" s="66">
        <v>4</v>
      </c>
      <c r="CG19" s="66">
        <v>10</v>
      </c>
      <c r="CH19" s="66">
        <v>5</v>
      </c>
      <c r="CI19" s="66">
        <v>7</v>
      </c>
      <c r="CJ19" s="66">
        <v>1</v>
      </c>
      <c r="CK19" s="64">
        <v>27</v>
      </c>
      <c r="CL19" s="68">
        <v>27</v>
      </c>
      <c r="CM19" s="63">
        <v>0</v>
      </c>
      <c r="CN19" s="66">
        <v>0</v>
      </c>
      <c r="CO19" s="64">
        <v>0</v>
      </c>
      <c r="CP19" s="65">
        <v>0</v>
      </c>
      <c r="CQ19" s="66">
        <v>0</v>
      </c>
      <c r="CR19" s="66">
        <v>1</v>
      </c>
      <c r="CS19" s="66">
        <v>2</v>
      </c>
      <c r="CT19" s="66">
        <v>0</v>
      </c>
      <c r="CU19" s="66">
        <v>1</v>
      </c>
      <c r="CV19" s="64">
        <v>4</v>
      </c>
      <c r="CW19" s="68">
        <v>4</v>
      </c>
      <c r="CX19" s="63">
        <v>0</v>
      </c>
      <c r="CY19" s="66">
        <v>0</v>
      </c>
      <c r="CZ19" s="64">
        <v>0</v>
      </c>
      <c r="DA19" s="65">
        <v>0</v>
      </c>
      <c r="DB19" s="66">
        <v>0</v>
      </c>
      <c r="DC19" s="66">
        <v>0</v>
      </c>
      <c r="DD19" s="66">
        <v>0</v>
      </c>
      <c r="DE19" s="66">
        <v>0</v>
      </c>
      <c r="DF19" s="66">
        <v>0</v>
      </c>
      <c r="DG19" s="64">
        <v>0</v>
      </c>
      <c r="DH19" s="68">
        <v>0</v>
      </c>
      <c r="DI19" s="63">
        <v>0</v>
      </c>
      <c r="DJ19" s="66">
        <v>0</v>
      </c>
      <c r="DK19" s="64">
        <v>0</v>
      </c>
      <c r="DL19" s="65">
        <v>0</v>
      </c>
      <c r="DM19" s="66">
        <v>0</v>
      </c>
      <c r="DN19" s="66">
        <v>0</v>
      </c>
      <c r="DO19" s="66">
        <v>0</v>
      </c>
      <c r="DP19" s="66">
        <v>0</v>
      </c>
      <c r="DQ19" s="66">
        <v>0</v>
      </c>
      <c r="DR19" s="64">
        <v>0</v>
      </c>
      <c r="DS19" s="68">
        <v>0</v>
      </c>
      <c r="DT19" s="63">
        <v>10</v>
      </c>
      <c r="DU19" s="66">
        <v>27</v>
      </c>
      <c r="DV19" s="64">
        <v>37</v>
      </c>
      <c r="DW19" s="65">
        <v>0</v>
      </c>
      <c r="DX19" s="66">
        <v>21</v>
      </c>
      <c r="DY19" s="66">
        <v>71</v>
      </c>
      <c r="DZ19" s="66">
        <v>32</v>
      </c>
      <c r="EA19" s="66">
        <v>13</v>
      </c>
      <c r="EB19" s="66">
        <v>10</v>
      </c>
      <c r="EC19" s="64">
        <v>147</v>
      </c>
      <c r="ED19" s="68">
        <v>184</v>
      </c>
      <c r="EE19" s="63">
        <v>5</v>
      </c>
      <c r="EF19" s="66">
        <v>1</v>
      </c>
      <c r="EG19" s="64">
        <v>6</v>
      </c>
      <c r="EH19" s="65">
        <v>0</v>
      </c>
      <c r="EI19" s="66">
        <v>8</v>
      </c>
      <c r="EJ19" s="66">
        <v>9</v>
      </c>
      <c r="EK19" s="66">
        <v>6</v>
      </c>
      <c r="EL19" s="66">
        <v>4</v>
      </c>
      <c r="EM19" s="66">
        <v>2</v>
      </c>
      <c r="EN19" s="64">
        <v>29</v>
      </c>
      <c r="EO19" s="68">
        <v>35</v>
      </c>
      <c r="EP19" s="63">
        <v>15</v>
      </c>
      <c r="EQ19" s="66">
        <v>31</v>
      </c>
      <c r="ER19" s="64">
        <v>46</v>
      </c>
      <c r="ES19" s="65">
        <v>0</v>
      </c>
      <c r="ET19" s="66">
        <v>69</v>
      </c>
      <c r="EU19" s="66">
        <v>93</v>
      </c>
      <c r="EV19" s="66">
        <v>40</v>
      </c>
      <c r="EW19" s="66">
        <v>16</v>
      </c>
      <c r="EX19" s="66">
        <v>10</v>
      </c>
      <c r="EY19" s="64">
        <v>228</v>
      </c>
      <c r="EZ19" s="68">
        <v>274</v>
      </c>
    </row>
    <row r="20" spans="2:156" ht="21" customHeight="1" x14ac:dyDescent="0.2">
      <c r="B20" s="131" t="s">
        <v>18</v>
      </c>
      <c r="C20" s="63">
        <v>0</v>
      </c>
      <c r="D20" s="66">
        <v>0</v>
      </c>
      <c r="E20" s="111">
        <v>0</v>
      </c>
      <c r="F20" s="65">
        <v>0</v>
      </c>
      <c r="G20" s="66">
        <v>25</v>
      </c>
      <c r="H20" s="66">
        <v>27</v>
      </c>
      <c r="I20" s="66">
        <v>12</v>
      </c>
      <c r="J20" s="66">
        <v>7</v>
      </c>
      <c r="K20" s="66">
        <v>6</v>
      </c>
      <c r="L20" s="67">
        <v>77</v>
      </c>
      <c r="M20" s="68">
        <v>77</v>
      </c>
      <c r="N20" s="63">
        <v>0</v>
      </c>
      <c r="O20" s="66">
        <v>0</v>
      </c>
      <c r="P20" s="64">
        <v>0</v>
      </c>
      <c r="Q20" s="65">
        <v>0</v>
      </c>
      <c r="R20" s="66">
        <v>1</v>
      </c>
      <c r="S20" s="66">
        <v>0</v>
      </c>
      <c r="T20" s="66">
        <v>0</v>
      </c>
      <c r="U20" s="66">
        <v>0</v>
      </c>
      <c r="V20" s="66">
        <v>4</v>
      </c>
      <c r="W20" s="64">
        <v>5</v>
      </c>
      <c r="X20" s="68">
        <v>5</v>
      </c>
      <c r="Y20" s="63">
        <v>3</v>
      </c>
      <c r="Z20" s="66">
        <v>8</v>
      </c>
      <c r="AA20" s="64">
        <v>11</v>
      </c>
      <c r="AB20" s="65">
        <v>0</v>
      </c>
      <c r="AC20" s="66">
        <v>19</v>
      </c>
      <c r="AD20" s="66">
        <v>21</v>
      </c>
      <c r="AE20" s="66">
        <v>17</v>
      </c>
      <c r="AF20" s="66">
        <v>6</v>
      </c>
      <c r="AG20" s="66">
        <v>8</v>
      </c>
      <c r="AH20" s="64">
        <v>71</v>
      </c>
      <c r="AI20" s="68">
        <v>82</v>
      </c>
      <c r="AJ20" s="63">
        <v>0</v>
      </c>
      <c r="AK20" s="66">
        <v>1</v>
      </c>
      <c r="AL20" s="64">
        <v>1</v>
      </c>
      <c r="AM20" s="65">
        <v>0</v>
      </c>
      <c r="AN20" s="66">
        <v>3</v>
      </c>
      <c r="AO20" s="66">
        <v>2</v>
      </c>
      <c r="AP20" s="66">
        <v>2</v>
      </c>
      <c r="AQ20" s="66">
        <v>3</v>
      </c>
      <c r="AR20" s="66">
        <v>0</v>
      </c>
      <c r="AS20" s="64">
        <v>10</v>
      </c>
      <c r="AT20" s="68">
        <v>11</v>
      </c>
      <c r="AU20" s="63">
        <v>3</v>
      </c>
      <c r="AV20" s="66">
        <v>7</v>
      </c>
      <c r="AW20" s="64">
        <v>10</v>
      </c>
      <c r="AX20" s="65">
        <v>0</v>
      </c>
      <c r="AY20" s="66">
        <v>41</v>
      </c>
      <c r="AZ20" s="66">
        <v>34</v>
      </c>
      <c r="BA20" s="66">
        <v>33</v>
      </c>
      <c r="BB20" s="66">
        <v>26</v>
      </c>
      <c r="BC20" s="66">
        <v>18</v>
      </c>
      <c r="BD20" s="67">
        <v>152</v>
      </c>
      <c r="BE20" s="68">
        <v>162</v>
      </c>
      <c r="BF20" s="63">
        <v>0</v>
      </c>
      <c r="BG20" s="66">
        <v>0</v>
      </c>
      <c r="BH20" s="64">
        <v>0</v>
      </c>
      <c r="BI20" s="65">
        <v>0</v>
      </c>
      <c r="BJ20" s="66">
        <v>53</v>
      </c>
      <c r="BK20" s="66">
        <v>31</v>
      </c>
      <c r="BL20" s="66">
        <v>19</v>
      </c>
      <c r="BM20" s="66">
        <v>6</v>
      </c>
      <c r="BN20" s="66">
        <v>2</v>
      </c>
      <c r="BO20" s="64">
        <v>111</v>
      </c>
      <c r="BP20" s="68">
        <v>111</v>
      </c>
      <c r="BQ20" s="63">
        <v>2</v>
      </c>
      <c r="BR20" s="66">
        <v>7</v>
      </c>
      <c r="BS20" s="64">
        <v>9</v>
      </c>
      <c r="BT20" s="65">
        <v>0</v>
      </c>
      <c r="BU20" s="66">
        <v>15</v>
      </c>
      <c r="BV20" s="66">
        <v>13</v>
      </c>
      <c r="BW20" s="66">
        <v>7</v>
      </c>
      <c r="BX20" s="66">
        <v>3</v>
      </c>
      <c r="BY20" s="66">
        <v>1</v>
      </c>
      <c r="BZ20" s="64">
        <v>39</v>
      </c>
      <c r="CA20" s="68">
        <v>48</v>
      </c>
      <c r="CB20" s="63">
        <v>0</v>
      </c>
      <c r="CC20" s="66">
        <v>1</v>
      </c>
      <c r="CD20" s="64">
        <v>1</v>
      </c>
      <c r="CE20" s="65">
        <v>0</v>
      </c>
      <c r="CF20" s="66">
        <v>4</v>
      </c>
      <c r="CG20" s="66">
        <v>11</v>
      </c>
      <c r="CH20" s="66">
        <v>8</v>
      </c>
      <c r="CI20" s="66">
        <v>5</v>
      </c>
      <c r="CJ20" s="66">
        <v>1</v>
      </c>
      <c r="CK20" s="64">
        <v>29</v>
      </c>
      <c r="CL20" s="68">
        <v>30</v>
      </c>
      <c r="CM20" s="63">
        <v>0</v>
      </c>
      <c r="CN20" s="66">
        <v>0</v>
      </c>
      <c r="CO20" s="64">
        <v>0</v>
      </c>
      <c r="CP20" s="65">
        <v>0</v>
      </c>
      <c r="CQ20" s="66">
        <v>0</v>
      </c>
      <c r="CR20" s="66">
        <v>0</v>
      </c>
      <c r="CS20" s="66">
        <v>0</v>
      </c>
      <c r="CT20" s="66">
        <v>0</v>
      </c>
      <c r="CU20" s="66">
        <v>0</v>
      </c>
      <c r="CV20" s="64">
        <v>0</v>
      </c>
      <c r="CW20" s="68">
        <v>0</v>
      </c>
      <c r="CX20" s="63">
        <v>0</v>
      </c>
      <c r="CY20" s="66">
        <v>0</v>
      </c>
      <c r="CZ20" s="64">
        <v>0</v>
      </c>
      <c r="DA20" s="65">
        <v>0</v>
      </c>
      <c r="DB20" s="66">
        <v>0</v>
      </c>
      <c r="DC20" s="66">
        <v>0</v>
      </c>
      <c r="DD20" s="66">
        <v>0</v>
      </c>
      <c r="DE20" s="66">
        <v>0</v>
      </c>
      <c r="DF20" s="66">
        <v>0</v>
      </c>
      <c r="DG20" s="64">
        <v>0</v>
      </c>
      <c r="DH20" s="68">
        <v>0</v>
      </c>
      <c r="DI20" s="63">
        <v>0</v>
      </c>
      <c r="DJ20" s="66">
        <v>0</v>
      </c>
      <c r="DK20" s="64">
        <v>0</v>
      </c>
      <c r="DL20" s="65">
        <v>0</v>
      </c>
      <c r="DM20" s="66">
        <v>0</v>
      </c>
      <c r="DN20" s="66">
        <v>0</v>
      </c>
      <c r="DO20" s="66">
        <v>0</v>
      </c>
      <c r="DP20" s="66">
        <v>0</v>
      </c>
      <c r="DQ20" s="66">
        <v>0</v>
      </c>
      <c r="DR20" s="64">
        <v>0</v>
      </c>
      <c r="DS20" s="68">
        <v>0</v>
      </c>
      <c r="DT20" s="63">
        <v>10</v>
      </c>
      <c r="DU20" s="66">
        <v>31</v>
      </c>
      <c r="DV20" s="64">
        <v>41</v>
      </c>
      <c r="DW20" s="65">
        <v>0</v>
      </c>
      <c r="DX20" s="66">
        <v>47</v>
      </c>
      <c r="DY20" s="66">
        <v>52</v>
      </c>
      <c r="DZ20" s="66">
        <v>41</v>
      </c>
      <c r="EA20" s="66">
        <v>19</v>
      </c>
      <c r="EB20" s="66">
        <v>17</v>
      </c>
      <c r="EC20" s="64">
        <v>176</v>
      </c>
      <c r="ED20" s="68">
        <v>217</v>
      </c>
      <c r="EE20" s="63">
        <v>3</v>
      </c>
      <c r="EF20" s="66">
        <v>0</v>
      </c>
      <c r="EG20" s="64">
        <v>3</v>
      </c>
      <c r="EH20" s="65">
        <v>0</v>
      </c>
      <c r="EI20" s="66">
        <v>19</v>
      </c>
      <c r="EJ20" s="66">
        <v>13</v>
      </c>
      <c r="EK20" s="66">
        <v>8</v>
      </c>
      <c r="EL20" s="66">
        <v>11</v>
      </c>
      <c r="EM20" s="66">
        <v>3</v>
      </c>
      <c r="EN20" s="64">
        <v>54</v>
      </c>
      <c r="EO20" s="68">
        <v>57</v>
      </c>
      <c r="EP20" s="63">
        <v>15</v>
      </c>
      <c r="EQ20" s="66">
        <v>39</v>
      </c>
      <c r="ER20" s="64">
        <v>54</v>
      </c>
      <c r="ES20" s="65">
        <v>0</v>
      </c>
      <c r="ET20" s="66">
        <v>118</v>
      </c>
      <c r="EU20" s="66">
        <v>84</v>
      </c>
      <c r="EV20" s="66">
        <v>46</v>
      </c>
      <c r="EW20" s="66">
        <v>21</v>
      </c>
      <c r="EX20" s="66">
        <v>18</v>
      </c>
      <c r="EY20" s="64">
        <v>287</v>
      </c>
      <c r="EZ20" s="68">
        <v>341</v>
      </c>
    </row>
    <row r="21" spans="2:156" ht="21" customHeight="1" x14ac:dyDescent="0.2">
      <c r="B21" s="131" t="s">
        <v>19</v>
      </c>
      <c r="C21" s="63">
        <v>0</v>
      </c>
      <c r="D21" s="66">
        <v>0</v>
      </c>
      <c r="E21" s="111">
        <v>0</v>
      </c>
      <c r="F21" s="65">
        <v>0</v>
      </c>
      <c r="G21" s="66">
        <v>14</v>
      </c>
      <c r="H21" s="66">
        <v>7</v>
      </c>
      <c r="I21" s="66">
        <v>6</v>
      </c>
      <c r="J21" s="66">
        <v>3</v>
      </c>
      <c r="K21" s="66">
        <v>5</v>
      </c>
      <c r="L21" s="67">
        <v>35</v>
      </c>
      <c r="M21" s="68">
        <v>35</v>
      </c>
      <c r="N21" s="63">
        <v>0</v>
      </c>
      <c r="O21" s="66">
        <v>0</v>
      </c>
      <c r="P21" s="64">
        <v>0</v>
      </c>
      <c r="Q21" s="65">
        <v>0</v>
      </c>
      <c r="R21" s="66">
        <v>1</v>
      </c>
      <c r="S21" s="66">
        <v>0</v>
      </c>
      <c r="T21" s="66">
        <v>3</v>
      </c>
      <c r="U21" s="66">
        <v>2</v>
      </c>
      <c r="V21" s="66">
        <v>2</v>
      </c>
      <c r="W21" s="64">
        <v>8</v>
      </c>
      <c r="X21" s="68">
        <v>8</v>
      </c>
      <c r="Y21" s="63">
        <v>0</v>
      </c>
      <c r="Z21" s="66">
        <v>3</v>
      </c>
      <c r="AA21" s="64">
        <v>3</v>
      </c>
      <c r="AB21" s="65">
        <v>0</v>
      </c>
      <c r="AC21" s="66">
        <v>16</v>
      </c>
      <c r="AD21" s="66">
        <v>7</v>
      </c>
      <c r="AE21" s="66">
        <v>8</v>
      </c>
      <c r="AF21" s="66">
        <v>4</v>
      </c>
      <c r="AG21" s="66">
        <v>4</v>
      </c>
      <c r="AH21" s="64">
        <v>39</v>
      </c>
      <c r="AI21" s="68">
        <v>42</v>
      </c>
      <c r="AJ21" s="63">
        <v>0</v>
      </c>
      <c r="AK21" s="66">
        <v>0</v>
      </c>
      <c r="AL21" s="64">
        <v>0</v>
      </c>
      <c r="AM21" s="65">
        <v>0</v>
      </c>
      <c r="AN21" s="66">
        <v>1</v>
      </c>
      <c r="AO21" s="66">
        <v>1</v>
      </c>
      <c r="AP21" s="66">
        <v>0</v>
      </c>
      <c r="AQ21" s="66">
        <v>0</v>
      </c>
      <c r="AR21" s="66">
        <v>0</v>
      </c>
      <c r="AS21" s="64">
        <v>2</v>
      </c>
      <c r="AT21" s="68">
        <v>2</v>
      </c>
      <c r="AU21" s="63">
        <v>4</v>
      </c>
      <c r="AV21" s="66">
        <v>3</v>
      </c>
      <c r="AW21" s="64">
        <v>7</v>
      </c>
      <c r="AX21" s="65">
        <v>0</v>
      </c>
      <c r="AY21" s="66">
        <v>22</v>
      </c>
      <c r="AZ21" s="66">
        <v>19</v>
      </c>
      <c r="BA21" s="66">
        <v>14</v>
      </c>
      <c r="BB21" s="66">
        <v>11</v>
      </c>
      <c r="BC21" s="66">
        <v>12</v>
      </c>
      <c r="BD21" s="67">
        <v>78</v>
      </c>
      <c r="BE21" s="68">
        <v>85</v>
      </c>
      <c r="BF21" s="63">
        <v>0</v>
      </c>
      <c r="BG21" s="66">
        <v>0</v>
      </c>
      <c r="BH21" s="64">
        <v>0</v>
      </c>
      <c r="BI21" s="65">
        <v>0</v>
      </c>
      <c r="BJ21" s="66">
        <v>20</v>
      </c>
      <c r="BK21" s="66">
        <v>12</v>
      </c>
      <c r="BL21" s="66">
        <v>6</v>
      </c>
      <c r="BM21" s="66">
        <v>2</v>
      </c>
      <c r="BN21" s="66">
        <v>1</v>
      </c>
      <c r="BO21" s="64">
        <v>41</v>
      </c>
      <c r="BP21" s="68">
        <v>41</v>
      </c>
      <c r="BQ21" s="63">
        <v>2</v>
      </c>
      <c r="BR21" s="66">
        <v>3</v>
      </c>
      <c r="BS21" s="64">
        <v>5</v>
      </c>
      <c r="BT21" s="65">
        <v>0</v>
      </c>
      <c r="BU21" s="66">
        <v>9</v>
      </c>
      <c r="BV21" s="66">
        <v>5</v>
      </c>
      <c r="BW21" s="66">
        <v>3</v>
      </c>
      <c r="BX21" s="66">
        <v>2</v>
      </c>
      <c r="BY21" s="66">
        <v>0</v>
      </c>
      <c r="BZ21" s="64">
        <v>19</v>
      </c>
      <c r="CA21" s="68">
        <v>24</v>
      </c>
      <c r="CB21" s="63">
        <v>0</v>
      </c>
      <c r="CC21" s="66">
        <v>0</v>
      </c>
      <c r="CD21" s="64">
        <v>0</v>
      </c>
      <c r="CE21" s="65">
        <v>0</v>
      </c>
      <c r="CF21" s="66">
        <v>0</v>
      </c>
      <c r="CG21" s="66">
        <v>1</v>
      </c>
      <c r="CH21" s="66">
        <v>2</v>
      </c>
      <c r="CI21" s="66">
        <v>2</v>
      </c>
      <c r="CJ21" s="66">
        <v>0</v>
      </c>
      <c r="CK21" s="64">
        <v>5</v>
      </c>
      <c r="CL21" s="68">
        <v>5</v>
      </c>
      <c r="CM21" s="63">
        <v>0</v>
      </c>
      <c r="CN21" s="66">
        <v>0</v>
      </c>
      <c r="CO21" s="64">
        <v>0</v>
      </c>
      <c r="CP21" s="65">
        <v>0</v>
      </c>
      <c r="CQ21" s="66">
        <v>0</v>
      </c>
      <c r="CR21" s="66">
        <v>0</v>
      </c>
      <c r="CS21" s="66">
        <v>1</v>
      </c>
      <c r="CT21" s="66">
        <v>0</v>
      </c>
      <c r="CU21" s="66">
        <v>0</v>
      </c>
      <c r="CV21" s="64">
        <v>1</v>
      </c>
      <c r="CW21" s="68">
        <v>1</v>
      </c>
      <c r="CX21" s="63">
        <v>0</v>
      </c>
      <c r="CY21" s="66">
        <v>0</v>
      </c>
      <c r="CZ21" s="64">
        <v>0</v>
      </c>
      <c r="DA21" s="65">
        <v>0</v>
      </c>
      <c r="DB21" s="66">
        <v>0</v>
      </c>
      <c r="DC21" s="66">
        <v>0</v>
      </c>
      <c r="DD21" s="66">
        <v>0</v>
      </c>
      <c r="DE21" s="66">
        <v>0</v>
      </c>
      <c r="DF21" s="66">
        <v>0</v>
      </c>
      <c r="DG21" s="64">
        <v>0</v>
      </c>
      <c r="DH21" s="68">
        <v>0</v>
      </c>
      <c r="DI21" s="63">
        <v>0</v>
      </c>
      <c r="DJ21" s="66">
        <v>0</v>
      </c>
      <c r="DK21" s="64">
        <v>0</v>
      </c>
      <c r="DL21" s="65">
        <v>0</v>
      </c>
      <c r="DM21" s="66">
        <v>0</v>
      </c>
      <c r="DN21" s="66">
        <v>0</v>
      </c>
      <c r="DO21" s="66">
        <v>0</v>
      </c>
      <c r="DP21" s="66">
        <v>0</v>
      </c>
      <c r="DQ21" s="66">
        <v>0</v>
      </c>
      <c r="DR21" s="64">
        <v>0</v>
      </c>
      <c r="DS21" s="68">
        <v>0</v>
      </c>
      <c r="DT21" s="63">
        <v>5</v>
      </c>
      <c r="DU21" s="66">
        <v>13</v>
      </c>
      <c r="DV21" s="64">
        <v>18</v>
      </c>
      <c r="DW21" s="65">
        <v>0</v>
      </c>
      <c r="DX21" s="66">
        <v>35</v>
      </c>
      <c r="DY21" s="66">
        <v>23</v>
      </c>
      <c r="DZ21" s="66">
        <v>16</v>
      </c>
      <c r="EA21" s="66">
        <v>9</v>
      </c>
      <c r="EB21" s="66">
        <v>11</v>
      </c>
      <c r="EC21" s="64">
        <v>94</v>
      </c>
      <c r="ED21" s="68">
        <v>112</v>
      </c>
      <c r="EE21" s="63">
        <v>2</v>
      </c>
      <c r="EF21" s="66">
        <v>2</v>
      </c>
      <c r="EG21" s="64">
        <v>4</v>
      </c>
      <c r="EH21" s="65">
        <v>0</v>
      </c>
      <c r="EI21" s="66">
        <v>8</v>
      </c>
      <c r="EJ21" s="66">
        <v>7</v>
      </c>
      <c r="EK21" s="66">
        <v>4</v>
      </c>
      <c r="EL21" s="66">
        <v>5</v>
      </c>
      <c r="EM21" s="66">
        <v>2</v>
      </c>
      <c r="EN21" s="64">
        <v>26</v>
      </c>
      <c r="EO21" s="68">
        <v>30</v>
      </c>
      <c r="EP21" s="63">
        <v>8</v>
      </c>
      <c r="EQ21" s="66">
        <v>18</v>
      </c>
      <c r="ER21" s="64">
        <v>26</v>
      </c>
      <c r="ES21" s="65">
        <v>0</v>
      </c>
      <c r="ET21" s="66">
        <v>54</v>
      </c>
      <c r="EU21" s="66">
        <v>31</v>
      </c>
      <c r="EV21" s="66">
        <v>20</v>
      </c>
      <c r="EW21" s="66">
        <v>9</v>
      </c>
      <c r="EX21" s="66">
        <v>8</v>
      </c>
      <c r="EY21" s="64">
        <v>122</v>
      </c>
      <c r="EZ21" s="68">
        <v>148</v>
      </c>
    </row>
    <row r="22" spans="2:156" ht="21" customHeight="1" x14ac:dyDescent="0.2">
      <c r="B22" s="131" t="s">
        <v>20</v>
      </c>
      <c r="C22" s="63">
        <v>0</v>
      </c>
      <c r="D22" s="66">
        <v>0</v>
      </c>
      <c r="E22" s="111">
        <v>0</v>
      </c>
      <c r="F22" s="65">
        <v>0</v>
      </c>
      <c r="G22" s="66">
        <v>25</v>
      </c>
      <c r="H22" s="66">
        <v>21</v>
      </c>
      <c r="I22" s="66">
        <v>7</v>
      </c>
      <c r="J22" s="66">
        <v>4</v>
      </c>
      <c r="K22" s="66">
        <v>7</v>
      </c>
      <c r="L22" s="67">
        <v>64</v>
      </c>
      <c r="M22" s="68">
        <v>64</v>
      </c>
      <c r="N22" s="63">
        <v>0</v>
      </c>
      <c r="O22" s="66">
        <v>0</v>
      </c>
      <c r="P22" s="64">
        <v>0</v>
      </c>
      <c r="Q22" s="65">
        <v>0</v>
      </c>
      <c r="R22" s="66">
        <v>0</v>
      </c>
      <c r="S22" s="66">
        <v>0</v>
      </c>
      <c r="T22" s="66">
        <v>1</v>
      </c>
      <c r="U22" s="66">
        <v>1</v>
      </c>
      <c r="V22" s="66">
        <v>2</v>
      </c>
      <c r="W22" s="64">
        <v>4</v>
      </c>
      <c r="X22" s="68">
        <v>4</v>
      </c>
      <c r="Y22" s="63">
        <v>3</v>
      </c>
      <c r="Z22" s="66">
        <v>2</v>
      </c>
      <c r="AA22" s="64">
        <v>5</v>
      </c>
      <c r="AB22" s="65">
        <v>0</v>
      </c>
      <c r="AC22" s="66">
        <v>24</v>
      </c>
      <c r="AD22" s="66">
        <v>17</v>
      </c>
      <c r="AE22" s="66">
        <v>11</v>
      </c>
      <c r="AF22" s="66">
        <v>9</v>
      </c>
      <c r="AG22" s="66">
        <v>4</v>
      </c>
      <c r="AH22" s="64">
        <v>65</v>
      </c>
      <c r="AI22" s="68">
        <v>70</v>
      </c>
      <c r="AJ22" s="63">
        <v>3</v>
      </c>
      <c r="AK22" s="66">
        <v>3</v>
      </c>
      <c r="AL22" s="64">
        <v>6</v>
      </c>
      <c r="AM22" s="65">
        <v>0</v>
      </c>
      <c r="AN22" s="66">
        <v>3</v>
      </c>
      <c r="AO22" s="66">
        <v>5</v>
      </c>
      <c r="AP22" s="66">
        <v>7</v>
      </c>
      <c r="AQ22" s="66">
        <v>2</v>
      </c>
      <c r="AR22" s="66">
        <v>2</v>
      </c>
      <c r="AS22" s="64">
        <v>19</v>
      </c>
      <c r="AT22" s="68">
        <v>25</v>
      </c>
      <c r="AU22" s="63">
        <v>2</v>
      </c>
      <c r="AV22" s="66">
        <v>4</v>
      </c>
      <c r="AW22" s="64">
        <v>6</v>
      </c>
      <c r="AX22" s="65">
        <v>0</v>
      </c>
      <c r="AY22" s="66">
        <v>20</v>
      </c>
      <c r="AZ22" s="66">
        <v>14</v>
      </c>
      <c r="BA22" s="66">
        <v>26</v>
      </c>
      <c r="BB22" s="66">
        <v>18</v>
      </c>
      <c r="BC22" s="66">
        <v>11</v>
      </c>
      <c r="BD22" s="67">
        <v>89</v>
      </c>
      <c r="BE22" s="68">
        <v>95</v>
      </c>
      <c r="BF22" s="63">
        <v>0</v>
      </c>
      <c r="BG22" s="66">
        <v>0</v>
      </c>
      <c r="BH22" s="64">
        <v>0</v>
      </c>
      <c r="BI22" s="65">
        <v>0</v>
      </c>
      <c r="BJ22" s="66">
        <v>31</v>
      </c>
      <c r="BK22" s="66">
        <v>19</v>
      </c>
      <c r="BL22" s="66">
        <v>11</v>
      </c>
      <c r="BM22" s="66">
        <v>4</v>
      </c>
      <c r="BN22" s="66">
        <v>3</v>
      </c>
      <c r="BO22" s="64">
        <v>68</v>
      </c>
      <c r="BP22" s="68">
        <v>68</v>
      </c>
      <c r="BQ22" s="63">
        <v>3</v>
      </c>
      <c r="BR22" s="66">
        <v>1</v>
      </c>
      <c r="BS22" s="64">
        <v>4</v>
      </c>
      <c r="BT22" s="65">
        <v>0</v>
      </c>
      <c r="BU22" s="66">
        <v>13</v>
      </c>
      <c r="BV22" s="66">
        <v>11</v>
      </c>
      <c r="BW22" s="66">
        <v>5</v>
      </c>
      <c r="BX22" s="66">
        <v>3</v>
      </c>
      <c r="BY22" s="66">
        <v>1</v>
      </c>
      <c r="BZ22" s="64">
        <v>33</v>
      </c>
      <c r="CA22" s="68">
        <v>37</v>
      </c>
      <c r="CB22" s="63">
        <v>0</v>
      </c>
      <c r="CC22" s="66">
        <v>0</v>
      </c>
      <c r="CD22" s="64">
        <v>0</v>
      </c>
      <c r="CE22" s="65">
        <v>0</v>
      </c>
      <c r="CF22" s="66">
        <v>4</v>
      </c>
      <c r="CG22" s="66">
        <v>1</v>
      </c>
      <c r="CH22" s="66">
        <v>3</v>
      </c>
      <c r="CI22" s="66">
        <v>8</v>
      </c>
      <c r="CJ22" s="66">
        <v>2</v>
      </c>
      <c r="CK22" s="64">
        <v>18</v>
      </c>
      <c r="CL22" s="68">
        <v>18</v>
      </c>
      <c r="CM22" s="63">
        <v>0</v>
      </c>
      <c r="CN22" s="66">
        <v>0</v>
      </c>
      <c r="CO22" s="64">
        <v>0</v>
      </c>
      <c r="CP22" s="65">
        <v>0</v>
      </c>
      <c r="CQ22" s="66">
        <v>0</v>
      </c>
      <c r="CR22" s="66">
        <v>0</v>
      </c>
      <c r="CS22" s="66">
        <v>1</v>
      </c>
      <c r="CT22" s="66">
        <v>2</v>
      </c>
      <c r="CU22" s="66">
        <v>0</v>
      </c>
      <c r="CV22" s="64">
        <v>3</v>
      </c>
      <c r="CW22" s="68">
        <v>3</v>
      </c>
      <c r="CX22" s="63">
        <v>0</v>
      </c>
      <c r="CY22" s="66">
        <v>0</v>
      </c>
      <c r="CZ22" s="64">
        <v>0</v>
      </c>
      <c r="DA22" s="65">
        <v>0</v>
      </c>
      <c r="DB22" s="66">
        <v>0</v>
      </c>
      <c r="DC22" s="66">
        <v>0</v>
      </c>
      <c r="DD22" s="66">
        <v>0</v>
      </c>
      <c r="DE22" s="66">
        <v>0</v>
      </c>
      <c r="DF22" s="66">
        <v>0</v>
      </c>
      <c r="DG22" s="64">
        <v>0</v>
      </c>
      <c r="DH22" s="68">
        <v>0</v>
      </c>
      <c r="DI22" s="63">
        <v>0</v>
      </c>
      <c r="DJ22" s="66">
        <v>0</v>
      </c>
      <c r="DK22" s="64">
        <v>0</v>
      </c>
      <c r="DL22" s="65">
        <v>0</v>
      </c>
      <c r="DM22" s="66">
        <v>0</v>
      </c>
      <c r="DN22" s="66">
        <v>0</v>
      </c>
      <c r="DO22" s="66">
        <v>0</v>
      </c>
      <c r="DP22" s="66">
        <v>0</v>
      </c>
      <c r="DQ22" s="66">
        <v>0</v>
      </c>
      <c r="DR22" s="64">
        <v>0</v>
      </c>
      <c r="DS22" s="68">
        <v>0</v>
      </c>
      <c r="DT22" s="63">
        <v>10</v>
      </c>
      <c r="DU22" s="66">
        <v>26</v>
      </c>
      <c r="DV22" s="64">
        <v>36</v>
      </c>
      <c r="DW22" s="65">
        <v>0</v>
      </c>
      <c r="DX22" s="66">
        <v>41</v>
      </c>
      <c r="DY22" s="66">
        <v>38</v>
      </c>
      <c r="DZ22" s="66">
        <v>22</v>
      </c>
      <c r="EA22" s="66">
        <v>17</v>
      </c>
      <c r="EB22" s="66">
        <v>11</v>
      </c>
      <c r="EC22" s="64">
        <v>129</v>
      </c>
      <c r="ED22" s="68">
        <v>165</v>
      </c>
      <c r="EE22" s="63">
        <v>1</v>
      </c>
      <c r="EF22" s="66">
        <v>2</v>
      </c>
      <c r="EG22" s="64">
        <v>3</v>
      </c>
      <c r="EH22" s="65">
        <v>0</v>
      </c>
      <c r="EI22" s="66">
        <v>4</v>
      </c>
      <c r="EJ22" s="66">
        <v>2</v>
      </c>
      <c r="EK22" s="66">
        <v>8</v>
      </c>
      <c r="EL22" s="66">
        <v>6</v>
      </c>
      <c r="EM22" s="66">
        <v>2</v>
      </c>
      <c r="EN22" s="64">
        <v>22</v>
      </c>
      <c r="EO22" s="68">
        <v>25</v>
      </c>
      <c r="EP22" s="63">
        <v>18</v>
      </c>
      <c r="EQ22" s="66">
        <v>28</v>
      </c>
      <c r="ER22" s="64">
        <v>46</v>
      </c>
      <c r="ES22" s="65">
        <v>0</v>
      </c>
      <c r="ET22" s="66">
        <v>84</v>
      </c>
      <c r="EU22" s="66">
        <v>61</v>
      </c>
      <c r="EV22" s="66">
        <v>25</v>
      </c>
      <c r="EW22" s="66">
        <v>19</v>
      </c>
      <c r="EX22" s="66">
        <v>11</v>
      </c>
      <c r="EY22" s="64">
        <v>200</v>
      </c>
      <c r="EZ22" s="68">
        <v>246</v>
      </c>
    </row>
    <row r="23" spans="2:156" ht="21" customHeight="1" x14ac:dyDescent="0.2">
      <c r="B23" s="131" t="s">
        <v>21</v>
      </c>
      <c r="C23" s="63">
        <v>0</v>
      </c>
      <c r="D23" s="66">
        <v>0</v>
      </c>
      <c r="E23" s="111">
        <v>0</v>
      </c>
      <c r="F23" s="65">
        <v>0</v>
      </c>
      <c r="G23" s="66">
        <v>17</v>
      </c>
      <c r="H23" s="66">
        <v>13</v>
      </c>
      <c r="I23" s="66">
        <v>7</v>
      </c>
      <c r="J23" s="66">
        <v>6</v>
      </c>
      <c r="K23" s="66">
        <v>6</v>
      </c>
      <c r="L23" s="67">
        <v>49</v>
      </c>
      <c r="M23" s="68">
        <v>49</v>
      </c>
      <c r="N23" s="63">
        <v>0</v>
      </c>
      <c r="O23" s="66">
        <v>0</v>
      </c>
      <c r="P23" s="64">
        <v>0</v>
      </c>
      <c r="Q23" s="65">
        <v>0</v>
      </c>
      <c r="R23" s="66">
        <v>1</v>
      </c>
      <c r="S23" s="66">
        <v>0</v>
      </c>
      <c r="T23" s="66">
        <v>0</v>
      </c>
      <c r="U23" s="66">
        <v>1</v>
      </c>
      <c r="V23" s="66">
        <v>3</v>
      </c>
      <c r="W23" s="64">
        <v>5</v>
      </c>
      <c r="X23" s="68">
        <v>5</v>
      </c>
      <c r="Y23" s="63">
        <v>4</v>
      </c>
      <c r="Z23" s="66">
        <v>3</v>
      </c>
      <c r="AA23" s="64">
        <v>7</v>
      </c>
      <c r="AB23" s="65">
        <v>0</v>
      </c>
      <c r="AC23" s="66">
        <v>17</v>
      </c>
      <c r="AD23" s="66">
        <v>14</v>
      </c>
      <c r="AE23" s="66">
        <v>8</v>
      </c>
      <c r="AF23" s="66">
        <v>7</v>
      </c>
      <c r="AG23" s="66">
        <v>1</v>
      </c>
      <c r="AH23" s="64">
        <v>47</v>
      </c>
      <c r="AI23" s="68">
        <v>54</v>
      </c>
      <c r="AJ23" s="63">
        <v>1</v>
      </c>
      <c r="AK23" s="66">
        <v>1</v>
      </c>
      <c r="AL23" s="64">
        <v>2</v>
      </c>
      <c r="AM23" s="65">
        <v>0</v>
      </c>
      <c r="AN23" s="66">
        <v>1</v>
      </c>
      <c r="AO23" s="66">
        <v>3</v>
      </c>
      <c r="AP23" s="66">
        <v>0</v>
      </c>
      <c r="AQ23" s="66">
        <v>1</v>
      </c>
      <c r="AR23" s="66">
        <v>2</v>
      </c>
      <c r="AS23" s="64">
        <v>7</v>
      </c>
      <c r="AT23" s="68">
        <v>9</v>
      </c>
      <c r="AU23" s="63">
        <v>3</v>
      </c>
      <c r="AV23" s="66">
        <v>3</v>
      </c>
      <c r="AW23" s="64">
        <v>6</v>
      </c>
      <c r="AX23" s="65">
        <v>0</v>
      </c>
      <c r="AY23" s="66">
        <v>15</v>
      </c>
      <c r="AZ23" s="66">
        <v>18</v>
      </c>
      <c r="BA23" s="66">
        <v>11</v>
      </c>
      <c r="BB23" s="66">
        <v>12</v>
      </c>
      <c r="BC23" s="66">
        <v>10</v>
      </c>
      <c r="BD23" s="67">
        <v>66</v>
      </c>
      <c r="BE23" s="68">
        <v>72</v>
      </c>
      <c r="BF23" s="63">
        <v>0</v>
      </c>
      <c r="BG23" s="66">
        <v>0</v>
      </c>
      <c r="BH23" s="64">
        <v>0</v>
      </c>
      <c r="BI23" s="65">
        <v>0</v>
      </c>
      <c r="BJ23" s="66">
        <v>22</v>
      </c>
      <c r="BK23" s="66">
        <v>17</v>
      </c>
      <c r="BL23" s="66">
        <v>11</v>
      </c>
      <c r="BM23" s="66">
        <v>2</v>
      </c>
      <c r="BN23" s="66">
        <v>1</v>
      </c>
      <c r="BO23" s="64">
        <v>53</v>
      </c>
      <c r="BP23" s="68">
        <v>53</v>
      </c>
      <c r="BQ23" s="63">
        <v>3</v>
      </c>
      <c r="BR23" s="66">
        <v>1</v>
      </c>
      <c r="BS23" s="64">
        <v>4</v>
      </c>
      <c r="BT23" s="65">
        <v>0</v>
      </c>
      <c r="BU23" s="66">
        <v>7</v>
      </c>
      <c r="BV23" s="66">
        <v>8</v>
      </c>
      <c r="BW23" s="66">
        <v>4</v>
      </c>
      <c r="BX23" s="66">
        <v>0</v>
      </c>
      <c r="BY23" s="66">
        <v>1</v>
      </c>
      <c r="BZ23" s="64">
        <v>20</v>
      </c>
      <c r="CA23" s="68">
        <v>24</v>
      </c>
      <c r="CB23" s="63">
        <v>0</v>
      </c>
      <c r="CC23" s="66">
        <v>0</v>
      </c>
      <c r="CD23" s="64">
        <v>0</v>
      </c>
      <c r="CE23" s="65">
        <v>0</v>
      </c>
      <c r="CF23" s="66">
        <v>2</v>
      </c>
      <c r="CG23" s="66">
        <v>2</v>
      </c>
      <c r="CH23" s="66">
        <v>3</v>
      </c>
      <c r="CI23" s="66">
        <v>4</v>
      </c>
      <c r="CJ23" s="66">
        <v>2</v>
      </c>
      <c r="CK23" s="64">
        <v>13</v>
      </c>
      <c r="CL23" s="68">
        <v>13</v>
      </c>
      <c r="CM23" s="63">
        <v>0</v>
      </c>
      <c r="CN23" s="66">
        <v>0</v>
      </c>
      <c r="CO23" s="64">
        <v>0</v>
      </c>
      <c r="CP23" s="65">
        <v>0</v>
      </c>
      <c r="CQ23" s="66">
        <v>0</v>
      </c>
      <c r="CR23" s="66">
        <v>0</v>
      </c>
      <c r="CS23" s="66">
        <v>1</v>
      </c>
      <c r="CT23" s="66">
        <v>0</v>
      </c>
      <c r="CU23" s="66">
        <v>0</v>
      </c>
      <c r="CV23" s="64">
        <v>1</v>
      </c>
      <c r="CW23" s="68">
        <v>1</v>
      </c>
      <c r="CX23" s="63">
        <v>0</v>
      </c>
      <c r="CY23" s="66">
        <v>0</v>
      </c>
      <c r="CZ23" s="64">
        <v>0</v>
      </c>
      <c r="DA23" s="65">
        <v>0</v>
      </c>
      <c r="DB23" s="66">
        <v>0</v>
      </c>
      <c r="DC23" s="66">
        <v>0</v>
      </c>
      <c r="DD23" s="66">
        <v>0</v>
      </c>
      <c r="DE23" s="66">
        <v>0</v>
      </c>
      <c r="DF23" s="66">
        <v>0</v>
      </c>
      <c r="DG23" s="64">
        <v>0</v>
      </c>
      <c r="DH23" s="68">
        <v>0</v>
      </c>
      <c r="DI23" s="63">
        <v>0</v>
      </c>
      <c r="DJ23" s="66">
        <v>0</v>
      </c>
      <c r="DK23" s="64">
        <v>0</v>
      </c>
      <c r="DL23" s="65">
        <v>0</v>
      </c>
      <c r="DM23" s="66">
        <v>0</v>
      </c>
      <c r="DN23" s="66">
        <v>0</v>
      </c>
      <c r="DO23" s="66">
        <v>0</v>
      </c>
      <c r="DP23" s="66">
        <v>0</v>
      </c>
      <c r="DQ23" s="66">
        <v>0</v>
      </c>
      <c r="DR23" s="64">
        <v>0</v>
      </c>
      <c r="DS23" s="68">
        <v>0</v>
      </c>
      <c r="DT23" s="63">
        <v>11</v>
      </c>
      <c r="DU23" s="66">
        <v>19</v>
      </c>
      <c r="DV23" s="64">
        <v>30</v>
      </c>
      <c r="DW23" s="65">
        <v>0</v>
      </c>
      <c r="DX23" s="66">
        <v>24</v>
      </c>
      <c r="DY23" s="66">
        <v>39</v>
      </c>
      <c r="DZ23" s="66">
        <v>22</v>
      </c>
      <c r="EA23" s="66">
        <v>11</v>
      </c>
      <c r="EB23" s="66">
        <v>7</v>
      </c>
      <c r="EC23" s="64">
        <v>103</v>
      </c>
      <c r="ED23" s="68">
        <v>133</v>
      </c>
      <c r="EE23" s="63">
        <v>1</v>
      </c>
      <c r="EF23" s="66">
        <v>2</v>
      </c>
      <c r="EG23" s="64">
        <v>3</v>
      </c>
      <c r="EH23" s="65">
        <v>0</v>
      </c>
      <c r="EI23" s="66">
        <v>5</v>
      </c>
      <c r="EJ23" s="66">
        <v>6</v>
      </c>
      <c r="EK23" s="66">
        <v>3</v>
      </c>
      <c r="EL23" s="66">
        <v>4</v>
      </c>
      <c r="EM23" s="66">
        <v>3</v>
      </c>
      <c r="EN23" s="64">
        <v>21</v>
      </c>
      <c r="EO23" s="68">
        <v>24</v>
      </c>
      <c r="EP23" s="63">
        <v>18</v>
      </c>
      <c r="EQ23" s="66">
        <v>20</v>
      </c>
      <c r="ER23" s="64">
        <v>38</v>
      </c>
      <c r="ES23" s="65">
        <v>0</v>
      </c>
      <c r="ET23" s="66">
        <v>60</v>
      </c>
      <c r="EU23" s="66">
        <v>50</v>
      </c>
      <c r="EV23" s="66">
        <v>26</v>
      </c>
      <c r="EW23" s="66">
        <v>13</v>
      </c>
      <c r="EX23" s="66">
        <v>10</v>
      </c>
      <c r="EY23" s="64">
        <v>159</v>
      </c>
      <c r="EZ23" s="68">
        <v>197</v>
      </c>
    </row>
    <row r="24" spans="2:156" ht="21" customHeight="1" x14ac:dyDescent="0.2">
      <c r="B24" s="131" t="s">
        <v>22</v>
      </c>
      <c r="C24" s="63">
        <v>0</v>
      </c>
      <c r="D24" s="66">
        <v>0</v>
      </c>
      <c r="E24" s="111">
        <v>0</v>
      </c>
      <c r="F24" s="65">
        <v>0</v>
      </c>
      <c r="G24" s="66">
        <v>6</v>
      </c>
      <c r="H24" s="66">
        <v>4</v>
      </c>
      <c r="I24" s="66">
        <v>4</v>
      </c>
      <c r="J24" s="66">
        <v>0</v>
      </c>
      <c r="K24" s="66">
        <v>2</v>
      </c>
      <c r="L24" s="67">
        <v>16</v>
      </c>
      <c r="M24" s="68">
        <v>16</v>
      </c>
      <c r="N24" s="63">
        <v>0</v>
      </c>
      <c r="O24" s="66">
        <v>0</v>
      </c>
      <c r="P24" s="64">
        <v>0</v>
      </c>
      <c r="Q24" s="65">
        <v>0</v>
      </c>
      <c r="R24" s="66">
        <v>0</v>
      </c>
      <c r="S24" s="66">
        <v>0</v>
      </c>
      <c r="T24" s="66">
        <v>0</v>
      </c>
      <c r="U24" s="66">
        <v>1</v>
      </c>
      <c r="V24" s="66">
        <v>0</v>
      </c>
      <c r="W24" s="64">
        <v>1</v>
      </c>
      <c r="X24" s="68">
        <v>1</v>
      </c>
      <c r="Y24" s="63">
        <v>0</v>
      </c>
      <c r="Z24" s="66">
        <v>2</v>
      </c>
      <c r="AA24" s="64">
        <v>2</v>
      </c>
      <c r="AB24" s="65">
        <v>0</v>
      </c>
      <c r="AC24" s="66">
        <v>3</v>
      </c>
      <c r="AD24" s="66">
        <v>6</v>
      </c>
      <c r="AE24" s="66">
        <v>3</v>
      </c>
      <c r="AF24" s="66">
        <v>1</v>
      </c>
      <c r="AG24" s="66">
        <v>2</v>
      </c>
      <c r="AH24" s="64">
        <v>15</v>
      </c>
      <c r="AI24" s="68">
        <v>17</v>
      </c>
      <c r="AJ24" s="63">
        <v>1</v>
      </c>
      <c r="AK24" s="66">
        <v>0</v>
      </c>
      <c r="AL24" s="64">
        <v>1</v>
      </c>
      <c r="AM24" s="65">
        <v>0</v>
      </c>
      <c r="AN24" s="66">
        <v>0</v>
      </c>
      <c r="AO24" s="66">
        <v>1</v>
      </c>
      <c r="AP24" s="66">
        <v>0</v>
      </c>
      <c r="AQ24" s="66">
        <v>0</v>
      </c>
      <c r="AR24" s="66">
        <v>0</v>
      </c>
      <c r="AS24" s="64">
        <v>1</v>
      </c>
      <c r="AT24" s="68">
        <v>2</v>
      </c>
      <c r="AU24" s="63">
        <v>1</v>
      </c>
      <c r="AV24" s="66">
        <v>0</v>
      </c>
      <c r="AW24" s="64">
        <v>1</v>
      </c>
      <c r="AX24" s="65">
        <v>0</v>
      </c>
      <c r="AY24" s="66">
        <v>8</v>
      </c>
      <c r="AZ24" s="66">
        <v>7</v>
      </c>
      <c r="BA24" s="66">
        <v>4</v>
      </c>
      <c r="BB24" s="66">
        <v>3</v>
      </c>
      <c r="BC24" s="66">
        <v>1</v>
      </c>
      <c r="BD24" s="67">
        <v>23</v>
      </c>
      <c r="BE24" s="68">
        <v>24</v>
      </c>
      <c r="BF24" s="63">
        <v>0</v>
      </c>
      <c r="BG24" s="66">
        <v>0</v>
      </c>
      <c r="BH24" s="64">
        <v>0</v>
      </c>
      <c r="BI24" s="65">
        <v>0</v>
      </c>
      <c r="BJ24" s="66">
        <v>12</v>
      </c>
      <c r="BK24" s="66">
        <v>6</v>
      </c>
      <c r="BL24" s="66">
        <v>8</v>
      </c>
      <c r="BM24" s="66">
        <v>1</v>
      </c>
      <c r="BN24" s="66">
        <v>1</v>
      </c>
      <c r="BO24" s="64">
        <v>28</v>
      </c>
      <c r="BP24" s="68">
        <v>28</v>
      </c>
      <c r="BQ24" s="63">
        <v>1</v>
      </c>
      <c r="BR24" s="66">
        <v>0</v>
      </c>
      <c r="BS24" s="64">
        <v>1</v>
      </c>
      <c r="BT24" s="65">
        <v>0</v>
      </c>
      <c r="BU24" s="66">
        <v>4</v>
      </c>
      <c r="BV24" s="66">
        <v>0</v>
      </c>
      <c r="BW24" s="66">
        <v>2</v>
      </c>
      <c r="BX24" s="66">
        <v>2</v>
      </c>
      <c r="BY24" s="66">
        <v>1</v>
      </c>
      <c r="BZ24" s="64">
        <v>9</v>
      </c>
      <c r="CA24" s="68">
        <v>10</v>
      </c>
      <c r="CB24" s="63">
        <v>0</v>
      </c>
      <c r="CC24" s="66">
        <v>0</v>
      </c>
      <c r="CD24" s="64">
        <v>0</v>
      </c>
      <c r="CE24" s="65">
        <v>0</v>
      </c>
      <c r="CF24" s="66">
        <v>0</v>
      </c>
      <c r="CG24" s="66">
        <v>0</v>
      </c>
      <c r="CH24" s="66">
        <v>1</v>
      </c>
      <c r="CI24" s="66">
        <v>2</v>
      </c>
      <c r="CJ24" s="66">
        <v>0</v>
      </c>
      <c r="CK24" s="64">
        <v>3</v>
      </c>
      <c r="CL24" s="68">
        <v>3</v>
      </c>
      <c r="CM24" s="63">
        <v>0</v>
      </c>
      <c r="CN24" s="66">
        <v>0</v>
      </c>
      <c r="CO24" s="64">
        <v>0</v>
      </c>
      <c r="CP24" s="65">
        <v>0</v>
      </c>
      <c r="CQ24" s="66">
        <v>1</v>
      </c>
      <c r="CR24" s="66">
        <v>0</v>
      </c>
      <c r="CS24" s="66">
        <v>1</v>
      </c>
      <c r="CT24" s="66">
        <v>0</v>
      </c>
      <c r="CU24" s="66">
        <v>0</v>
      </c>
      <c r="CV24" s="64">
        <v>2</v>
      </c>
      <c r="CW24" s="68">
        <v>2</v>
      </c>
      <c r="CX24" s="63">
        <v>0</v>
      </c>
      <c r="CY24" s="66">
        <v>0</v>
      </c>
      <c r="CZ24" s="64">
        <v>0</v>
      </c>
      <c r="DA24" s="65">
        <v>0</v>
      </c>
      <c r="DB24" s="66">
        <v>0</v>
      </c>
      <c r="DC24" s="66">
        <v>0</v>
      </c>
      <c r="DD24" s="66">
        <v>0</v>
      </c>
      <c r="DE24" s="66">
        <v>0</v>
      </c>
      <c r="DF24" s="66">
        <v>0</v>
      </c>
      <c r="DG24" s="64">
        <v>0</v>
      </c>
      <c r="DH24" s="68">
        <v>0</v>
      </c>
      <c r="DI24" s="63">
        <v>0</v>
      </c>
      <c r="DJ24" s="66">
        <v>0</v>
      </c>
      <c r="DK24" s="64">
        <v>0</v>
      </c>
      <c r="DL24" s="65">
        <v>0</v>
      </c>
      <c r="DM24" s="66">
        <v>0</v>
      </c>
      <c r="DN24" s="66">
        <v>0</v>
      </c>
      <c r="DO24" s="66">
        <v>0</v>
      </c>
      <c r="DP24" s="66">
        <v>0</v>
      </c>
      <c r="DQ24" s="66">
        <v>0</v>
      </c>
      <c r="DR24" s="64">
        <v>0</v>
      </c>
      <c r="DS24" s="68">
        <v>0</v>
      </c>
      <c r="DT24" s="63">
        <v>1</v>
      </c>
      <c r="DU24" s="66">
        <v>3</v>
      </c>
      <c r="DV24" s="64">
        <v>4</v>
      </c>
      <c r="DW24" s="65">
        <v>0</v>
      </c>
      <c r="DX24" s="66">
        <v>17</v>
      </c>
      <c r="DY24" s="66">
        <v>15</v>
      </c>
      <c r="DZ24" s="66">
        <v>12</v>
      </c>
      <c r="EA24" s="66">
        <v>4</v>
      </c>
      <c r="EB24" s="66">
        <v>5</v>
      </c>
      <c r="EC24" s="64">
        <v>53</v>
      </c>
      <c r="ED24" s="68">
        <v>57</v>
      </c>
      <c r="EE24" s="63">
        <v>0</v>
      </c>
      <c r="EF24" s="66">
        <v>1</v>
      </c>
      <c r="EG24" s="64">
        <v>1</v>
      </c>
      <c r="EH24" s="65">
        <v>0</v>
      </c>
      <c r="EI24" s="66">
        <v>5</v>
      </c>
      <c r="EJ24" s="66">
        <v>3</v>
      </c>
      <c r="EK24" s="66">
        <v>1</v>
      </c>
      <c r="EL24" s="66">
        <v>3</v>
      </c>
      <c r="EM24" s="66">
        <v>1</v>
      </c>
      <c r="EN24" s="64">
        <v>13</v>
      </c>
      <c r="EO24" s="68">
        <v>14</v>
      </c>
      <c r="EP24" s="63">
        <v>3</v>
      </c>
      <c r="EQ24" s="66">
        <v>5</v>
      </c>
      <c r="ER24" s="64">
        <v>8</v>
      </c>
      <c r="ES24" s="65">
        <v>0</v>
      </c>
      <c r="ET24" s="66">
        <v>28</v>
      </c>
      <c r="EU24" s="66">
        <v>20</v>
      </c>
      <c r="EV24" s="66">
        <v>15</v>
      </c>
      <c r="EW24" s="66">
        <v>4</v>
      </c>
      <c r="EX24" s="66">
        <v>4</v>
      </c>
      <c r="EY24" s="64">
        <v>71</v>
      </c>
      <c r="EZ24" s="68">
        <v>79</v>
      </c>
    </row>
    <row r="25" spans="2:156" ht="21" customHeight="1" x14ac:dyDescent="0.2">
      <c r="B25" s="131" t="s">
        <v>23</v>
      </c>
      <c r="C25" s="63">
        <v>0</v>
      </c>
      <c r="D25" s="66">
        <v>0</v>
      </c>
      <c r="E25" s="111">
        <v>0</v>
      </c>
      <c r="F25" s="65">
        <v>0</v>
      </c>
      <c r="G25" s="66">
        <v>5</v>
      </c>
      <c r="H25" s="66">
        <v>7</v>
      </c>
      <c r="I25" s="66">
        <v>4</v>
      </c>
      <c r="J25" s="66">
        <v>3</v>
      </c>
      <c r="K25" s="66">
        <v>1</v>
      </c>
      <c r="L25" s="67">
        <v>20</v>
      </c>
      <c r="M25" s="68">
        <v>20</v>
      </c>
      <c r="N25" s="63">
        <v>0</v>
      </c>
      <c r="O25" s="66">
        <v>0</v>
      </c>
      <c r="P25" s="64">
        <v>0</v>
      </c>
      <c r="Q25" s="65">
        <v>0</v>
      </c>
      <c r="R25" s="66">
        <v>0</v>
      </c>
      <c r="S25" s="66">
        <v>0</v>
      </c>
      <c r="T25" s="66">
        <v>0</v>
      </c>
      <c r="U25" s="66">
        <v>3</v>
      </c>
      <c r="V25" s="66">
        <v>0</v>
      </c>
      <c r="W25" s="64">
        <v>3</v>
      </c>
      <c r="X25" s="68">
        <v>3</v>
      </c>
      <c r="Y25" s="63">
        <v>4</v>
      </c>
      <c r="Z25" s="66">
        <v>3</v>
      </c>
      <c r="AA25" s="64">
        <v>7</v>
      </c>
      <c r="AB25" s="65">
        <v>0</v>
      </c>
      <c r="AC25" s="66">
        <v>4</v>
      </c>
      <c r="AD25" s="66">
        <v>14</v>
      </c>
      <c r="AE25" s="66">
        <v>2</v>
      </c>
      <c r="AF25" s="66">
        <v>4</v>
      </c>
      <c r="AG25" s="66">
        <v>2</v>
      </c>
      <c r="AH25" s="64">
        <v>26</v>
      </c>
      <c r="AI25" s="68">
        <v>33</v>
      </c>
      <c r="AJ25" s="63">
        <v>0</v>
      </c>
      <c r="AK25" s="66">
        <v>1</v>
      </c>
      <c r="AL25" s="64">
        <v>1</v>
      </c>
      <c r="AM25" s="65">
        <v>0</v>
      </c>
      <c r="AN25" s="66">
        <v>0</v>
      </c>
      <c r="AO25" s="66">
        <v>0</v>
      </c>
      <c r="AP25" s="66">
        <v>0</v>
      </c>
      <c r="AQ25" s="66">
        <v>0</v>
      </c>
      <c r="AR25" s="66">
        <v>0</v>
      </c>
      <c r="AS25" s="64">
        <v>0</v>
      </c>
      <c r="AT25" s="68">
        <v>1</v>
      </c>
      <c r="AU25" s="63">
        <v>3</v>
      </c>
      <c r="AV25" s="66">
        <v>0</v>
      </c>
      <c r="AW25" s="64">
        <v>3</v>
      </c>
      <c r="AX25" s="65">
        <v>0</v>
      </c>
      <c r="AY25" s="66">
        <v>12</v>
      </c>
      <c r="AZ25" s="66">
        <v>12</v>
      </c>
      <c r="BA25" s="66">
        <v>7</v>
      </c>
      <c r="BB25" s="66">
        <v>11</v>
      </c>
      <c r="BC25" s="66">
        <v>5</v>
      </c>
      <c r="BD25" s="67">
        <v>47</v>
      </c>
      <c r="BE25" s="68">
        <v>50</v>
      </c>
      <c r="BF25" s="63">
        <v>0</v>
      </c>
      <c r="BG25" s="66">
        <v>0</v>
      </c>
      <c r="BH25" s="64">
        <v>0</v>
      </c>
      <c r="BI25" s="65">
        <v>0</v>
      </c>
      <c r="BJ25" s="66">
        <v>12</v>
      </c>
      <c r="BK25" s="66">
        <v>15</v>
      </c>
      <c r="BL25" s="66">
        <v>3</v>
      </c>
      <c r="BM25" s="66">
        <v>3</v>
      </c>
      <c r="BN25" s="66">
        <v>3</v>
      </c>
      <c r="BO25" s="64">
        <v>36</v>
      </c>
      <c r="BP25" s="68">
        <v>36</v>
      </c>
      <c r="BQ25" s="63">
        <v>0</v>
      </c>
      <c r="BR25" s="66">
        <v>0</v>
      </c>
      <c r="BS25" s="64">
        <v>0</v>
      </c>
      <c r="BT25" s="65">
        <v>0</v>
      </c>
      <c r="BU25" s="66">
        <v>4</v>
      </c>
      <c r="BV25" s="66">
        <v>1</v>
      </c>
      <c r="BW25" s="66">
        <v>1</v>
      </c>
      <c r="BX25" s="66">
        <v>1</v>
      </c>
      <c r="BY25" s="66">
        <v>1</v>
      </c>
      <c r="BZ25" s="64">
        <v>8</v>
      </c>
      <c r="CA25" s="68">
        <v>8</v>
      </c>
      <c r="CB25" s="63">
        <v>0</v>
      </c>
      <c r="CC25" s="66">
        <v>0</v>
      </c>
      <c r="CD25" s="64">
        <v>0</v>
      </c>
      <c r="CE25" s="65">
        <v>0</v>
      </c>
      <c r="CF25" s="66">
        <v>0</v>
      </c>
      <c r="CG25" s="66">
        <v>1</v>
      </c>
      <c r="CH25" s="66">
        <v>1</v>
      </c>
      <c r="CI25" s="66">
        <v>1</v>
      </c>
      <c r="CJ25" s="66">
        <v>1</v>
      </c>
      <c r="CK25" s="64">
        <v>4</v>
      </c>
      <c r="CL25" s="68">
        <v>4</v>
      </c>
      <c r="CM25" s="63">
        <v>0</v>
      </c>
      <c r="CN25" s="66">
        <v>0</v>
      </c>
      <c r="CO25" s="64">
        <v>0</v>
      </c>
      <c r="CP25" s="65">
        <v>0</v>
      </c>
      <c r="CQ25" s="66">
        <v>1</v>
      </c>
      <c r="CR25" s="66">
        <v>0</v>
      </c>
      <c r="CS25" s="66">
        <v>0</v>
      </c>
      <c r="CT25" s="66">
        <v>0</v>
      </c>
      <c r="CU25" s="66">
        <v>0</v>
      </c>
      <c r="CV25" s="64">
        <v>1</v>
      </c>
      <c r="CW25" s="68">
        <v>1</v>
      </c>
      <c r="CX25" s="63">
        <v>0</v>
      </c>
      <c r="CY25" s="66">
        <v>0</v>
      </c>
      <c r="CZ25" s="64">
        <v>0</v>
      </c>
      <c r="DA25" s="65">
        <v>0</v>
      </c>
      <c r="DB25" s="66">
        <v>0</v>
      </c>
      <c r="DC25" s="66">
        <v>0</v>
      </c>
      <c r="DD25" s="66">
        <v>0</v>
      </c>
      <c r="DE25" s="66">
        <v>0</v>
      </c>
      <c r="DF25" s="66">
        <v>0</v>
      </c>
      <c r="DG25" s="64">
        <v>0</v>
      </c>
      <c r="DH25" s="68">
        <v>0</v>
      </c>
      <c r="DI25" s="63">
        <v>0</v>
      </c>
      <c r="DJ25" s="66">
        <v>0</v>
      </c>
      <c r="DK25" s="64">
        <v>0</v>
      </c>
      <c r="DL25" s="65">
        <v>0</v>
      </c>
      <c r="DM25" s="66">
        <v>0</v>
      </c>
      <c r="DN25" s="66">
        <v>0</v>
      </c>
      <c r="DO25" s="66">
        <v>0</v>
      </c>
      <c r="DP25" s="66">
        <v>0</v>
      </c>
      <c r="DQ25" s="66">
        <v>0</v>
      </c>
      <c r="DR25" s="64">
        <v>0</v>
      </c>
      <c r="DS25" s="68">
        <v>0</v>
      </c>
      <c r="DT25" s="63">
        <v>5</v>
      </c>
      <c r="DU25" s="66">
        <v>10</v>
      </c>
      <c r="DV25" s="64">
        <v>15</v>
      </c>
      <c r="DW25" s="65">
        <v>0</v>
      </c>
      <c r="DX25" s="66">
        <v>9</v>
      </c>
      <c r="DY25" s="66">
        <v>20</v>
      </c>
      <c r="DZ25" s="66">
        <v>6</v>
      </c>
      <c r="EA25" s="66">
        <v>8</v>
      </c>
      <c r="EB25" s="66">
        <v>3</v>
      </c>
      <c r="EC25" s="64">
        <v>46</v>
      </c>
      <c r="ED25" s="68">
        <v>61</v>
      </c>
      <c r="EE25" s="63">
        <v>3</v>
      </c>
      <c r="EF25" s="66">
        <v>0</v>
      </c>
      <c r="EG25" s="64">
        <v>3</v>
      </c>
      <c r="EH25" s="65">
        <v>0</v>
      </c>
      <c r="EI25" s="66">
        <v>5</v>
      </c>
      <c r="EJ25" s="66">
        <v>3</v>
      </c>
      <c r="EK25" s="66">
        <v>0</v>
      </c>
      <c r="EL25" s="66">
        <v>5</v>
      </c>
      <c r="EM25" s="66">
        <v>3</v>
      </c>
      <c r="EN25" s="64">
        <v>16</v>
      </c>
      <c r="EO25" s="68">
        <v>19</v>
      </c>
      <c r="EP25" s="63">
        <v>8</v>
      </c>
      <c r="EQ25" s="66">
        <v>12</v>
      </c>
      <c r="ER25" s="64">
        <v>20</v>
      </c>
      <c r="ES25" s="65">
        <v>0</v>
      </c>
      <c r="ET25" s="66">
        <v>25</v>
      </c>
      <c r="EU25" s="66">
        <v>30</v>
      </c>
      <c r="EV25" s="66">
        <v>10</v>
      </c>
      <c r="EW25" s="66">
        <v>8</v>
      </c>
      <c r="EX25" s="66">
        <v>4</v>
      </c>
      <c r="EY25" s="64">
        <v>77</v>
      </c>
      <c r="EZ25" s="68">
        <v>97</v>
      </c>
    </row>
    <row r="26" spans="2:156" ht="21" customHeight="1" x14ac:dyDescent="0.2">
      <c r="B26" s="131" t="s">
        <v>24</v>
      </c>
      <c r="C26" s="63">
        <v>0</v>
      </c>
      <c r="D26" s="66">
        <v>0</v>
      </c>
      <c r="E26" s="111">
        <v>0</v>
      </c>
      <c r="F26" s="65">
        <v>0</v>
      </c>
      <c r="G26" s="66">
        <v>10</v>
      </c>
      <c r="H26" s="66">
        <v>4</v>
      </c>
      <c r="I26" s="66">
        <v>2</v>
      </c>
      <c r="J26" s="66">
        <v>5</v>
      </c>
      <c r="K26" s="66">
        <v>2</v>
      </c>
      <c r="L26" s="67">
        <v>23</v>
      </c>
      <c r="M26" s="68">
        <v>23</v>
      </c>
      <c r="N26" s="63">
        <v>0</v>
      </c>
      <c r="O26" s="66">
        <v>0</v>
      </c>
      <c r="P26" s="64">
        <v>0</v>
      </c>
      <c r="Q26" s="65">
        <v>0</v>
      </c>
      <c r="R26" s="66">
        <v>0</v>
      </c>
      <c r="S26" s="66">
        <v>0</v>
      </c>
      <c r="T26" s="66">
        <v>0</v>
      </c>
      <c r="U26" s="66">
        <v>3</v>
      </c>
      <c r="V26" s="66">
        <v>4</v>
      </c>
      <c r="W26" s="64">
        <v>7</v>
      </c>
      <c r="X26" s="68">
        <v>7</v>
      </c>
      <c r="Y26" s="63">
        <v>1</v>
      </c>
      <c r="Z26" s="66">
        <v>3</v>
      </c>
      <c r="AA26" s="64">
        <v>4</v>
      </c>
      <c r="AB26" s="65">
        <v>0</v>
      </c>
      <c r="AC26" s="66">
        <v>9</v>
      </c>
      <c r="AD26" s="66">
        <v>8</v>
      </c>
      <c r="AE26" s="66">
        <v>4</v>
      </c>
      <c r="AF26" s="66">
        <v>5</v>
      </c>
      <c r="AG26" s="66">
        <v>2</v>
      </c>
      <c r="AH26" s="64">
        <v>28</v>
      </c>
      <c r="AI26" s="68">
        <v>32</v>
      </c>
      <c r="AJ26" s="63">
        <v>0</v>
      </c>
      <c r="AK26" s="66">
        <v>0</v>
      </c>
      <c r="AL26" s="64">
        <v>0</v>
      </c>
      <c r="AM26" s="65">
        <v>0</v>
      </c>
      <c r="AN26" s="66">
        <v>1</v>
      </c>
      <c r="AO26" s="66">
        <v>1</v>
      </c>
      <c r="AP26" s="66">
        <v>1</v>
      </c>
      <c r="AQ26" s="66">
        <v>0</v>
      </c>
      <c r="AR26" s="66">
        <v>0</v>
      </c>
      <c r="AS26" s="64">
        <v>3</v>
      </c>
      <c r="AT26" s="68">
        <v>3</v>
      </c>
      <c r="AU26" s="63">
        <v>4</v>
      </c>
      <c r="AV26" s="66">
        <v>0</v>
      </c>
      <c r="AW26" s="64">
        <v>4</v>
      </c>
      <c r="AX26" s="65">
        <v>0</v>
      </c>
      <c r="AY26" s="66">
        <v>14</v>
      </c>
      <c r="AZ26" s="66">
        <v>10</v>
      </c>
      <c r="BA26" s="66">
        <v>11</v>
      </c>
      <c r="BB26" s="66">
        <v>9</v>
      </c>
      <c r="BC26" s="66">
        <v>10</v>
      </c>
      <c r="BD26" s="67">
        <v>54</v>
      </c>
      <c r="BE26" s="68">
        <v>58</v>
      </c>
      <c r="BF26" s="63">
        <v>0</v>
      </c>
      <c r="BG26" s="66">
        <v>0</v>
      </c>
      <c r="BH26" s="64">
        <v>0</v>
      </c>
      <c r="BI26" s="65">
        <v>0</v>
      </c>
      <c r="BJ26" s="66">
        <v>17</v>
      </c>
      <c r="BK26" s="66">
        <v>10</v>
      </c>
      <c r="BL26" s="66">
        <v>2</v>
      </c>
      <c r="BM26" s="66">
        <v>1</v>
      </c>
      <c r="BN26" s="66">
        <v>2</v>
      </c>
      <c r="BO26" s="64">
        <v>32</v>
      </c>
      <c r="BP26" s="68">
        <v>32</v>
      </c>
      <c r="BQ26" s="63">
        <v>2</v>
      </c>
      <c r="BR26" s="66">
        <v>0</v>
      </c>
      <c r="BS26" s="64">
        <v>2</v>
      </c>
      <c r="BT26" s="65">
        <v>0</v>
      </c>
      <c r="BU26" s="66">
        <v>2</v>
      </c>
      <c r="BV26" s="66">
        <v>6</v>
      </c>
      <c r="BW26" s="66">
        <v>5</v>
      </c>
      <c r="BX26" s="66">
        <v>1</v>
      </c>
      <c r="BY26" s="66">
        <v>0</v>
      </c>
      <c r="BZ26" s="64">
        <v>14</v>
      </c>
      <c r="CA26" s="68">
        <v>16</v>
      </c>
      <c r="CB26" s="63">
        <v>0</v>
      </c>
      <c r="CC26" s="66">
        <v>0</v>
      </c>
      <c r="CD26" s="64">
        <v>0</v>
      </c>
      <c r="CE26" s="65">
        <v>0</v>
      </c>
      <c r="CF26" s="66">
        <v>1</v>
      </c>
      <c r="CG26" s="66">
        <v>3</v>
      </c>
      <c r="CH26" s="66">
        <v>0</v>
      </c>
      <c r="CI26" s="66">
        <v>1</v>
      </c>
      <c r="CJ26" s="66">
        <v>1</v>
      </c>
      <c r="CK26" s="64">
        <v>6</v>
      </c>
      <c r="CL26" s="68">
        <v>6</v>
      </c>
      <c r="CM26" s="63">
        <v>0</v>
      </c>
      <c r="CN26" s="66">
        <v>0</v>
      </c>
      <c r="CO26" s="64">
        <v>0</v>
      </c>
      <c r="CP26" s="65">
        <v>0</v>
      </c>
      <c r="CQ26" s="66">
        <v>1</v>
      </c>
      <c r="CR26" s="66">
        <v>0</v>
      </c>
      <c r="CS26" s="66">
        <v>0</v>
      </c>
      <c r="CT26" s="66">
        <v>0</v>
      </c>
      <c r="CU26" s="66">
        <v>0</v>
      </c>
      <c r="CV26" s="64">
        <v>1</v>
      </c>
      <c r="CW26" s="68">
        <v>1</v>
      </c>
      <c r="CX26" s="63">
        <v>0</v>
      </c>
      <c r="CY26" s="66">
        <v>0</v>
      </c>
      <c r="CZ26" s="64">
        <v>0</v>
      </c>
      <c r="DA26" s="65">
        <v>0</v>
      </c>
      <c r="DB26" s="66">
        <v>0</v>
      </c>
      <c r="DC26" s="66">
        <v>0</v>
      </c>
      <c r="DD26" s="66">
        <v>0</v>
      </c>
      <c r="DE26" s="66">
        <v>0</v>
      </c>
      <c r="DF26" s="66">
        <v>0</v>
      </c>
      <c r="DG26" s="64">
        <v>0</v>
      </c>
      <c r="DH26" s="68">
        <v>0</v>
      </c>
      <c r="DI26" s="63">
        <v>0</v>
      </c>
      <c r="DJ26" s="66">
        <v>0</v>
      </c>
      <c r="DK26" s="64">
        <v>0</v>
      </c>
      <c r="DL26" s="65">
        <v>0</v>
      </c>
      <c r="DM26" s="66">
        <v>0</v>
      </c>
      <c r="DN26" s="66">
        <v>0</v>
      </c>
      <c r="DO26" s="66">
        <v>0</v>
      </c>
      <c r="DP26" s="66">
        <v>0</v>
      </c>
      <c r="DQ26" s="66">
        <v>0</v>
      </c>
      <c r="DR26" s="64">
        <v>0</v>
      </c>
      <c r="DS26" s="68">
        <v>0</v>
      </c>
      <c r="DT26" s="63">
        <v>11</v>
      </c>
      <c r="DU26" s="66">
        <v>6</v>
      </c>
      <c r="DV26" s="64">
        <v>17</v>
      </c>
      <c r="DW26" s="65">
        <v>0</v>
      </c>
      <c r="DX26" s="66">
        <v>16</v>
      </c>
      <c r="DY26" s="66">
        <v>15</v>
      </c>
      <c r="DZ26" s="66">
        <v>10</v>
      </c>
      <c r="EA26" s="66">
        <v>6</v>
      </c>
      <c r="EB26" s="66">
        <v>5</v>
      </c>
      <c r="EC26" s="64">
        <v>52</v>
      </c>
      <c r="ED26" s="68">
        <v>69</v>
      </c>
      <c r="EE26" s="63">
        <v>3</v>
      </c>
      <c r="EF26" s="66">
        <v>1</v>
      </c>
      <c r="EG26" s="64">
        <v>4</v>
      </c>
      <c r="EH26" s="65">
        <v>0</v>
      </c>
      <c r="EI26" s="66">
        <v>5</v>
      </c>
      <c r="EJ26" s="66">
        <v>3</v>
      </c>
      <c r="EK26" s="66">
        <v>4</v>
      </c>
      <c r="EL26" s="66">
        <v>2</v>
      </c>
      <c r="EM26" s="66">
        <v>3</v>
      </c>
      <c r="EN26" s="64">
        <v>17</v>
      </c>
      <c r="EO26" s="68">
        <v>21</v>
      </c>
      <c r="EP26" s="63">
        <v>13</v>
      </c>
      <c r="EQ26" s="66">
        <v>7</v>
      </c>
      <c r="ER26" s="64">
        <v>20</v>
      </c>
      <c r="ES26" s="65">
        <v>0</v>
      </c>
      <c r="ET26" s="66">
        <v>22</v>
      </c>
      <c r="EU26" s="66">
        <v>17</v>
      </c>
      <c r="EV26" s="66">
        <v>10</v>
      </c>
      <c r="EW26" s="66">
        <v>6</v>
      </c>
      <c r="EX26" s="66">
        <v>5</v>
      </c>
      <c r="EY26" s="64">
        <v>60</v>
      </c>
      <c r="EZ26" s="68">
        <v>80</v>
      </c>
    </row>
    <row r="27" spans="2:156" ht="21" customHeight="1" x14ac:dyDescent="0.2">
      <c r="B27" s="131" t="s">
        <v>25</v>
      </c>
      <c r="C27" s="63">
        <v>0</v>
      </c>
      <c r="D27" s="66">
        <v>0</v>
      </c>
      <c r="E27" s="111">
        <v>0</v>
      </c>
      <c r="F27" s="65">
        <v>0</v>
      </c>
      <c r="G27" s="66">
        <v>7</v>
      </c>
      <c r="H27" s="66">
        <v>5</v>
      </c>
      <c r="I27" s="66">
        <v>0</v>
      </c>
      <c r="J27" s="66">
        <v>1</v>
      </c>
      <c r="K27" s="66">
        <v>1</v>
      </c>
      <c r="L27" s="67">
        <v>14</v>
      </c>
      <c r="M27" s="68">
        <v>14</v>
      </c>
      <c r="N27" s="63">
        <v>0</v>
      </c>
      <c r="O27" s="66">
        <v>0</v>
      </c>
      <c r="P27" s="64">
        <v>0</v>
      </c>
      <c r="Q27" s="65">
        <v>0</v>
      </c>
      <c r="R27" s="66">
        <v>0</v>
      </c>
      <c r="S27" s="66">
        <v>0</v>
      </c>
      <c r="T27" s="66">
        <v>1</v>
      </c>
      <c r="U27" s="66">
        <v>2</v>
      </c>
      <c r="V27" s="66">
        <v>1</v>
      </c>
      <c r="W27" s="64">
        <v>4</v>
      </c>
      <c r="X27" s="68">
        <v>4</v>
      </c>
      <c r="Y27" s="63">
        <v>1</v>
      </c>
      <c r="Z27" s="66">
        <v>4</v>
      </c>
      <c r="AA27" s="64">
        <v>5</v>
      </c>
      <c r="AB27" s="65">
        <v>0</v>
      </c>
      <c r="AC27" s="66">
        <v>2</v>
      </c>
      <c r="AD27" s="66">
        <v>5</v>
      </c>
      <c r="AE27" s="66">
        <v>1</v>
      </c>
      <c r="AF27" s="66">
        <v>4</v>
      </c>
      <c r="AG27" s="66">
        <v>1</v>
      </c>
      <c r="AH27" s="64">
        <v>13</v>
      </c>
      <c r="AI27" s="68">
        <v>18</v>
      </c>
      <c r="AJ27" s="63">
        <v>0</v>
      </c>
      <c r="AK27" s="66">
        <v>2</v>
      </c>
      <c r="AL27" s="64">
        <v>2</v>
      </c>
      <c r="AM27" s="65">
        <v>0</v>
      </c>
      <c r="AN27" s="66">
        <v>0</v>
      </c>
      <c r="AO27" s="66">
        <v>1</v>
      </c>
      <c r="AP27" s="66">
        <v>0</v>
      </c>
      <c r="AQ27" s="66">
        <v>0</v>
      </c>
      <c r="AR27" s="66">
        <v>0</v>
      </c>
      <c r="AS27" s="64">
        <v>1</v>
      </c>
      <c r="AT27" s="68">
        <v>3</v>
      </c>
      <c r="AU27" s="63">
        <v>0</v>
      </c>
      <c r="AV27" s="66">
        <v>1</v>
      </c>
      <c r="AW27" s="64">
        <v>1</v>
      </c>
      <c r="AX27" s="65">
        <v>0</v>
      </c>
      <c r="AY27" s="66">
        <v>6</v>
      </c>
      <c r="AZ27" s="66">
        <v>2</v>
      </c>
      <c r="BA27" s="66">
        <v>2</v>
      </c>
      <c r="BB27" s="66">
        <v>3</v>
      </c>
      <c r="BC27" s="66">
        <v>2</v>
      </c>
      <c r="BD27" s="67">
        <v>15</v>
      </c>
      <c r="BE27" s="68">
        <v>16</v>
      </c>
      <c r="BF27" s="63">
        <v>0</v>
      </c>
      <c r="BG27" s="66">
        <v>0</v>
      </c>
      <c r="BH27" s="64">
        <v>0</v>
      </c>
      <c r="BI27" s="65">
        <v>0</v>
      </c>
      <c r="BJ27" s="66">
        <v>7</v>
      </c>
      <c r="BK27" s="66">
        <v>1</v>
      </c>
      <c r="BL27" s="66">
        <v>1</v>
      </c>
      <c r="BM27" s="66">
        <v>0</v>
      </c>
      <c r="BN27" s="66">
        <v>0</v>
      </c>
      <c r="BO27" s="64">
        <v>9</v>
      </c>
      <c r="BP27" s="68">
        <v>9</v>
      </c>
      <c r="BQ27" s="63">
        <v>1</v>
      </c>
      <c r="BR27" s="66">
        <v>2</v>
      </c>
      <c r="BS27" s="64">
        <v>3</v>
      </c>
      <c r="BT27" s="65">
        <v>0</v>
      </c>
      <c r="BU27" s="66">
        <v>1</v>
      </c>
      <c r="BV27" s="66">
        <v>4</v>
      </c>
      <c r="BW27" s="66">
        <v>4</v>
      </c>
      <c r="BX27" s="66">
        <v>3</v>
      </c>
      <c r="BY27" s="66">
        <v>1</v>
      </c>
      <c r="BZ27" s="64">
        <v>13</v>
      </c>
      <c r="CA27" s="68">
        <v>16</v>
      </c>
      <c r="CB27" s="63">
        <v>0</v>
      </c>
      <c r="CC27" s="66">
        <v>0</v>
      </c>
      <c r="CD27" s="64">
        <v>0</v>
      </c>
      <c r="CE27" s="65">
        <v>0</v>
      </c>
      <c r="CF27" s="66">
        <v>3</v>
      </c>
      <c r="CG27" s="66">
        <v>0</v>
      </c>
      <c r="CH27" s="66">
        <v>0</v>
      </c>
      <c r="CI27" s="66">
        <v>2</v>
      </c>
      <c r="CJ27" s="66">
        <v>1</v>
      </c>
      <c r="CK27" s="64">
        <v>6</v>
      </c>
      <c r="CL27" s="68">
        <v>6</v>
      </c>
      <c r="CM27" s="63">
        <v>0</v>
      </c>
      <c r="CN27" s="66">
        <v>0</v>
      </c>
      <c r="CO27" s="64">
        <v>0</v>
      </c>
      <c r="CP27" s="65">
        <v>0</v>
      </c>
      <c r="CQ27" s="66">
        <v>1</v>
      </c>
      <c r="CR27" s="66">
        <v>0</v>
      </c>
      <c r="CS27" s="66">
        <v>0</v>
      </c>
      <c r="CT27" s="66">
        <v>1</v>
      </c>
      <c r="CU27" s="66">
        <v>0</v>
      </c>
      <c r="CV27" s="64">
        <v>2</v>
      </c>
      <c r="CW27" s="68">
        <v>2</v>
      </c>
      <c r="CX27" s="63">
        <v>0</v>
      </c>
      <c r="CY27" s="66">
        <v>0</v>
      </c>
      <c r="CZ27" s="64">
        <v>0</v>
      </c>
      <c r="DA27" s="65">
        <v>0</v>
      </c>
      <c r="DB27" s="66">
        <v>0</v>
      </c>
      <c r="DC27" s="66">
        <v>0</v>
      </c>
      <c r="DD27" s="66">
        <v>0</v>
      </c>
      <c r="DE27" s="66">
        <v>0</v>
      </c>
      <c r="DF27" s="66">
        <v>0</v>
      </c>
      <c r="DG27" s="64">
        <v>0</v>
      </c>
      <c r="DH27" s="68">
        <v>0</v>
      </c>
      <c r="DI27" s="63">
        <v>0</v>
      </c>
      <c r="DJ27" s="66">
        <v>0</v>
      </c>
      <c r="DK27" s="64">
        <v>0</v>
      </c>
      <c r="DL27" s="65">
        <v>0</v>
      </c>
      <c r="DM27" s="66">
        <v>0</v>
      </c>
      <c r="DN27" s="66">
        <v>0</v>
      </c>
      <c r="DO27" s="66">
        <v>0</v>
      </c>
      <c r="DP27" s="66">
        <v>0</v>
      </c>
      <c r="DQ27" s="66">
        <v>0</v>
      </c>
      <c r="DR27" s="64">
        <v>0</v>
      </c>
      <c r="DS27" s="68">
        <v>0</v>
      </c>
      <c r="DT27" s="63">
        <v>5</v>
      </c>
      <c r="DU27" s="66">
        <v>8</v>
      </c>
      <c r="DV27" s="64">
        <v>13</v>
      </c>
      <c r="DW27" s="65">
        <v>0</v>
      </c>
      <c r="DX27" s="66">
        <v>4</v>
      </c>
      <c r="DY27" s="66">
        <v>9</v>
      </c>
      <c r="DZ27" s="66">
        <v>5</v>
      </c>
      <c r="EA27" s="66">
        <v>5</v>
      </c>
      <c r="EB27" s="66">
        <v>3</v>
      </c>
      <c r="EC27" s="64">
        <v>26</v>
      </c>
      <c r="ED27" s="68">
        <v>39</v>
      </c>
      <c r="EE27" s="63">
        <v>0</v>
      </c>
      <c r="EF27" s="66">
        <v>1</v>
      </c>
      <c r="EG27" s="64">
        <v>1</v>
      </c>
      <c r="EH27" s="65">
        <v>0</v>
      </c>
      <c r="EI27" s="66">
        <v>4</v>
      </c>
      <c r="EJ27" s="66">
        <v>0</v>
      </c>
      <c r="EK27" s="66">
        <v>2</v>
      </c>
      <c r="EL27" s="66">
        <v>2</v>
      </c>
      <c r="EM27" s="66">
        <v>1</v>
      </c>
      <c r="EN27" s="64">
        <v>9</v>
      </c>
      <c r="EO27" s="68">
        <v>10</v>
      </c>
      <c r="EP27" s="63">
        <v>5</v>
      </c>
      <c r="EQ27" s="66">
        <v>10</v>
      </c>
      <c r="ER27" s="64">
        <v>15</v>
      </c>
      <c r="ES27" s="65">
        <v>0</v>
      </c>
      <c r="ET27" s="66">
        <v>18</v>
      </c>
      <c r="EU27" s="66">
        <v>12</v>
      </c>
      <c r="EV27" s="66">
        <v>5</v>
      </c>
      <c r="EW27" s="66">
        <v>5</v>
      </c>
      <c r="EX27" s="66">
        <v>3</v>
      </c>
      <c r="EY27" s="64">
        <v>43</v>
      </c>
      <c r="EZ27" s="68">
        <v>58</v>
      </c>
    </row>
    <row r="28" spans="2:156" ht="21" customHeight="1" x14ac:dyDescent="0.2">
      <c r="B28" s="131" t="s">
        <v>26</v>
      </c>
      <c r="C28" s="63">
        <v>0</v>
      </c>
      <c r="D28" s="66">
        <v>0</v>
      </c>
      <c r="E28" s="111">
        <v>0</v>
      </c>
      <c r="F28" s="65">
        <v>0</v>
      </c>
      <c r="G28" s="66">
        <v>5</v>
      </c>
      <c r="H28" s="66">
        <v>4</v>
      </c>
      <c r="I28" s="66">
        <v>4</v>
      </c>
      <c r="J28" s="66">
        <v>4</v>
      </c>
      <c r="K28" s="66">
        <v>4</v>
      </c>
      <c r="L28" s="67">
        <v>21</v>
      </c>
      <c r="M28" s="68">
        <v>21</v>
      </c>
      <c r="N28" s="63">
        <v>0</v>
      </c>
      <c r="O28" s="66">
        <v>0</v>
      </c>
      <c r="P28" s="64">
        <v>0</v>
      </c>
      <c r="Q28" s="65">
        <v>0</v>
      </c>
      <c r="R28" s="66">
        <v>0</v>
      </c>
      <c r="S28" s="66">
        <v>0</v>
      </c>
      <c r="T28" s="66">
        <v>0</v>
      </c>
      <c r="U28" s="66">
        <v>1</v>
      </c>
      <c r="V28" s="66">
        <v>0</v>
      </c>
      <c r="W28" s="64">
        <v>1</v>
      </c>
      <c r="X28" s="68">
        <v>1</v>
      </c>
      <c r="Y28" s="63">
        <v>1</v>
      </c>
      <c r="Z28" s="66">
        <v>0</v>
      </c>
      <c r="AA28" s="64">
        <v>1</v>
      </c>
      <c r="AB28" s="65">
        <v>0</v>
      </c>
      <c r="AC28" s="66">
        <v>4</v>
      </c>
      <c r="AD28" s="66">
        <v>5</v>
      </c>
      <c r="AE28" s="66">
        <v>1</v>
      </c>
      <c r="AF28" s="66">
        <v>3</v>
      </c>
      <c r="AG28" s="66">
        <v>4</v>
      </c>
      <c r="AH28" s="64">
        <v>17</v>
      </c>
      <c r="AI28" s="68">
        <v>18</v>
      </c>
      <c r="AJ28" s="63">
        <v>0</v>
      </c>
      <c r="AK28" s="66">
        <v>0</v>
      </c>
      <c r="AL28" s="64">
        <v>0</v>
      </c>
      <c r="AM28" s="65">
        <v>0</v>
      </c>
      <c r="AN28" s="66">
        <v>0</v>
      </c>
      <c r="AO28" s="66">
        <v>1</v>
      </c>
      <c r="AP28" s="66">
        <v>0</v>
      </c>
      <c r="AQ28" s="66">
        <v>0</v>
      </c>
      <c r="AR28" s="66">
        <v>1</v>
      </c>
      <c r="AS28" s="64">
        <v>2</v>
      </c>
      <c r="AT28" s="68">
        <v>2</v>
      </c>
      <c r="AU28" s="63">
        <v>2</v>
      </c>
      <c r="AV28" s="66">
        <v>0</v>
      </c>
      <c r="AW28" s="64">
        <v>2</v>
      </c>
      <c r="AX28" s="65">
        <v>0</v>
      </c>
      <c r="AY28" s="66">
        <v>4</v>
      </c>
      <c r="AZ28" s="66">
        <v>2</v>
      </c>
      <c r="BA28" s="66">
        <v>6</v>
      </c>
      <c r="BB28" s="66">
        <v>6</v>
      </c>
      <c r="BC28" s="66">
        <v>2</v>
      </c>
      <c r="BD28" s="67">
        <v>20</v>
      </c>
      <c r="BE28" s="68">
        <v>22</v>
      </c>
      <c r="BF28" s="63">
        <v>0</v>
      </c>
      <c r="BG28" s="66">
        <v>0</v>
      </c>
      <c r="BH28" s="64">
        <v>0</v>
      </c>
      <c r="BI28" s="65">
        <v>0</v>
      </c>
      <c r="BJ28" s="66">
        <v>3</v>
      </c>
      <c r="BK28" s="66">
        <v>8</v>
      </c>
      <c r="BL28" s="66">
        <v>3</v>
      </c>
      <c r="BM28" s="66">
        <v>2</v>
      </c>
      <c r="BN28" s="66">
        <v>0</v>
      </c>
      <c r="BO28" s="64">
        <v>16</v>
      </c>
      <c r="BP28" s="68">
        <v>16</v>
      </c>
      <c r="BQ28" s="63">
        <v>0</v>
      </c>
      <c r="BR28" s="66">
        <v>0</v>
      </c>
      <c r="BS28" s="64">
        <v>0</v>
      </c>
      <c r="BT28" s="65">
        <v>0</v>
      </c>
      <c r="BU28" s="66">
        <v>3</v>
      </c>
      <c r="BV28" s="66">
        <v>1</v>
      </c>
      <c r="BW28" s="66">
        <v>0</v>
      </c>
      <c r="BX28" s="66">
        <v>1</v>
      </c>
      <c r="BY28" s="66">
        <v>0</v>
      </c>
      <c r="BZ28" s="64">
        <v>5</v>
      </c>
      <c r="CA28" s="68">
        <v>5</v>
      </c>
      <c r="CB28" s="63">
        <v>0</v>
      </c>
      <c r="CC28" s="66">
        <v>0</v>
      </c>
      <c r="CD28" s="64">
        <v>0</v>
      </c>
      <c r="CE28" s="65">
        <v>0</v>
      </c>
      <c r="CF28" s="66">
        <v>2</v>
      </c>
      <c r="CG28" s="66">
        <v>2</v>
      </c>
      <c r="CH28" s="66">
        <v>0</v>
      </c>
      <c r="CI28" s="66">
        <v>0</v>
      </c>
      <c r="CJ28" s="66">
        <v>1</v>
      </c>
      <c r="CK28" s="64">
        <v>5</v>
      </c>
      <c r="CL28" s="68">
        <v>5</v>
      </c>
      <c r="CM28" s="63">
        <v>0</v>
      </c>
      <c r="CN28" s="66">
        <v>0</v>
      </c>
      <c r="CO28" s="64">
        <v>0</v>
      </c>
      <c r="CP28" s="65">
        <v>0</v>
      </c>
      <c r="CQ28" s="66">
        <v>0</v>
      </c>
      <c r="CR28" s="66">
        <v>0</v>
      </c>
      <c r="CS28" s="66">
        <v>1</v>
      </c>
      <c r="CT28" s="66">
        <v>1</v>
      </c>
      <c r="CU28" s="66">
        <v>0</v>
      </c>
      <c r="CV28" s="64">
        <v>2</v>
      </c>
      <c r="CW28" s="68">
        <v>2</v>
      </c>
      <c r="CX28" s="63">
        <v>0</v>
      </c>
      <c r="CY28" s="66">
        <v>0</v>
      </c>
      <c r="CZ28" s="64">
        <v>0</v>
      </c>
      <c r="DA28" s="65">
        <v>0</v>
      </c>
      <c r="DB28" s="66">
        <v>0</v>
      </c>
      <c r="DC28" s="66">
        <v>0</v>
      </c>
      <c r="DD28" s="66">
        <v>0</v>
      </c>
      <c r="DE28" s="66">
        <v>0</v>
      </c>
      <c r="DF28" s="66">
        <v>0</v>
      </c>
      <c r="DG28" s="64">
        <v>0</v>
      </c>
      <c r="DH28" s="68">
        <v>0</v>
      </c>
      <c r="DI28" s="63">
        <v>0</v>
      </c>
      <c r="DJ28" s="66">
        <v>0</v>
      </c>
      <c r="DK28" s="64">
        <v>0</v>
      </c>
      <c r="DL28" s="65">
        <v>0</v>
      </c>
      <c r="DM28" s="66">
        <v>0</v>
      </c>
      <c r="DN28" s="66">
        <v>0</v>
      </c>
      <c r="DO28" s="66">
        <v>0</v>
      </c>
      <c r="DP28" s="66">
        <v>0</v>
      </c>
      <c r="DQ28" s="66">
        <v>0</v>
      </c>
      <c r="DR28" s="64">
        <v>0</v>
      </c>
      <c r="DS28" s="68">
        <v>0</v>
      </c>
      <c r="DT28" s="63">
        <v>6</v>
      </c>
      <c r="DU28" s="66">
        <v>9</v>
      </c>
      <c r="DV28" s="64">
        <v>15</v>
      </c>
      <c r="DW28" s="65">
        <v>0</v>
      </c>
      <c r="DX28" s="66">
        <v>14</v>
      </c>
      <c r="DY28" s="66">
        <v>12</v>
      </c>
      <c r="DZ28" s="66">
        <v>6</v>
      </c>
      <c r="EA28" s="66">
        <v>6</v>
      </c>
      <c r="EB28" s="66">
        <v>4</v>
      </c>
      <c r="EC28" s="64">
        <v>42</v>
      </c>
      <c r="ED28" s="68">
        <v>57</v>
      </c>
      <c r="EE28" s="63">
        <v>1</v>
      </c>
      <c r="EF28" s="66">
        <v>0</v>
      </c>
      <c r="EG28" s="64">
        <v>1</v>
      </c>
      <c r="EH28" s="65">
        <v>0</v>
      </c>
      <c r="EI28" s="66">
        <v>1</v>
      </c>
      <c r="EJ28" s="66">
        <v>0</v>
      </c>
      <c r="EK28" s="66">
        <v>2</v>
      </c>
      <c r="EL28" s="66">
        <v>0</v>
      </c>
      <c r="EM28" s="66">
        <v>0</v>
      </c>
      <c r="EN28" s="64">
        <v>3</v>
      </c>
      <c r="EO28" s="68">
        <v>4</v>
      </c>
      <c r="EP28" s="63">
        <v>7</v>
      </c>
      <c r="EQ28" s="66">
        <v>9</v>
      </c>
      <c r="ER28" s="64">
        <v>16</v>
      </c>
      <c r="ES28" s="65">
        <v>0</v>
      </c>
      <c r="ET28" s="66">
        <v>21</v>
      </c>
      <c r="EU28" s="66">
        <v>19</v>
      </c>
      <c r="EV28" s="66">
        <v>11</v>
      </c>
      <c r="EW28" s="66">
        <v>6</v>
      </c>
      <c r="EX28" s="66">
        <v>4</v>
      </c>
      <c r="EY28" s="64">
        <v>61</v>
      </c>
      <c r="EZ28" s="68">
        <v>77</v>
      </c>
    </row>
    <row r="29" spans="2:156" ht="21" customHeight="1" x14ac:dyDescent="0.2">
      <c r="B29" s="131" t="s">
        <v>27</v>
      </c>
      <c r="C29" s="63">
        <v>0</v>
      </c>
      <c r="D29" s="66">
        <v>0</v>
      </c>
      <c r="E29" s="111">
        <v>0</v>
      </c>
      <c r="F29" s="65">
        <v>0</v>
      </c>
      <c r="G29" s="66">
        <v>4</v>
      </c>
      <c r="H29" s="66">
        <v>5</v>
      </c>
      <c r="I29" s="66">
        <v>3</v>
      </c>
      <c r="J29" s="66">
        <v>2</v>
      </c>
      <c r="K29" s="66">
        <v>2</v>
      </c>
      <c r="L29" s="67">
        <v>16</v>
      </c>
      <c r="M29" s="68">
        <v>16</v>
      </c>
      <c r="N29" s="63">
        <v>0</v>
      </c>
      <c r="O29" s="66">
        <v>0</v>
      </c>
      <c r="P29" s="64">
        <v>0</v>
      </c>
      <c r="Q29" s="65">
        <v>0</v>
      </c>
      <c r="R29" s="66">
        <v>0</v>
      </c>
      <c r="S29" s="66">
        <v>0</v>
      </c>
      <c r="T29" s="66">
        <v>0</v>
      </c>
      <c r="U29" s="66">
        <v>0</v>
      </c>
      <c r="V29" s="66">
        <v>0</v>
      </c>
      <c r="W29" s="64">
        <v>0</v>
      </c>
      <c r="X29" s="68">
        <v>0</v>
      </c>
      <c r="Y29" s="63">
        <v>0</v>
      </c>
      <c r="Z29" s="66">
        <v>3</v>
      </c>
      <c r="AA29" s="64">
        <v>3</v>
      </c>
      <c r="AB29" s="65">
        <v>0</v>
      </c>
      <c r="AC29" s="66">
        <v>5</v>
      </c>
      <c r="AD29" s="66">
        <v>5</v>
      </c>
      <c r="AE29" s="66">
        <v>2</v>
      </c>
      <c r="AF29" s="66">
        <v>3</v>
      </c>
      <c r="AG29" s="66">
        <v>3</v>
      </c>
      <c r="AH29" s="64">
        <v>18</v>
      </c>
      <c r="AI29" s="68">
        <v>21</v>
      </c>
      <c r="AJ29" s="63">
        <v>0</v>
      </c>
      <c r="AK29" s="66">
        <v>0</v>
      </c>
      <c r="AL29" s="64">
        <v>0</v>
      </c>
      <c r="AM29" s="65">
        <v>0</v>
      </c>
      <c r="AN29" s="66">
        <v>0</v>
      </c>
      <c r="AO29" s="66">
        <v>1</v>
      </c>
      <c r="AP29" s="66">
        <v>0</v>
      </c>
      <c r="AQ29" s="66">
        <v>0</v>
      </c>
      <c r="AR29" s="66">
        <v>0</v>
      </c>
      <c r="AS29" s="64">
        <v>1</v>
      </c>
      <c r="AT29" s="68">
        <v>1</v>
      </c>
      <c r="AU29" s="63">
        <v>1</v>
      </c>
      <c r="AV29" s="66">
        <v>1</v>
      </c>
      <c r="AW29" s="64">
        <v>2</v>
      </c>
      <c r="AX29" s="65">
        <v>0</v>
      </c>
      <c r="AY29" s="66">
        <v>6</v>
      </c>
      <c r="AZ29" s="66">
        <v>5</v>
      </c>
      <c r="BA29" s="66">
        <v>4</v>
      </c>
      <c r="BB29" s="66">
        <v>7</v>
      </c>
      <c r="BC29" s="66">
        <v>3</v>
      </c>
      <c r="BD29" s="67">
        <v>25</v>
      </c>
      <c r="BE29" s="68">
        <v>27</v>
      </c>
      <c r="BF29" s="63">
        <v>0</v>
      </c>
      <c r="BG29" s="66">
        <v>0</v>
      </c>
      <c r="BH29" s="64">
        <v>0</v>
      </c>
      <c r="BI29" s="65">
        <v>0</v>
      </c>
      <c r="BJ29" s="66">
        <v>6</v>
      </c>
      <c r="BK29" s="66">
        <v>5</v>
      </c>
      <c r="BL29" s="66">
        <v>4</v>
      </c>
      <c r="BM29" s="66">
        <v>5</v>
      </c>
      <c r="BN29" s="66">
        <v>0</v>
      </c>
      <c r="BO29" s="64">
        <v>20</v>
      </c>
      <c r="BP29" s="68">
        <v>20</v>
      </c>
      <c r="BQ29" s="63">
        <v>1</v>
      </c>
      <c r="BR29" s="66">
        <v>1</v>
      </c>
      <c r="BS29" s="64">
        <v>2</v>
      </c>
      <c r="BT29" s="65">
        <v>0</v>
      </c>
      <c r="BU29" s="66">
        <v>3</v>
      </c>
      <c r="BV29" s="66">
        <v>3</v>
      </c>
      <c r="BW29" s="66">
        <v>1</v>
      </c>
      <c r="BX29" s="66">
        <v>0</v>
      </c>
      <c r="BY29" s="66">
        <v>0</v>
      </c>
      <c r="BZ29" s="64">
        <v>7</v>
      </c>
      <c r="CA29" s="68">
        <v>9</v>
      </c>
      <c r="CB29" s="63">
        <v>0</v>
      </c>
      <c r="CC29" s="66">
        <v>0</v>
      </c>
      <c r="CD29" s="64">
        <v>0</v>
      </c>
      <c r="CE29" s="65">
        <v>0</v>
      </c>
      <c r="CF29" s="66">
        <v>0</v>
      </c>
      <c r="CG29" s="66">
        <v>0</v>
      </c>
      <c r="CH29" s="66">
        <v>1</v>
      </c>
      <c r="CI29" s="66">
        <v>0</v>
      </c>
      <c r="CJ29" s="66">
        <v>0</v>
      </c>
      <c r="CK29" s="64">
        <v>1</v>
      </c>
      <c r="CL29" s="68">
        <v>1</v>
      </c>
      <c r="CM29" s="63">
        <v>0</v>
      </c>
      <c r="CN29" s="66">
        <v>0</v>
      </c>
      <c r="CO29" s="64">
        <v>0</v>
      </c>
      <c r="CP29" s="65">
        <v>0</v>
      </c>
      <c r="CQ29" s="66">
        <v>0</v>
      </c>
      <c r="CR29" s="66">
        <v>0</v>
      </c>
      <c r="CS29" s="66">
        <v>0</v>
      </c>
      <c r="CT29" s="66">
        <v>0</v>
      </c>
      <c r="CU29" s="66">
        <v>0</v>
      </c>
      <c r="CV29" s="64">
        <v>0</v>
      </c>
      <c r="CW29" s="68">
        <v>0</v>
      </c>
      <c r="CX29" s="63">
        <v>0</v>
      </c>
      <c r="CY29" s="66">
        <v>0</v>
      </c>
      <c r="CZ29" s="64">
        <v>0</v>
      </c>
      <c r="DA29" s="65">
        <v>0</v>
      </c>
      <c r="DB29" s="66">
        <v>0</v>
      </c>
      <c r="DC29" s="66">
        <v>0</v>
      </c>
      <c r="DD29" s="66">
        <v>0</v>
      </c>
      <c r="DE29" s="66">
        <v>0</v>
      </c>
      <c r="DF29" s="66">
        <v>0</v>
      </c>
      <c r="DG29" s="64">
        <v>0</v>
      </c>
      <c r="DH29" s="68">
        <v>0</v>
      </c>
      <c r="DI29" s="63">
        <v>0</v>
      </c>
      <c r="DJ29" s="66">
        <v>0</v>
      </c>
      <c r="DK29" s="64">
        <v>0</v>
      </c>
      <c r="DL29" s="65">
        <v>0</v>
      </c>
      <c r="DM29" s="66">
        <v>0</v>
      </c>
      <c r="DN29" s="66">
        <v>0</v>
      </c>
      <c r="DO29" s="66">
        <v>0</v>
      </c>
      <c r="DP29" s="66">
        <v>0</v>
      </c>
      <c r="DQ29" s="66">
        <v>0</v>
      </c>
      <c r="DR29" s="64">
        <v>0</v>
      </c>
      <c r="DS29" s="68">
        <v>0</v>
      </c>
      <c r="DT29" s="63">
        <v>6</v>
      </c>
      <c r="DU29" s="66">
        <v>14</v>
      </c>
      <c r="DV29" s="64">
        <v>20</v>
      </c>
      <c r="DW29" s="65">
        <v>0</v>
      </c>
      <c r="DX29" s="66">
        <v>6</v>
      </c>
      <c r="DY29" s="66">
        <v>12</v>
      </c>
      <c r="DZ29" s="66">
        <v>6</v>
      </c>
      <c r="EA29" s="66">
        <v>5</v>
      </c>
      <c r="EB29" s="66">
        <v>3</v>
      </c>
      <c r="EC29" s="64">
        <v>32</v>
      </c>
      <c r="ED29" s="68">
        <v>52</v>
      </c>
      <c r="EE29" s="63">
        <v>1</v>
      </c>
      <c r="EF29" s="66">
        <v>0</v>
      </c>
      <c r="EG29" s="64">
        <v>1</v>
      </c>
      <c r="EH29" s="65">
        <v>0</v>
      </c>
      <c r="EI29" s="66">
        <v>2</v>
      </c>
      <c r="EJ29" s="66">
        <v>0</v>
      </c>
      <c r="EK29" s="66">
        <v>0</v>
      </c>
      <c r="EL29" s="66">
        <v>4</v>
      </c>
      <c r="EM29" s="66">
        <v>0</v>
      </c>
      <c r="EN29" s="64">
        <v>6</v>
      </c>
      <c r="EO29" s="68">
        <v>7</v>
      </c>
      <c r="EP29" s="63">
        <v>8</v>
      </c>
      <c r="EQ29" s="66">
        <v>16</v>
      </c>
      <c r="ER29" s="64">
        <v>24</v>
      </c>
      <c r="ES29" s="65">
        <v>0</v>
      </c>
      <c r="ET29" s="66">
        <v>16</v>
      </c>
      <c r="EU29" s="66">
        <v>12</v>
      </c>
      <c r="EV29" s="66">
        <v>6</v>
      </c>
      <c r="EW29" s="66">
        <v>6</v>
      </c>
      <c r="EX29" s="66">
        <v>3</v>
      </c>
      <c r="EY29" s="64">
        <v>43</v>
      </c>
      <c r="EZ29" s="68">
        <v>67</v>
      </c>
    </row>
    <row r="30" spans="2:156" ht="21" customHeight="1" x14ac:dyDescent="0.2">
      <c r="B30" s="131" t="s">
        <v>28</v>
      </c>
      <c r="C30" s="63">
        <v>0</v>
      </c>
      <c r="D30" s="66">
        <v>0</v>
      </c>
      <c r="E30" s="111">
        <v>0</v>
      </c>
      <c r="F30" s="65">
        <v>0</v>
      </c>
      <c r="G30" s="66">
        <v>0</v>
      </c>
      <c r="H30" s="66">
        <v>0</v>
      </c>
      <c r="I30" s="66">
        <v>1</v>
      </c>
      <c r="J30" s="66">
        <v>0</v>
      </c>
      <c r="K30" s="66">
        <v>0</v>
      </c>
      <c r="L30" s="67">
        <v>1</v>
      </c>
      <c r="M30" s="68">
        <v>1</v>
      </c>
      <c r="N30" s="63">
        <v>0</v>
      </c>
      <c r="O30" s="66">
        <v>0</v>
      </c>
      <c r="P30" s="64">
        <v>0</v>
      </c>
      <c r="Q30" s="65">
        <v>0</v>
      </c>
      <c r="R30" s="66">
        <v>0</v>
      </c>
      <c r="S30" s="66">
        <v>0</v>
      </c>
      <c r="T30" s="66">
        <v>0</v>
      </c>
      <c r="U30" s="66">
        <v>0</v>
      </c>
      <c r="V30" s="66">
        <v>0</v>
      </c>
      <c r="W30" s="64">
        <v>0</v>
      </c>
      <c r="X30" s="68">
        <v>0</v>
      </c>
      <c r="Y30" s="63">
        <v>0</v>
      </c>
      <c r="Z30" s="66">
        <v>0</v>
      </c>
      <c r="AA30" s="64">
        <v>0</v>
      </c>
      <c r="AB30" s="65">
        <v>0</v>
      </c>
      <c r="AC30" s="66">
        <v>1</v>
      </c>
      <c r="AD30" s="66">
        <v>0</v>
      </c>
      <c r="AE30" s="66">
        <v>1</v>
      </c>
      <c r="AF30" s="66">
        <v>0</v>
      </c>
      <c r="AG30" s="66">
        <v>0</v>
      </c>
      <c r="AH30" s="64">
        <v>2</v>
      </c>
      <c r="AI30" s="68">
        <v>2</v>
      </c>
      <c r="AJ30" s="63">
        <v>0</v>
      </c>
      <c r="AK30" s="66">
        <v>0</v>
      </c>
      <c r="AL30" s="64">
        <v>0</v>
      </c>
      <c r="AM30" s="65">
        <v>0</v>
      </c>
      <c r="AN30" s="66">
        <v>0</v>
      </c>
      <c r="AO30" s="66">
        <v>0</v>
      </c>
      <c r="AP30" s="66">
        <v>0</v>
      </c>
      <c r="AQ30" s="66">
        <v>0</v>
      </c>
      <c r="AR30" s="66">
        <v>0</v>
      </c>
      <c r="AS30" s="64">
        <v>0</v>
      </c>
      <c r="AT30" s="68">
        <v>0</v>
      </c>
      <c r="AU30" s="63">
        <v>0</v>
      </c>
      <c r="AV30" s="66">
        <v>0</v>
      </c>
      <c r="AW30" s="64">
        <v>0</v>
      </c>
      <c r="AX30" s="65">
        <v>0</v>
      </c>
      <c r="AY30" s="66">
        <v>2</v>
      </c>
      <c r="AZ30" s="66">
        <v>1</v>
      </c>
      <c r="BA30" s="66">
        <v>1</v>
      </c>
      <c r="BB30" s="66">
        <v>0</v>
      </c>
      <c r="BC30" s="66">
        <v>1</v>
      </c>
      <c r="BD30" s="67">
        <v>5</v>
      </c>
      <c r="BE30" s="68">
        <v>5</v>
      </c>
      <c r="BF30" s="63">
        <v>0</v>
      </c>
      <c r="BG30" s="66">
        <v>0</v>
      </c>
      <c r="BH30" s="64">
        <v>0</v>
      </c>
      <c r="BI30" s="65">
        <v>0</v>
      </c>
      <c r="BJ30" s="66">
        <v>0</v>
      </c>
      <c r="BK30" s="66">
        <v>4</v>
      </c>
      <c r="BL30" s="66">
        <v>0</v>
      </c>
      <c r="BM30" s="66">
        <v>0</v>
      </c>
      <c r="BN30" s="66">
        <v>0</v>
      </c>
      <c r="BO30" s="64">
        <v>4</v>
      </c>
      <c r="BP30" s="68">
        <v>4</v>
      </c>
      <c r="BQ30" s="63">
        <v>0</v>
      </c>
      <c r="BR30" s="66">
        <v>0</v>
      </c>
      <c r="BS30" s="64">
        <v>0</v>
      </c>
      <c r="BT30" s="65">
        <v>0</v>
      </c>
      <c r="BU30" s="66">
        <v>1</v>
      </c>
      <c r="BV30" s="66">
        <v>0</v>
      </c>
      <c r="BW30" s="66">
        <v>1</v>
      </c>
      <c r="BX30" s="66">
        <v>0</v>
      </c>
      <c r="BY30" s="66">
        <v>0</v>
      </c>
      <c r="BZ30" s="64">
        <v>2</v>
      </c>
      <c r="CA30" s="68">
        <v>2</v>
      </c>
      <c r="CB30" s="63">
        <v>0</v>
      </c>
      <c r="CC30" s="66">
        <v>0</v>
      </c>
      <c r="CD30" s="64">
        <v>0</v>
      </c>
      <c r="CE30" s="65">
        <v>0</v>
      </c>
      <c r="CF30" s="66">
        <v>0</v>
      </c>
      <c r="CG30" s="66">
        <v>0</v>
      </c>
      <c r="CH30" s="66">
        <v>1</v>
      </c>
      <c r="CI30" s="66">
        <v>0</v>
      </c>
      <c r="CJ30" s="66">
        <v>0</v>
      </c>
      <c r="CK30" s="64">
        <v>1</v>
      </c>
      <c r="CL30" s="68">
        <v>1</v>
      </c>
      <c r="CM30" s="63">
        <v>0</v>
      </c>
      <c r="CN30" s="66">
        <v>0</v>
      </c>
      <c r="CO30" s="64">
        <v>0</v>
      </c>
      <c r="CP30" s="65">
        <v>0</v>
      </c>
      <c r="CQ30" s="66">
        <v>0</v>
      </c>
      <c r="CR30" s="66">
        <v>0</v>
      </c>
      <c r="CS30" s="66">
        <v>0</v>
      </c>
      <c r="CT30" s="66">
        <v>0</v>
      </c>
      <c r="CU30" s="66">
        <v>0</v>
      </c>
      <c r="CV30" s="64">
        <v>0</v>
      </c>
      <c r="CW30" s="68">
        <v>0</v>
      </c>
      <c r="CX30" s="63">
        <v>0</v>
      </c>
      <c r="CY30" s="66">
        <v>0</v>
      </c>
      <c r="CZ30" s="64">
        <v>0</v>
      </c>
      <c r="DA30" s="65">
        <v>0</v>
      </c>
      <c r="DB30" s="66">
        <v>0</v>
      </c>
      <c r="DC30" s="66">
        <v>0</v>
      </c>
      <c r="DD30" s="66">
        <v>0</v>
      </c>
      <c r="DE30" s="66">
        <v>0</v>
      </c>
      <c r="DF30" s="66">
        <v>0</v>
      </c>
      <c r="DG30" s="64">
        <v>0</v>
      </c>
      <c r="DH30" s="68">
        <v>0</v>
      </c>
      <c r="DI30" s="63">
        <v>0</v>
      </c>
      <c r="DJ30" s="66">
        <v>0</v>
      </c>
      <c r="DK30" s="64">
        <v>0</v>
      </c>
      <c r="DL30" s="65">
        <v>0</v>
      </c>
      <c r="DM30" s="66">
        <v>0</v>
      </c>
      <c r="DN30" s="66">
        <v>0</v>
      </c>
      <c r="DO30" s="66">
        <v>0</v>
      </c>
      <c r="DP30" s="66">
        <v>0</v>
      </c>
      <c r="DQ30" s="66">
        <v>0</v>
      </c>
      <c r="DR30" s="64">
        <v>0</v>
      </c>
      <c r="DS30" s="68">
        <v>0</v>
      </c>
      <c r="DT30" s="63">
        <v>0</v>
      </c>
      <c r="DU30" s="66">
        <v>1</v>
      </c>
      <c r="DV30" s="64">
        <v>1</v>
      </c>
      <c r="DW30" s="65">
        <v>0</v>
      </c>
      <c r="DX30" s="66">
        <v>3</v>
      </c>
      <c r="DY30" s="66">
        <v>6</v>
      </c>
      <c r="DZ30" s="66">
        <v>1</v>
      </c>
      <c r="EA30" s="66">
        <v>0</v>
      </c>
      <c r="EB30" s="66">
        <v>0</v>
      </c>
      <c r="EC30" s="64">
        <v>10</v>
      </c>
      <c r="ED30" s="68">
        <v>11</v>
      </c>
      <c r="EE30" s="63">
        <v>0</v>
      </c>
      <c r="EF30" s="66">
        <v>0</v>
      </c>
      <c r="EG30" s="64">
        <v>0</v>
      </c>
      <c r="EH30" s="65">
        <v>0</v>
      </c>
      <c r="EI30" s="66">
        <v>3</v>
      </c>
      <c r="EJ30" s="66">
        <v>0</v>
      </c>
      <c r="EK30" s="66">
        <v>0</v>
      </c>
      <c r="EL30" s="66">
        <v>0</v>
      </c>
      <c r="EM30" s="66">
        <v>0</v>
      </c>
      <c r="EN30" s="64">
        <v>3</v>
      </c>
      <c r="EO30" s="68">
        <v>3</v>
      </c>
      <c r="EP30" s="63">
        <v>0</v>
      </c>
      <c r="EQ30" s="66">
        <v>1</v>
      </c>
      <c r="ER30" s="64">
        <v>1</v>
      </c>
      <c r="ES30" s="65">
        <v>0</v>
      </c>
      <c r="ET30" s="66">
        <v>7</v>
      </c>
      <c r="EU30" s="66">
        <v>7</v>
      </c>
      <c r="EV30" s="66">
        <v>2</v>
      </c>
      <c r="EW30" s="66">
        <v>0</v>
      </c>
      <c r="EX30" s="66">
        <v>0</v>
      </c>
      <c r="EY30" s="64">
        <v>16</v>
      </c>
      <c r="EZ30" s="68">
        <v>17</v>
      </c>
    </row>
    <row r="31" spans="2:156" ht="21" customHeight="1" x14ac:dyDescent="0.2">
      <c r="B31" s="131" t="s">
        <v>29</v>
      </c>
      <c r="C31" s="63">
        <v>0</v>
      </c>
      <c r="D31" s="66">
        <v>0</v>
      </c>
      <c r="E31" s="111">
        <v>0</v>
      </c>
      <c r="F31" s="65">
        <v>0</v>
      </c>
      <c r="G31" s="66">
        <v>0</v>
      </c>
      <c r="H31" s="66">
        <v>2</v>
      </c>
      <c r="I31" s="66">
        <v>1</v>
      </c>
      <c r="J31" s="66">
        <v>0</v>
      </c>
      <c r="K31" s="66">
        <v>1</v>
      </c>
      <c r="L31" s="67">
        <v>4</v>
      </c>
      <c r="M31" s="68">
        <v>4</v>
      </c>
      <c r="N31" s="63">
        <v>0</v>
      </c>
      <c r="O31" s="66">
        <v>0</v>
      </c>
      <c r="P31" s="64">
        <v>0</v>
      </c>
      <c r="Q31" s="65">
        <v>0</v>
      </c>
      <c r="R31" s="66">
        <v>0</v>
      </c>
      <c r="S31" s="66">
        <v>0</v>
      </c>
      <c r="T31" s="66">
        <v>0</v>
      </c>
      <c r="U31" s="66">
        <v>0</v>
      </c>
      <c r="V31" s="66">
        <v>1</v>
      </c>
      <c r="W31" s="64">
        <v>1</v>
      </c>
      <c r="X31" s="68">
        <v>1</v>
      </c>
      <c r="Y31" s="63">
        <v>0</v>
      </c>
      <c r="Z31" s="66">
        <v>1</v>
      </c>
      <c r="AA31" s="64">
        <v>1</v>
      </c>
      <c r="AB31" s="65">
        <v>0</v>
      </c>
      <c r="AC31" s="66">
        <v>0</v>
      </c>
      <c r="AD31" s="66">
        <v>1</v>
      </c>
      <c r="AE31" s="66">
        <v>2</v>
      </c>
      <c r="AF31" s="66">
        <v>0</v>
      </c>
      <c r="AG31" s="66">
        <v>0</v>
      </c>
      <c r="AH31" s="64">
        <v>3</v>
      </c>
      <c r="AI31" s="68">
        <v>4</v>
      </c>
      <c r="AJ31" s="63">
        <v>0</v>
      </c>
      <c r="AK31" s="66">
        <v>0</v>
      </c>
      <c r="AL31" s="64">
        <v>0</v>
      </c>
      <c r="AM31" s="65">
        <v>0</v>
      </c>
      <c r="AN31" s="66">
        <v>0</v>
      </c>
      <c r="AO31" s="66">
        <v>1</v>
      </c>
      <c r="AP31" s="66">
        <v>0</v>
      </c>
      <c r="AQ31" s="66">
        <v>0</v>
      </c>
      <c r="AR31" s="66">
        <v>0</v>
      </c>
      <c r="AS31" s="64">
        <v>1</v>
      </c>
      <c r="AT31" s="68">
        <v>1</v>
      </c>
      <c r="AU31" s="63">
        <v>1</v>
      </c>
      <c r="AV31" s="66">
        <v>0</v>
      </c>
      <c r="AW31" s="64">
        <v>1</v>
      </c>
      <c r="AX31" s="65">
        <v>0</v>
      </c>
      <c r="AY31" s="66">
        <v>2</v>
      </c>
      <c r="AZ31" s="66">
        <v>1</v>
      </c>
      <c r="BA31" s="66">
        <v>1</v>
      </c>
      <c r="BB31" s="66">
        <v>0</v>
      </c>
      <c r="BC31" s="66">
        <v>2</v>
      </c>
      <c r="BD31" s="67">
        <v>6</v>
      </c>
      <c r="BE31" s="68">
        <v>7</v>
      </c>
      <c r="BF31" s="63">
        <v>0</v>
      </c>
      <c r="BG31" s="66">
        <v>0</v>
      </c>
      <c r="BH31" s="64">
        <v>0</v>
      </c>
      <c r="BI31" s="65">
        <v>0</v>
      </c>
      <c r="BJ31" s="66">
        <v>0</v>
      </c>
      <c r="BK31" s="66">
        <v>3</v>
      </c>
      <c r="BL31" s="66">
        <v>2</v>
      </c>
      <c r="BM31" s="66">
        <v>0</v>
      </c>
      <c r="BN31" s="66">
        <v>0</v>
      </c>
      <c r="BO31" s="64">
        <v>5</v>
      </c>
      <c r="BP31" s="68">
        <v>5</v>
      </c>
      <c r="BQ31" s="63">
        <v>1</v>
      </c>
      <c r="BR31" s="66">
        <v>0</v>
      </c>
      <c r="BS31" s="64">
        <v>1</v>
      </c>
      <c r="BT31" s="65">
        <v>0</v>
      </c>
      <c r="BU31" s="66">
        <v>0</v>
      </c>
      <c r="BV31" s="66">
        <v>0</v>
      </c>
      <c r="BW31" s="66">
        <v>0</v>
      </c>
      <c r="BX31" s="66">
        <v>0</v>
      </c>
      <c r="BY31" s="66">
        <v>0</v>
      </c>
      <c r="BZ31" s="64">
        <v>0</v>
      </c>
      <c r="CA31" s="68">
        <v>1</v>
      </c>
      <c r="CB31" s="63">
        <v>0</v>
      </c>
      <c r="CC31" s="66">
        <v>0</v>
      </c>
      <c r="CD31" s="64">
        <v>0</v>
      </c>
      <c r="CE31" s="65">
        <v>0</v>
      </c>
      <c r="CF31" s="66">
        <v>0</v>
      </c>
      <c r="CG31" s="66">
        <v>0</v>
      </c>
      <c r="CH31" s="66">
        <v>1</v>
      </c>
      <c r="CI31" s="66">
        <v>0</v>
      </c>
      <c r="CJ31" s="66">
        <v>0</v>
      </c>
      <c r="CK31" s="64">
        <v>1</v>
      </c>
      <c r="CL31" s="68">
        <v>1</v>
      </c>
      <c r="CM31" s="63">
        <v>0</v>
      </c>
      <c r="CN31" s="66">
        <v>0</v>
      </c>
      <c r="CO31" s="64">
        <v>0</v>
      </c>
      <c r="CP31" s="65">
        <v>0</v>
      </c>
      <c r="CQ31" s="66">
        <v>0</v>
      </c>
      <c r="CR31" s="66">
        <v>0</v>
      </c>
      <c r="CS31" s="66">
        <v>0</v>
      </c>
      <c r="CT31" s="66">
        <v>0</v>
      </c>
      <c r="CU31" s="66">
        <v>0</v>
      </c>
      <c r="CV31" s="64">
        <v>0</v>
      </c>
      <c r="CW31" s="68">
        <v>0</v>
      </c>
      <c r="CX31" s="63">
        <v>0</v>
      </c>
      <c r="CY31" s="66">
        <v>0</v>
      </c>
      <c r="CZ31" s="64">
        <v>0</v>
      </c>
      <c r="DA31" s="65">
        <v>0</v>
      </c>
      <c r="DB31" s="66">
        <v>0</v>
      </c>
      <c r="DC31" s="66">
        <v>0</v>
      </c>
      <c r="DD31" s="66">
        <v>0</v>
      </c>
      <c r="DE31" s="66">
        <v>0</v>
      </c>
      <c r="DF31" s="66">
        <v>0</v>
      </c>
      <c r="DG31" s="64">
        <v>0</v>
      </c>
      <c r="DH31" s="68">
        <v>0</v>
      </c>
      <c r="DI31" s="63">
        <v>0</v>
      </c>
      <c r="DJ31" s="66">
        <v>0</v>
      </c>
      <c r="DK31" s="64">
        <v>0</v>
      </c>
      <c r="DL31" s="65">
        <v>0</v>
      </c>
      <c r="DM31" s="66">
        <v>0</v>
      </c>
      <c r="DN31" s="66">
        <v>0</v>
      </c>
      <c r="DO31" s="66">
        <v>0</v>
      </c>
      <c r="DP31" s="66">
        <v>0</v>
      </c>
      <c r="DQ31" s="66">
        <v>0</v>
      </c>
      <c r="DR31" s="64">
        <v>0</v>
      </c>
      <c r="DS31" s="68">
        <v>0</v>
      </c>
      <c r="DT31" s="63">
        <v>4</v>
      </c>
      <c r="DU31" s="66">
        <v>0</v>
      </c>
      <c r="DV31" s="64">
        <v>4</v>
      </c>
      <c r="DW31" s="65">
        <v>0</v>
      </c>
      <c r="DX31" s="66">
        <v>0</v>
      </c>
      <c r="DY31" s="66">
        <v>3</v>
      </c>
      <c r="DZ31" s="66">
        <v>4</v>
      </c>
      <c r="EA31" s="66">
        <v>0</v>
      </c>
      <c r="EB31" s="66">
        <v>2</v>
      </c>
      <c r="EC31" s="64">
        <v>9</v>
      </c>
      <c r="ED31" s="68">
        <v>13</v>
      </c>
      <c r="EE31" s="63">
        <v>1</v>
      </c>
      <c r="EF31" s="66">
        <v>0</v>
      </c>
      <c r="EG31" s="64">
        <v>1</v>
      </c>
      <c r="EH31" s="65">
        <v>0</v>
      </c>
      <c r="EI31" s="66">
        <v>2</v>
      </c>
      <c r="EJ31" s="66">
        <v>1</v>
      </c>
      <c r="EK31" s="66">
        <v>0</v>
      </c>
      <c r="EL31" s="66">
        <v>0</v>
      </c>
      <c r="EM31" s="66">
        <v>0</v>
      </c>
      <c r="EN31" s="64">
        <v>3</v>
      </c>
      <c r="EO31" s="68">
        <v>4</v>
      </c>
      <c r="EP31" s="63">
        <v>4</v>
      </c>
      <c r="EQ31" s="66">
        <v>1</v>
      </c>
      <c r="ER31" s="64">
        <v>5</v>
      </c>
      <c r="ES31" s="65">
        <v>0</v>
      </c>
      <c r="ET31" s="66">
        <v>0</v>
      </c>
      <c r="EU31" s="66">
        <v>4</v>
      </c>
      <c r="EV31" s="66">
        <v>4</v>
      </c>
      <c r="EW31" s="66">
        <v>1</v>
      </c>
      <c r="EX31" s="66">
        <v>2</v>
      </c>
      <c r="EY31" s="64">
        <v>11</v>
      </c>
      <c r="EZ31" s="68">
        <v>16</v>
      </c>
    </row>
    <row r="32" spans="2:156" ht="21" customHeight="1" x14ac:dyDescent="0.2">
      <c r="B32" s="131" t="s">
        <v>30</v>
      </c>
      <c r="C32" s="63">
        <v>0</v>
      </c>
      <c r="D32" s="66">
        <v>0</v>
      </c>
      <c r="E32" s="111">
        <v>0</v>
      </c>
      <c r="F32" s="65">
        <v>0</v>
      </c>
      <c r="G32" s="66">
        <v>1</v>
      </c>
      <c r="H32" s="66">
        <v>1</v>
      </c>
      <c r="I32" s="66">
        <v>0</v>
      </c>
      <c r="J32" s="66">
        <v>1</v>
      </c>
      <c r="K32" s="66">
        <v>0</v>
      </c>
      <c r="L32" s="67">
        <v>3</v>
      </c>
      <c r="M32" s="68">
        <v>3</v>
      </c>
      <c r="N32" s="63">
        <v>0</v>
      </c>
      <c r="O32" s="66">
        <v>0</v>
      </c>
      <c r="P32" s="64">
        <v>0</v>
      </c>
      <c r="Q32" s="65">
        <v>0</v>
      </c>
      <c r="R32" s="66">
        <v>0</v>
      </c>
      <c r="S32" s="66">
        <v>0</v>
      </c>
      <c r="T32" s="66">
        <v>0</v>
      </c>
      <c r="U32" s="66">
        <v>0</v>
      </c>
      <c r="V32" s="66">
        <v>0</v>
      </c>
      <c r="W32" s="64">
        <v>0</v>
      </c>
      <c r="X32" s="68">
        <v>0</v>
      </c>
      <c r="Y32" s="63">
        <v>0</v>
      </c>
      <c r="Z32" s="66">
        <v>1</v>
      </c>
      <c r="AA32" s="64">
        <v>1</v>
      </c>
      <c r="AB32" s="65">
        <v>0</v>
      </c>
      <c r="AC32" s="66">
        <v>2</v>
      </c>
      <c r="AD32" s="66">
        <v>0</v>
      </c>
      <c r="AE32" s="66">
        <v>1</v>
      </c>
      <c r="AF32" s="66">
        <v>1</v>
      </c>
      <c r="AG32" s="66">
        <v>0</v>
      </c>
      <c r="AH32" s="64">
        <v>4</v>
      </c>
      <c r="AI32" s="68">
        <v>5</v>
      </c>
      <c r="AJ32" s="63">
        <v>0</v>
      </c>
      <c r="AK32" s="66">
        <v>0</v>
      </c>
      <c r="AL32" s="64">
        <v>0</v>
      </c>
      <c r="AM32" s="65">
        <v>0</v>
      </c>
      <c r="AN32" s="66">
        <v>0</v>
      </c>
      <c r="AO32" s="66">
        <v>0</v>
      </c>
      <c r="AP32" s="66">
        <v>0</v>
      </c>
      <c r="AQ32" s="66">
        <v>0</v>
      </c>
      <c r="AR32" s="66">
        <v>0</v>
      </c>
      <c r="AS32" s="64">
        <v>0</v>
      </c>
      <c r="AT32" s="68">
        <v>0</v>
      </c>
      <c r="AU32" s="63">
        <v>0</v>
      </c>
      <c r="AV32" s="66">
        <v>0</v>
      </c>
      <c r="AW32" s="64">
        <v>0</v>
      </c>
      <c r="AX32" s="65">
        <v>0</v>
      </c>
      <c r="AY32" s="66">
        <v>1</v>
      </c>
      <c r="AZ32" s="66">
        <v>2</v>
      </c>
      <c r="BA32" s="66">
        <v>1</v>
      </c>
      <c r="BB32" s="66">
        <v>2</v>
      </c>
      <c r="BC32" s="66">
        <v>0</v>
      </c>
      <c r="BD32" s="67">
        <v>6</v>
      </c>
      <c r="BE32" s="68">
        <v>6</v>
      </c>
      <c r="BF32" s="63">
        <v>0</v>
      </c>
      <c r="BG32" s="66">
        <v>0</v>
      </c>
      <c r="BH32" s="64">
        <v>0</v>
      </c>
      <c r="BI32" s="65">
        <v>0</v>
      </c>
      <c r="BJ32" s="66">
        <v>0</v>
      </c>
      <c r="BK32" s="66">
        <v>0</v>
      </c>
      <c r="BL32" s="66">
        <v>0</v>
      </c>
      <c r="BM32" s="66">
        <v>1</v>
      </c>
      <c r="BN32" s="66">
        <v>0</v>
      </c>
      <c r="BO32" s="64">
        <v>1</v>
      </c>
      <c r="BP32" s="68">
        <v>1</v>
      </c>
      <c r="BQ32" s="63">
        <v>2</v>
      </c>
      <c r="BR32" s="66">
        <v>0</v>
      </c>
      <c r="BS32" s="64">
        <v>2</v>
      </c>
      <c r="BT32" s="65">
        <v>0</v>
      </c>
      <c r="BU32" s="66">
        <v>0</v>
      </c>
      <c r="BV32" s="66">
        <v>0</v>
      </c>
      <c r="BW32" s="66">
        <v>0</v>
      </c>
      <c r="BX32" s="66">
        <v>0</v>
      </c>
      <c r="BY32" s="66">
        <v>0</v>
      </c>
      <c r="BZ32" s="64">
        <v>0</v>
      </c>
      <c r="CA32" s="68">
        <v>2</v>
      </c>
      <c r="CB32" s="63">
        <v>0</v>
      </c>
      <c r="CC32" s="66">
        <v>0</v>
      </c>
      <c r="CD32" s="64">
        <v>0</v>
      </c>
      <c r="CE32" s="65">
        <v>0</v>
      </c>
      <c r="CF32" s="66">
        <v>1</v>
      </c>
      <c r="CG32" s="66">
        <v>0</v>
      </c>
      <c r="CH32" s="66">
        <v>0</v>
      </c>
      <c r="CI32" s="66">
        <v>1</v>
      </c>
      <c r="CJ32" s="66">
        <v>0</v>
      </c>
      <c r="CK32" s="64">
        <v>2</v>
      </c>
      <c r="CL32" s="68">
        <v>2</v>
      </c>
      <c r="CM32" s="63">
        <v>0</v>
      </c>
      <c r="CN32" s="66">
        <v>0</v>
      </c>
      <c r="CO32" s="64">
        <v>0</v>
      </c>
      <c r="CP32" s="65">
        <v>0</v>
      </c>
      <c r="CQ32" s="66">
        <v>0</v>
      </c>
      <c r="CR32" s="66">
        <v>0</v>
      </c>
      <c r="CS32" s="66">
        <v>0</v>
      </c>
      <c r="CT32" s="66">
        <v>0</v>
      </c>
      <c r="CU32" s="66">
        <v>0</v>
      </c>
      <c r="CV32" s="64">
        <v>0</v>
      </c>
      <c r="CW32" s="68">
        <v>0</v>
      </c>
      <c r="CX32" s="63">
        <v>0</v>
      </c>
      <c r="CY32" s="66">
        <v>0</v>
      </c>
      <c r="CZ32" s="64">
        <v>0</v>
      </c>
      <c r="DA32" s="65">
        <v>0</v>
      </c>
      <c r="DB32" s="66">
        <v>0</v>
      </c>
      <c r="DC32" s="66">
        <v>0</v>
      </c>
      <c r="DD32" s="66">
        <v>0</v>
      </c>
      <c r="DE32" s="66">
        <v>0</v>
      </c>
      <c r="DF32" s="66">
        <v>0</v>
      </c>
      <c r="DG32" s="64">
        <v>0</v>
      </c>
      <c r="DH32" s="68">
        <v>0</v>
      </c>
      <c r="DI32" s="63">
        <v>0</v>
      </c>
      <c r="DJ32" s="66">
        <v>0</v>
      </c>
      <c r="DK32" s="64">
        <v>0</v>
      </c>
      <c r="DL32" s="65">
        <v>0</v>
      </c>
      <c r="DM32" s="66">
        <v>0</v>
      </c>
      <c r="DN32" s="66">
        <v>0</v>
      </c>
      <c r="DO32" s="66">
        <v>0</v>
      </c>
      <c r="DP32" s="66">
        <v>0</v>
      </c>
      <c r="DQ32" s="66">
        <v>0</v>
      </c>
      <c r="DR32" s="64">
        <v>0</v>
      </c>
      <c r="DS32" s="68">
        <v>0</v>
      </c>
      <c r="DT32" s="63">
        <v>2</v>
      </c>
      <c r="DU32" s="66">
        <v>0</v>
      </c>
      <c r="DV32" s="64">
        <v>2</v>
      </c>
      <c r="DW32" s="65">
        <v>0</v>
      </c>
      <c r="DX32" s="66">
        <v>2</v>
      </c>
      <c r="DY32" s="66">
        <v>1</v>
      </c>
      <c r="DZ32" s="66">
        <v>3</v>
      </c>
      <c r="EA32" s="66">
        <v>1</v>
      </c>
      <c r="EB32" s="66">
        <v>0</v>
      </c>
      <c r="EC32" s="64">
        <v>7</v>
      </c>
      <c r="ED32" s="68">
        <v>9</v>
      </c>
      <c r="EE32" s="63">
        <v>0</v>
      </c>
      <c r="EF32" s="66">
        <v>0</v>
      </c>
      <c r="EG32" s="64">
        <v>0</v>
      </c>
      <c r="EH32" s="65">
        <v>0</v>
      </c>
      <c r="EI32" s="66">
        <v>1</v>
      </c>
      <c r="EJ32" s="66">
        <v>1</v>
      </c>
      <c r="EK32" s="66">
        <v>1</v>
      </c>
      <c r="EL32" s="66">
        <v>0</v>
      </c>
      <c r="EM32" s="66">
        <v>0</v>
      </c>
      <c r="EN32" s="64">
        <v>3</v>
      </c>
      <c r="EO32" s="68">
        <v>3</v>
      </c>
      <c r="EP32" s="63">
        <v>3</v>
      </c>
      <c r="EQ32" s="66">
        <v>1</v>
      </c>
      <c r="ER32" s="64">
        <v>4</v>
      </c>
      <c r="ES32" s="65">
        <v>0</v>
      </c>
      <c r="ET32" s="66">
        <v>2</v>
      </c>
      <c r="EU32" s="66">
        <v>1</v>
      </c>
      <c r="EV32" s="66">
        <v>4</v>
      </c>
      <c r="EW32" s="66">
        <v>1</v>
      </c>
      <c r="EX32" s="66">
        <v>0</v>
      </c>
      <c r="EY32" s="64">
        <v>8</v>
      </c>
      <c r="EZ32" s="68">
        <v>12</v>
      </c>
    </row>
    <row r="33" spans="2:156" ht="21" customHeight="1" x14ac:dyDescent="0.2">
      <c r="B33" s="131" t="s">
        <v>31</v>
      </c>
      <c r="C33" s="63">
        <v>0</v>
      </c>
      <c r="D33" s="66">
        <v>0</v>
      </c>
      <c r="E33" s="111">
        <v>0</v>
      </c>
      <c r="F33" s="65">
        <v>0</v>
      </c>
      <c r="G33" s="66">
        <v>0</v>
      </c>
      <c r="H33" s="66">
        <v>0</v>
      </c>
      <c r="I33" s="66">
        <v>1</v>
      </c>
      <c r="J33" s="66">
        <v>0</v>
      </c>
      <c r="K33" s="66">
        <v>0</v>
      </c>
      <c r="L33" s="67">
        <v>1</v>
      </c>
      <c r="M33" s="68">
        <v>1</v>
      </c>
      <c r="N33" s="63">
        <v>0</v>
      </c>
      <c r="O33" s="66">
        <v>0</v>
      </c>
      <c r="P33" s="64">
        <v>0</v>
      </c>
      <c r="Q33" s="65">
        <v>0</v>
      </c>
      <c r="R33" s="66">
        <v>0</v>
      </c>
      <c r="S33" s="66">
        <v>1</v>
      </c>
      <c r="T33" s="66">
        <v>1</v>
      </c>
      <c r="U33" s="66">
        <v>0</v>
      </c>
      <c r="V33" s="66">
        <v>0</v>
      </c>
      <c r="W33" s="64">
        <v>2</v>
      </c>
      <c r="X33" s="68">
        <v>2</v>
      </c>
      <c r="Y33" s="63">
        <v>0</v>
      </c>
      <c r="Z33" s="66">
        <v>0</v>
      </c>
      <c r="AA33" s="64">
        <v>0</v>
      </c>
      <c r="AB33" s="65">
        <v>0</v>
      </c>
      <c r="AC33" s="66">
        <v>1</v>
      </c>
      <c r="AD33" s="66">
        <v>0</v>
      </c>
      <c r="AE33" s="66">
        <v>2</v>
      </c>
      <c r="AF33" s="66">
        <v>0</v>
      </c>
      <c r="AG33" s="66">
        <v>0</v>
      </c>
      <c r="AH33" s="64">
        <v>3</v>
      </c>
      <c r="AI33" s="68">
        <v>3</v>
      </c>
      <c r="AJ33" s="63">
        <v>0</v>
      </c>
      <c r="AK33" s="66">
        <v>0</v>
      </c>
      <c r="AL33" s="64">
        <v>0</v>
      </c>
      <c r="AM33" s="65">
        <v>0</v>
      </c>
      <c r="AN33" s="66">
        <v>0</v>
      </c>
      <c r="AO33" s="66">
        <v>0</v>
      </c>
      <c r="AP33" s="66">
        <v>0</v>
      </c>
      <c r="AQ33" s="66">
        <v>0</v>
      </c>
      <c r="AR33" s="66">
        <v>0</v>
      </c>
      <c r="AS33" s="64">
        <v>0</v>
      </c>
      <c r="AT33" s="68">
        <v>0</v>
      </c>
      <c r="AU33" s="63">
        <v>0</v>
      </c>
      <c r="AV33" s="66">
        <v>0</v>
      </c>
      <c r="AW33" s="64">
        <v>0</v>
      </c>
      <c r="AX33" s="65">
        <v>0</v>
      </c>
      <c r="AY33" s="66">
        <v>0</v>
      </c>
      <c r="AZ33" s="66">
        <v>1</v>
      </c>
      <c r="BA33" s="66">
        <v>0</v>
      </c>
      <c r="BB33" s="66">
        <v>1</v>
      </c>
      <c r="BC33" s="66">
        <v>0</v>
      </c>
      <c r="BD33" s="67">
        <v>2</v>
      </c>
      <c r="BE33" s="68">
        <v>2</v>
      </c>
      <c r="BF33" s="63">
        <v>0</v>
      </c>
      <c r="BG33" s="66">
        <v>0</v>
      </c>
      <c r="BH33" s="64">
        <v>0</v>
      </c>
      <c r="BI33" s="65">
        <v>0</v>
      </c>
      <c r="BJ33" s="66">
        <v>3</v>
      </c>
      <c r="BK33" s="66">
        <v>0</v>
      </c>
      <c r="BL33" s="66">
        <v>0</v>
      </c>
      <c r="BM33" s="66">
        <v>0</v>
      </c>
      <c r="BN33" s="66">
        <v>0</v>
      </c>
      <c r="BO33" s="64">
        <v>3</v>
      </c>
      <c r="BP33" s="68">
        <v>3</v>
      </c>
      <c r="BQ33" s="63">
        <v>0</v>
      </c>
      <c r="BR33" s="66">
        <v>0</v>
      </c>
      <c r="BS33" s="64">
        <v>0</v>
      </c>
      <c r="BT33" s="65">
        <v>0</v>
      </c>
      <c r="BU33" s="66">
        <v>1</v>
      </c>
      <c r="BV33" s="66">
        <v>1</v>
      </c>
      <c r="BW33" s="66">
        <v>2</v>
      </c>
      <c r="BX33" s="66">
        <v>0</v>
      </c>
      <c r="BY33" s="66">
        <v>0</v>
      </c>
      <c r="BZ33" s="64">
        <v>4</v>
      </c>
      <c r="CA33" s="68">
        <v>4</v>
      </c>
      <c r="CB33" s="63">
        <v>0</v>
      </c>
      <c r="CC33" s="66">
        <v>0</v>
      </c>
      <c r="CD33" s="64">
        <v>0</v>
      </c>
      <c r="CE33" s="65">
        <v>0</v>
      </c>
      <c r="CF33" s="66">
        <v>0</v>
      </c>
      <c r="CG33" s="66">
        <v>0</v>
      </c>
      <c r="CH33" s="66">
        <v>1</v>
      </c>
      <c r="CI33" s="66">
        <v>1</v>
      </c>
      <c r="CJ33" s="66">
        <v>0</v>
      </c>
      <c r="CK33" s="64">
        <v>2</v>
      </c>
      <c r="CL33" s="68">
        <v>2</v>
      </c>
      <c r="CM33" s="63">
        <v>0</v>
      </c>
      <c r="CN33" s="66">
        <v>0</v>
      </c>
      <c r="CO33" s="64">
        <v>0</v>
      </c>
      <c r="CP33" s="65">
        <v>0</v>
      </c>
      <c r="CQ33" s="66">
        <v>0</v>
      </c>
      <c r="CR33" s="66">
        <v>0</v>
      </c>
      <c r="CS33" s="66">
        <v>0</v>
      </c>
      <c r="CT33" s="66">
        <v>0</v>
      </c>
      <c r="CU33" s="66">
        <v>0</v>
      </c>
      <c r="CV33" s="64">
        <v>0</v>
      </c>
      <c r="CW33" s="68">
        <v>0</v>
      </c>
      <c r="CX33" s="63">
        <v>0</v>
      </c>
      <c r="CY33" s="66">
        <v>0</v>
      </c>
      <c r="CZ33" s="64">
        <v>0</v>
      </c>
      <c r="DA33" s="65">
        <v>0</v>
      </c>
      <c r="DB33" s="66">
        <v>0</v>
      </c>
      <c r="DC33" s="66">
        <v>0</v>
      </c>
      <c r="DD33" s="66">
        <v>0</v>
      </c>
      <c r="DE33" s="66">
        <v>0</v>
      </c>
      <c r="DF33" s="66">
        <v>0</v>
      </c>
      <c r="DG33" s="64">
        <v>0</v>
      </c>
      <c r="DH33" s="68">
        <v>0</v>
      </c>
      <c r="DI33" s="63">
        <v>0</v>
      </c>
      <c r="DJ33" s="66">
        <v>0</v>
      </c>
      <c r="DK33" s="64">
        <v>0</v>
      </c>
      <c r="DL33" s="65">
        <v>0</v>
      </c>
      <c r="DM33" s="66">
        <v>0</v>
      </c>
      <c r="DN33" s="66">
        <v>0</v>
      </c>
      <c r="DO33" s="66">
        <v>0</v>
      </c>
      <c r="DP33" s="66">
        <v>0</v>
      </c>
      <c r="DQ33" s="66">
        <v>0</v>
      </c>
      <c r="DR33" s="64">
        <v>0</v>
      </c>
      <c r="DS33" s="68">
        <v>0</v>
      </c>
      <c r="DT33" s="63">
        <v>2</v>
      </c>
      <c r="DU33" s="66">
        <v>0</v>
      </c>
      <c r="DV33" s="64">
        <v>2</v>
      </c>
      <c r="DW33" s="65">
        <v>0</v>
      </c>
      <c r="DX33" s="66">
        <v>3</v>
      </c>
      <c r="DY33" s="66">
        <v>2</v>
      </c>
      <c r="DZ33" s="66">
        <v>4</v>
      </c>
      <c r="EA33" s="66">
        <v>1</v>
      </c>
      <c r="EB33" s="66">
        <v>0</v>
      </c>
      <c r="EC33" s="64">
        <v>10</v>
      </c>
      <c r="ED33" s="68">
        <v>12</v>
      </c>
      <c r="EE33" s="63">
        <v>0</v>
      </c>
      <c r="EF33" s="66">
        <v>0</v>
      </c>
      <c r="EG33" s="64">
        <v>0</v>
      </c>
      <c r="EH33" s="65">
        <v>0</v>
      </c>
      <c r="EI33" s="66">
        <v>0</v>
      </c>
      <c r="EJ33" s="66">
        <v>0</v>
      </c>
      <c r="EK33" s="66">
        <v>0</v>
      </c>
      <c r="EL33" s="66">
        <v>0</v>
      </c>
      <c r="EM33" s="66">
        <v>0</v>
      </c>
      <c r="EN33" s="64">
        <v>0</v>
      </c>
      <c r="EO33" s="68">
        <v>0</v>
      </c>
      <c r="EP33" s="63">
        <v>2</v>
      </c>
      <c r="EQ33" s="66">
        <v>1</v>
      </c>
      <c r="ER33" s="64">
        <v>3</v>
      </c>
      <c r="ES33" s="65">
        <v>0</v>
      </c>
      <c r="ET33" s="66">
        <v>5</v>
      </c>
      <c r="EU33" s="66">
        <v>3</v>
      </c>
      <c r="EV33" s="66">
        <v>5</v>
      </c>
      <c r="EW33" s="66">
        <v>1</v>
      </c>
      <c r="EX33" s="66">
        <v>0</v>
      </c>
      <c r="EY33" s="64">
        <v>14</v>
      </c>
      <c r="EZ33" s="68">
        <v>17</v>
      </c>
    </row>
    <row r="34" spans="2:156" ht="21" customHeight="1" x14ac:dyDescent="0.2">
      <c r="B34" s="131" t="s">
        <v>32</v>
      </c>
      <c r="C34" s="63">
        <v>0</v>
      </c>
      <c r="D34" s="66">
        <v>0</v>
      </c>
      <c r="E34" s="111">
        <v>0</v>
      </c>
      <c r="F34" s="65">
        <v>0</v>
      </c>
      <c r="G34" s="66">
        <v>2</v>
      </c>
      <c r="H34" s="66">
        <v>1</v>
      </c>
      <c r="I34" s="66">
        <v>0</v>
      </c>
      <c r="J34" s="66">
        <v>0</v>
      </c>
      <c r="K34" s="66">
        <v>1</v>
      </c>
      <c r="L34" s="67">
        <v>4</v>
      </c>
      <c r="M34" s="68">
        <v>4</v>
      </c>
      <c r="N34" s="63">
        <v>0</v>
      </c>
      <c r="O34" s="66">
        <v>0</v>
      </c>
      <c r="P34" s="64">
        <v>0</v>
      </c>
      <c r="Q34" s="65">
        <v>0</v>
      </c>
      <c r="R34" s="66">
        <v>0</v>
      </c>
      <c r="S34" s="66">
        <v>0</v>
      </c>
      <c r="T34" s="66">
        <v>0</v>
      </c>
      <c r="U34" s="66">
        <v>0</v>
      </c>
      <c r="V34" s="66">
        <v>1</v>
      </c>
      <c r="W34" s="64">
        <v>1</v>
      </c>
      <c r="X34" s="68">
        <v>1</v>
      </c>
      <c r="Y34" s="63">
        <v>0</v>
      </c>
      <c r="Z34" s="66">
        <v>0</v>
      </c>
      <c r="AA34" s="64">
        <v>0</v>
      </c>
      <c r="AB34" s="65">
        <v>0</v>
      </c>
      <c r="AC34" s="66">
        <v>3</v>
      </c>
      <c r="AD34" s="66">
        <v>4</v>
      </c>
      <c r="AE34" s="66">
        <v>0</v>
      </c>
      <c r="AF34" s="66">
        <v>0</v>
      </c>
      <c r="AG34" s="66">
        <v>0</v>
      </c>
      <c r="AH34" s="64">
        <v>7</v>
      </c>
      <c r="AI34" s="68">
        <v>7</v>
      </c>
      <c r="AJ34" s="63">
        <v>0</v>
      </c>
      <c r="AK34" s="66">
        <v>0</v>
      </c>
      <c r="AL34" s="64">
        <v>0</v>
      </c>
      <c r="AM34" s="65">
        <v>0</v>
      </c>
      <c r="AN34" s="66">
        <v>0</v>
      </c>
      <c r="AO34" s="66">
        <v>1</v>
      </c>
      <c r="AP34" s="66">
        <v>0</v>
      </c>
      <c r="AQ34" s="66">
        <v>0</v>
      </c>
      <c r="AR34" s="66">
        <v>0</v>
      </c>
      <c r="AS34" s="64">
        <v>1</v>
      </c>
      <c r="AT34" s="68">
        <v>1</v>
      </c>
      <c r="AU34" s="63">
        <v>0</v>
      </c>
      <c r="AV34" s="66">
        <v>0</v>
      </c>
      <c r="AW34" s="64">
        <v>0</v>
      </c>
      <c r="AX34" s="65">
        <v>0</v>
      </c>
      <c r="AY34" s="66">
        <v>0</v>
      </c>
      <c r="AZ34" s="66">
        <v>3</v>
      </c>
      <c r="BA34" s="66">
        <v>3</v>
      </c>
      <c r="BB34" s="66">
        <v>1</v>
      </c>
      <c r="BC34" s="66">
        <v>1</v>
      </c>
      <c r="BD34" s="67">
        <v>8</v>
      </c>
      <c r="BE34" s="68">
        <v>8</v>
      </c>
      <c r="BF34" s="63">
        <v>0</v>
      </c>
      <c r="BG34" s="66">
        <v>0</v>
      </c>
      <c r="BH34" s="64">
        <v>0</v>
      </c>
      <c r="BI34" s="65">
        <v>0</v>
      </c>
      <c r="BJ34" s="66">
        <v>2</v>
      </c>
      <c r="BK34" s="66">
        <v>6</v>
      </c>
      <c r="BL34" s="66">
        <v>1</v>
      </c>
      <c r="BM34" s="66">
        <v>0</v>
      </c>
      <c r="BN34" s="66">
        <v>0</v>
      </c>
      <c r="BO34" s="64">
        <v>9</v>
      </c>
      <c r="BP34" s="68">
        <v>9</v>
      </c>
      <c r="BQ34" s="63">
        <v>0</v>
      </c>
      <c r="BR34" s="66">
        <v>0</v>
      </c>
      <c r="BS34" s="64">
        <v>0</v>
      </c>
      <c r="BT34" s="65">
        <v>0</v>
      </c>
      <c r="BU34" s="66">
        <v>0</v>
      </c>
      <c r="BV34" s="66">
        <v>1</v>
      </c>
      <c r="BW34" s="66">
        <v>0</v>
      </c>
      <c r="BX34" s="66">
        <v>0</v>
      </c>
      <c r="BY34" s="66">
        <v>0</v>
      </c>
      <c r="BZ34" s="64">
        <v>1</v>
      </c>
      <c r="CA34" s="68">
        <v>1</v>
      </c>
      <c r="CB34" s="63">
        <v>0</v>
      </c>
      <c r="CC34" s="66">
        <v>0</v>
      </c>
      <c r="CD34" s="64">
        <v>0</v>
      </c>
      <c r="CE34" s="65">
        <v>0</v>
      </c>
      <c r="CF34" s="66">
        <v>0</v>
      </c>
      <c r="CG34" s="66">
        <v>0</v>
      </c>
      <c r="CH34" s="66">
        <v>0</v>
      </c>
      <c r="CI34" s="66">
        <v>0</v>
      </c>
      <c r="CJ34" s="66">
        <v>0</v>
      </c>
      <c r="CK34" s="64">
        <v>0</v>
      </c>
      <c r="CL34" s="68">
        <v>0</v>
      </c>
      <c r="CM34" s="63">
        <v>0</v>
      </c>
      <c r="CN34" s="66">
        <v>0</v>
      </c>
      <c r="CO34" s="64">
        <v>0</v>
      </c>
      <c r="CP34" s="65">
        <v>0</v>
      </c>
      <c r="CQ34" s="66">
        <v>0</v>
      </c>
      <c r="CR34" s="66">
        <v>0</v>
      </c>
      <c r="CS34" s="66">
        <v>0</v>
      </c>
      <c r="CT34" s="66">
        <v>0</v>
      </c>
      <c r="CU34" s="66">
        <v>0</v>
      </c>
      <c r="CV34" s="64">
        <v>0</v>
      </c>
      <c r="CW34" s="68">
        <v>0</v>
      </c>
      <c r="CX34" s="63">
        <v>0</v>
      </c>
      <c r="CY34" s="66">
        <v>0</v>
      </c>
      <c r="CZ34" s="64">
        <v>0</v>
      </c>
      <c r="DA34" s="65">
        <v>0</v>
      </c>
      <c r="DB34" s="66">
        <v>0</v>
      </c>
      <c r="DC34" s="66">
        <v>0</v>
      </c>
      <c r="DD34" s="66">
        <v>0</v>
      </c>
      <c r="DE34" s="66">
        <v>0</v>
      </c>
      <c r="DF34" s="66">
        <v>0</v>
      </c>
      <c r="DG34" s="64">
        <v>0</v>
      </c>
      <c r="DH34" s="68">
        <v>0</v>
      </c>
      <c r="DI34" s="63">
        <v>0</v>
      </c>
      <c r="DJ34" s="66">
        <v>0</v>
      </c>
      <c r="DK34" s="64">
        <v>0</v>
      </c>
      <c r="DL34" s="65">
        <v>0</v>
      </c>
      <c r="DM34" s="66">
        <v>0</v>
      </c>
      <c r="DN34" s="66">
        <v>0</v>
      </c>
      <c r="DO34" s="66">
        <v>0</v>
      </c>
      <c r="DP34" s="66">
        <v>0</v>
      </c>
      <c r="DQ34" s="66">
        <v>0</v>
      </c>
      <c r="DR34" s="64">
        <v>0</v>
      </c>
      <c r="DS34" s="68">
        <v>0</v>
      </c>
      <c r="DT34" s="63">
        <v>0</v>
      </c>
      <c r="DU34" s="66">
        <v>4</v>
      </c>
      <c r="DV34" s="64">
        <v>4</v>
      </c>
      <c r="DW34" s="65">
        <v>0</v>
      </c>
      <c r="DX34" s="66">
        <v>4</v>
      </c>
      <c r="DY34" s="66">
        <v>9</v>
      </c>
      <c r="DZ34" s="66">
        <v>1</v>
      </c>
      <c r="EA34" s="66">
        <v>0</v>
      </c>
      <c r="EB34" s="66">
        <v>1</v>
      </c>
      <c r="EC34" s="64">
        <v>15</v>
      </c>
      <c r="ED34" s="68">
        <v>19</v>
      </c>
      <c r="EE34" s="63">
        <v>0</v>
      </c>
      <c r="EF34" s="66">
        <v>0</v>
      </c>
      <c r="EG34" s="64">
        <v>0</v>
      </c>
      <c r="EH34" s="65">
        <v>0</v>
      </c>
      <c r="EI34" s="66">
        <v>1</v>
      </c>
      <c r="EJ34" s="66">
        <v>2</v>
      </c>
      <c r="EK34" s="66">
        <v>1</v>
      </c>
      <c r="EL34" s="66">
        <v>1</v>
      </c>
      <c r="EM34" s="66">
        <v>1</v>
      </c>
      <c r="EN34" s="64">
        <v>6</v>
      </c>
      <c r="EO34" s="68">
        <v>6</v>
      </c>
      <c r="EP34" s="63">
        <v>0</v>
      </c>
      <c r="EQ34" s="66">
        <v>4</v>
      </c>
      <c r="ER34" s="64">
        <v>4</v>
      </c>
      <c r="ES34" s="65">
        <v>0</v>
      </c>
      <c r="ET34" s="66">
        <v>7</v>
      </c>
      <c r="EU34" s="66">
        <v>13</v>
      </c>
      <c r="EV34" s="66">
        <v>2</v>
      </c>
      <c r="EW34" s="66">
        <v>0</v>
      </c>
      <c r="EX34" s="66">
        <v>1</v>
      </c>
      <c r="EY34" s="64">
        <v>23</v>
      </c>
      <c r="EZ34" s="68">
        <v>27</v>
      </c>
    </row>
    <row r="35" spans="2:156" ht="21" customHeight="1" x14ac:dyDescent="0.2">
      <c r="B35" s="131" t="s">
        <v>33</v>
      </c>
      <c r="C35" s="63">
        <v>0</v>
      </c>
      <c r="D35" s="66">
        <v>0</v>
      </c>
      <c r="E35" s="111">
        <v>0</v>
      </c>
      <c r="F35" s="65">
        <v>0</v>
      </c>
      <c r="G35" s="66">
        <v>1</v>
      </c>
      <c r="H35" s="66">
        <v>0</v>
      </c>
      <c r="I35" s="66">
        <v>1</v>
      </c>
      <c r="J35" s="66">
        <v>0</v>
      </c>
      <c r="K35" s="66">
        <v>0</v>
      </c>
      <c r="L35" s="67">
        <v>2</v>
      </c>
      <c r="M35" s="68">
        <v>2</v>
      </c>
      <c r="N35" s="63">
        <v>0</v>
      </c>
      <c r="O35" s="66">
        <v>0</v>
      </c>
      <c r="P35" s="64">
        <v>0</v>
      </c>
      <c r="Q35" s="65">
        <v>0</v>
      </c>
      <c r="R35" s="66">
        <v>0</v>
      </c>
      <c r="S35" s="66">
        <v>0</v>
      </c>
      <c r="T35" s="66">
        <v>0</v>
      </c>
      <c r="U35" s="66">
        <v>0</v>
      </c>
      <c r="V35" s="66">
        <v>0</v>
      </c>
      <c r="W35" s="64">
        <v>0</v>
      </c>
      <c r="X35" s="68">
        <v>0</v>
      </c>
      <c r="Y35" s="63">
        <v>0</v>
      </c>
      <c r="Z35" s="66">
        <v>0</v>
      </c>
      <c r="AA35" s="64">
        <v>0</v>
      </c>
      <c r="AB35" s="65">
        <v>0</v>
      </c>
      <c r="AC35" s="66">
        <v>2</v>
      </c>
      <c r="AD35" s="66">
        <v>1</v>
      </c>
      <c r="AE35" s="66">
        <v>1</v>
      </c>
      <c r="AF35" s="66">
        <v>0</v>
      </c>
      <c r="AG35" s="66">
        <v>0</v>
      </c>
      <c r="AH35" s="64">
        <v>4</v>
      </c>
      <c r="AI35" s="68">
        <v>4</v>
      </c>
      <c r="AJ35" s="63">
        <v>2</v>
      </c>
      <c r="AK35" s="66">
        <v>1</v>
      </c>
      <c r="AL35" s="64">
        <v>3</v>
      </c>
      <c r="AM35" s="65">
        <v>0</v>
      </c>
      <c r="AN35" s="66">
        <v>0</v>
      </c>
      <c r="AO35" s="66">
        <v>0</v>
      </c>
      <c r="AP35" s="66">
        <v>2</v>
      </c>
      <c r="AQ35" s="66">
        <v>0</v>
      </c>
      <c r="AR35" s="66">
        <v>0</v>
      </c>
      <c r="AS35" s="64">
        <v>2</v>
      </c>
      <c r="AT35" s="68">
        <v>5</v>
      </c>
      <c r="AU35" s="63">
        <v>0</v>
      </c>
      <c r="AV35" s="66">
        <v>0</v>
      </c>
      <c r="AW35" s="64">
        <v>0</v>
      </c>
      <c r="AX35" s="65">
        <v>0</v>
      </c>
      <c r="AY35" s="66">
        <v>1</v>
      </c>
      <c r="AZ35" s="66">
        <v>1</v>
      </c>
      <c r="BA35" s="66">
        <v>2</v>
      </c>
      <c r="BB35" s="66">
        <v>0</v>
      </c>
      <c r="BC35" s="66">
        <v>0</v>
      </c>
      <c r="BD35" s="67">
        <v>4</v>
      </c>
      <c r="BE35" s="68">
        <v>4</v>
      </c>
      <c r="BF35" s="63">
        <v>0</v>
      </c>
      <c r="BG35" s="66">
        <v>0</v>
      </c>
      <c r="BH35" s="64">
        <v>0</v>
      </c>
      <c r="BI35" s="65">
        <v>0</v>
      </c>
      <c r="BJ35" s="66">
        <v>1</v>
      </c>
      <c r="BK35" s="66">
        <v>0</v>
      </c>
      <c r="BL35" s="66">
        <v>0</v>
      </c>
      <c r="BM35" s="66">
        <v>0</v>
      </c>
      <c r="BN35" s="66">
        <v>0</v>
      </c>
      <c r="BO35" s="64">
        <v>1</v>
      </c>
      <c r="BP35" s="68">
        <v>1</v>
      </c>
      <c r="BQ35" s="63">
        <v>0</v>
      </c>
      <c r="BR35" s="66">
        <v>1</v>
      </c>
      <c r="BS35" s="64">
        <v>1</v>
      </c>
      <c r="BT35" s="65">
        <v>0</v>
      </c>
      <c r="BU35" s="66">
        <v>0</v>
      </c>
      <c r="BV35" s="66">
        <v>0</v>
      </c>
      <c r="BW35" s="66">
        <v>0</v>
      </c>
      <c r="BX35" s="66">
        <v>0</v>
      </c>
      <c r="BY35" s="66">
        <v>0</v>
      </c>
      <c r="BZ35" s="64">
        <v>0</v>
      </c>
      <c r="CA35" s="68">
        <v>1</v>
      </c>
      <c r="CB35" s="63">
        <v>0</v>
      </c>
      <c r="CC35" s="66">
        <v>0</v>
      </c>
      <c r="CD35" s="64">
        <v>0</v>
      </c>
      <c r="CE35" s="65">
        <v>0</v>
      </c>
      <c r="CF35" s="66">
        <v>0</v>
      </c>
      <c r="CG35" s="66">
        <v>0</v>
      </c>
      <c r="CH35" s="66">
        <v>0</v>
      </c>
      <c r="CI35" s="66">
        <v>0</v>
      </c>
      <c r="CJ35" s="66">
        <v>0</v>
      </c>
      <c r="CK35" s="64">
        <v>0</v>
      </c>
      <c r="CL35" s="68">
        <v>0</v>
      </c>
      <c r="CM35" s="63">
        <v>0</v>
      </c>
      <c r="CN35" s="66">
        <v>0</v>
      </c>
      <c r="CO35" s="64">
        <v>0</v>
      </c>
      <c r="CP35" s="65">
        <v>0</v>
      </c>
      <c r="CQ35" s="66">
        <v>0</v>
      </c>
      <c r="CR35" s="66">
        <v>0</v>
      </c>
      <c r="CS35" s="66">
        <v>0</v>
      </c>
      <c r="CT35" s="66">
        <v>0</v>
      </c>
      <c r="CU35" s="66">
        <v>0</v>
      </c>
      <c r="CV35" s="64">
        <v>0</v>
      </c>
      <c r="CW35" s="68">
        <v>0</v>
      </c>
      <c r="CX35" s="63">
        <v>0</v>
      </c>
      <c r="CY35" s="66">
        <v>0</v>
      </c>
      <c r="CZ35" s="64">
        <v>0</v>
      </c>
      <c r="DA35" s="65">
        <v>0</v>
      </c>
      <c r="DB35" s="66">
        <v>0</v>
      </c>
      <c r="DC35" s="66">
        <v>0</v>
      </c>
      <c r="DD35" s="66">
        <v>0</v>
      </c>
      <c r="DE35" s="66">
        <v>0</v>
      </c>
      <c r="DF35" s="66">
        <v>0</v>
      </c>
      <c r="DG35" s="64">
        <v>0</v>
      </c>
      <c r="DH35" s="68">
        <v>0</v>
      </c>
      <c r="DI35" s="63">
        <v>0</v>
      </c>
      <c r="DJ35" s="66">
        <v>0</v>
      </c>
      <c r="DK35" s="64">
        <v>0</v>
      </c>
      <c r="DL35" s="65">
        <v>0</v>
      </c>
      <c r="DM35" s="66">
        <v>0</v>
      </c>
      <c r="DN35" s="66">
        <v>0</v>
      </c>
      <c r="DO35" s="66">
        <v>0</v>
      </c>
      <c r="DP35" s="66">
        <v>0</v>
      </c>
      <c r="DQ35" s="66">
        <v>0</v>
      </c>
      <c r="DR35" s="64">
        <v>0</v>
      </c>
      <c r="DS35" s="68">
        <v>0</v>
      </c>
      <c r="DT35" s="63">
        <v>2</v>
      </c>
      <c r="DU35" s="66">
        <v>0</v>
      </c>
      <c r="DV35" s="64">
        <v>2</v>
      </c>
      <c r="DW35" s="65">
        <v>0</v>
      </c>
      <c r="DX35" s="66">
        <v>2</v>
      </c>
      <c r="DY35" s="66">
        <v>0</v>
      </c>
      <c r="DZ35" s="66">
        <v>1</v>
      </c>
      <c r="EA35" s="66">
        <v>0</v>
      </c>
      <c r="EB35" s="66">
        <v>0</v>
      </c>
      <c r="EC35" s="64">
        <v>3</v>
      </c>
      <c r="ED35" s="68">
        <v>5</v>
      </c>
      <c r="EE35" s="63">
        <v>0</v>
      </c>
      <c r="EF35" s="66">
        <v>0</v>
      </c>
      <c r="EG35" s="64">
        <v>0</v>
      </c>
      <c r="EH35" s="65">
        <v>0</v>
      </c>
      <c r="EI35" s="66">
        <v>0</v>
      </c>
      <c r="EJ35" s="66">
        <v>1</v>
      </c>
      <c r="EK35" s="66">
        <v>0</v>
      </c>
      <c r="EL35" s="66">
        <v>0</v>
      </c>
      <c r="EM35" s="66">
        <v>0</v>
      </c>
      <c r="EN35" s="64">
        <v>1</v>
      </c>
      <c r="EO35" s="68">
        <v>1</v>
      </c>
      <c r="EP35" s="63">
        <v>2</v>
      </c>
      <c r="EQ35" s="66">
        <v>2</v>
      </c>
      <c r="ER35" s="64">
        <v>4</v>
      </c>
      <c r="ES35" s="65">
        <v>0</v>
      </c>
      <c r="ET35" s="66">
        <v>3</v>
      </c>
      <c r="EU35" s="66">
        <v>1</v>
      </c>
      <c r="EV35" s="66">
        <v>2</v>
      </c>
      <c r="EW35" s="66">
        <v>0</v>
      </c>
      <c r="EX35" s="66">
        <v>0</v>
      </c>
      <c r="EY35" s="64">
        <v>6</v>
      </c>
      <c r="EZ35" s="68">
        <v>10</v>
      </c>
    </row>
    <row r="36" spans="2:156" ht="21" customHeight="1" x14ac:dyDescent="0.2">
      <c r="B36" s="131" t="s">
        <v>34</v>
      </c>
      <c r="C36" s="63">
        <v>0</v>
      </c>
      <c r="D36" s="66">
        <v>0</v>
      </c>
      <c r="E36" s="111">
        <v>0</v>
      </c>
      <c r="F36" s="65">
        <v>0</v>
      </c>
      <c r="G36" s="66">
        <v>0</v>
      </c>
      <c r="H36" s="66">
        <v>0</v>
      </c>
      <c r="I36" s="66">
        <v>0</v>
      </c>
      <c r="J36" s="66">
        <v>0</v>
      </c>
      <c r="K36" s="66">
        <v>0</v>
      </c>
      <c r="L36" s="67">
        <v>0</v>
      </c>
      <c r="M36" s="68">
        <v>0</v>
      </c>
      <c r="N36" s="63">
        <v>0</v>
      </c>
      <c r="O36" s="66">
        <v>0</v>
      </c>
      <c r="P36" s="64">
        <v>0</v>
      </c>
      <c r="Q36" s="65">
        <v>0</v>
      </c>
      <c r="R36" s="66">
        <v>0</v>
      </c>
      <c r="S36" s="66">
        <v>0</v>
      </c>
      <c r="T36" s="66">
        <v>0</v>
      </c>
      <c r="U36" s="66">
        <v>0</v>
      </c>
      <c r="V36" s="66">
        <v>0</v>
      </c>
      <c r="W36" s="64">
        <v>0</v>
      </c>
      <c r="X36" s="68">
        <v>0</v>
      </c>
      <c r="Y36" s="63">
        <v>0</v>
      </c>
      <c r="Z36" s="66">
        <v>0</v>
      </c>
      <c r="AA36" s="64">
        <v>0</v>
      </c>
      <c r="AB36" s="65">
        <v>0</v>
      </c>
      <c r="AC36" s="66">
        <v>1</v>
      </c>
      <c r="AD36" s="66">
        <v>1</v>
      </c>
      <c r="AE36" s="66">
        <v>0</v>
      </c>
      <c r="AF36" s="66">
        <v>1</v>
      </c>
      <c r="AG36" s="66">
        <v>0</v>
      </c>
      <c r="AH36" s="64">
        <v>3</v>
      </c>
      <c r="AI36" s="68">
        <v>3</v>
      </c>
      <c r="AJ36" s="63">
        <v>0</v>
      </c>
      <c r="AK36" s="66">
        <v>0</v>
      </c>
      <c r="AL36" s="64">
        <v>0</v>
      </c>
      <c r="AM36" s="65">
        <v>0</v>
      </c>
      <c r="AN36" s="66">
        <v>0</v>
      </c>
      <c r="AO36" s="66">
        <v>0</v>
      </c>
      <c r="AP36" s="66">
        <v>0</v>
      </c>
      <c r="AQ36" s="66">
        <v>0</v>
      </c>
      <c r="AR36" s="66">
        <v>0</v>
      </c>
      <c r="AS36" s="64">
        <v>0</v>
      </c>
      <c r="AT36" s="68">
        <v>0</v>
      </c>
      <c r="AU36" s="63">
        <v>0</v>
      </c>
      <c r="AV36" s="66">
        <v>0</v>
      </c>
      <c r="AW36" s="64">
        <v>0</v>
      </c>
      <c r="AX36" s="65">
        <v>0</v>
      </c>
      <c r="AY36" s="66">
        <v>0</v>
      </c>
      <c r="AZ36" s="66">
        <v>4</v>
      </c>
      <c r="BA36" s="66">
        <v>0</v>
      </c>
      <c r="BB36" s="66">
        <v>0</v>
      </c>
      <c r="BC36" s="66">
        <v>2</v>
      </c>
      <c r="BD36" s="67">
        <v>6</v>
      </c>
      <c r="BE36" s="68">
        <v>6</v>
      </c>
      <c r="BF36" s="63">
        <v>0</v>
      </c>
      <c r="BG36" s="66">
        <v>0</v>
      </c>
      <c r="BH36" s="64">
        <v>0</v>
      </c>
      <c r="BI36" s="65">
        <v>0</v>
      </c>
      <c r="BJ36" s="66">
        <v>0</v>
      </c>
      <c r="BK36" s="66">
        <v>3</v>
      </c>
      <c r="BL36" s="66">
        <v>0</v>
      </c>
      <c r="BM36" s="66">
        <v>0</v>
      </c>
      <c r="BN36" s="66">
        <v>0</v>
      </c>
      <c r="BO36" s="64">
        <v>3</v>
      </c>
      <c r="BP36" s="68">
        <v>3</v>
      </c>
      <c r="BQ36" s="63">
        <v>0</v>
      </c>
      <c r="BR36" s="66">
        <v>0</v>
      </c>
      <c r="BS36" s="64">
        <v>0</v>
      </c>
      <c r="BT36" s="65">
        <v>0</v>
      </c>
      <c r="BU36" s="66">
        <v>0</v>
      </c>
      <c r="BV36" s="66">
        <v>0</v>
      </c>
      <c r="BW36" s="66">
        <v>0</v>
      </c>
      <c r="BX36" s="66">
        <v>0</v>
      </c>
      <c r="BY36" s="66">
        <v>0</v>
      </c>
      <c r="BZ36" s="64">
        <v>0</v>
      </c>
      <c r="CA36" s="68">
        <v>0</v>
      </c>
      <c r="CB36" s="63">
        <v>0</v>
      </c>
      <c r="CC36" s="66">
        <v>0</v>
      </c>
      <c r="CD36" s="64">
        <v>0</v>
      </c>
      <c r="CE36" s="65">
        <v>0</v>
      </c>
      <c r="CF36" s="66">
        <v>0</v>
      </c>
      <c r="CG36" s="66">
        <v>0</v>
      </c>
      <c r="CH36" s="66">
        <v>0</v>
      </c>
      <c r="CI36" s="66">
        <v>0</v>
      </c>
      <c r="CJ36" s="66">
        <v>0</v>
      </c>
      <c r="CK36" s="64">
        <v>0</v>
      </c>
      <c r="CL36" s="68">
        <v>0</v>
      </c>
      <c r="CM36" s="63">
        <v>0</v>
      </c>
      <c r="CN36" s="66">
        <v>0</v>
      </c>
      <c r="CO36" s="64">
        <v>0</v>
      </c>
      <c r="CP36" s="65">
        <v>0</v>
      </c>
      <c r="CQ36" s="66">
        <v>0</v>
      </c>
      <c r="CR36" s="66">
        <v>0</v>
      </c>
      <c r="CS36" s="66">
        <v>0</v>
      </c>
      <c r="CT36" s="66">
        <v>0</v>
      </c>
      <c r="CU36" s="66">
        <v>0</v>
      </c>
      <c r="CV36" s="64">
        <v>0</v>
      </c>
      <c r="CW36" s="68">
        <v>0</v>
      </c>
      <c r="CX36" s="63">
        <v>0</v>
      </c>
      <c r="CY36" s="66">
        <v>0</v>
      </c>
      <c r="CZ36" s="64">
        <v>0</v>
      </c>
      <c r="DA36" s="65">
        <v>0</v>
      </c>
      <c r="DB36" s="66">
        <v>0</v>
      </c>
      <c r="DC36" s="66">
        <v>0</v>
      </c>
      <c r="DD36" s="66">
        <v>0</v>
      </c>
      <c r="DE36" s="66">
        <v>0</v>
      </c>
      <c r="DF36" s="66">
        <v>0</v>
      </c>
      <c r="DG36" s="64">
        <v>0</v>
      </c>
      <c r="DH36" s="68">
        <v>0</v>
      </c>
      <c r="DI36" s="63">
        <v>0</v>
      </c>
      <c r="DJ36" s="66">
        <v>0</v>
      </c>
      <c r="DK36" s="64">
        <v>0</v>
      </c>
      <c r="DL36" s="65">
        <v>0</v>
      </c>
      <c r="DM36" s="66">
        <v>0</v>
      </c>
      <c r="DN36" s="66">
        <v>0</v>
      </c>
      <c r="DO36" s="66">
        <v>0</v>
      </c>
      <c r="DP36" s="66">
        <v>0</v>
      </c>
      <c r="DQ36" s="66">
        <v>0</v>
      </c>
      <c r="DR36" s="64">
        <v>0</v>
      </c>
      <c r="DS36" s="68">
        <v>0</v>
      </c>
      <c r="DT36" s="63">
        <v>0</v>
      </c>
      <c r="DU36" s="66">
        <v>1</v>
      </c>
      <c r="DV36" s="64">
        <v>1</v>
      </c>
      <c r="DW36" s="65">
        <v>0</v>
      </c>
      <c r="DX36" s="66">
        <v>2</v>
      </c>
      <c r="DY36" s="66">
        <v>6</v>
      </c>
      <c r="DZ36" s="66">
        <v>1</v>
      </c>
      <c r="EA36" s="66">
        <v>2</v>
      </c>
      <c r="EB36" s="66">
        <v>0</v>
      </c>
      <c r="EC36" s="64">
        <v>11</v>
      </c>
      <c r="ED36" s="68">
        <v>12</v>
      </c>
      <c r="EE36" s="63">
        <v>0</v>
      </c>
      <c r="EF36" s="66">
        <v>0</v>
      </c>
      <c r="EG36" s="64">
        <v>0</v>
      </c>
      <c r="EH36" s="65">
        <v>0</v>
      </c>
      <c r="EI36" s="66">
        <v>1</v>
      </c>
      <c r="EJ36" s="66">
        <v>1</v>
      </c>
      <c r="EK36" s="66">
        <v>0</v>
      </c>
      <c r="EL36" s="66">
        <v>0</v>
      </c>
      <c r="EM36" s="66">
        <v>2</v>
      </c>
      <c r="EN36" s="64">
        <v>4</v>
      </c>
      <c r="EO36" s="68">
        <v>4</v>
      </c>
      <c r="EP36" s="63">
        <v>0</v>
      </c>
      <c r="EQ36" s="66">
        <v>1</v>
      </c>
      <c r="ER36" s="64">
        <v>1</v>
      </c>
      <c r="ES36" s="65">
        <v>0</v>
      </c>
      <c r="ET36" s="66">
        <v>2</v>
      </c>
      <c r="EU36" s="66">
        <v>7</v>
      </c>
      <c r="EV36" s="66">
        <v>0</v>
      </c>
      <c r="EW36" s="66">
        <v>2</v>
      </c>
      <c r="EX36" s="66">
        <v>0</v>
      </c>
      <c r="EY36" s="64">
        <v>11</v>
      </c>
      <c r="EZ36" s="68">
        <v>12</v>
      </c>
    </row>
    <row r="37" spans="2:156" ht="21" customHeight="1" x14ac:dyDescent="0.2">
      <c r="B37" s="131" t="s">
        <v>35</v>
      </c>
      <c r="C37" s="63">
        <v>0</v>
      </c>
      <c r="D37" s="66">
        <v>0</v>
      </c>
      <c r="E37" s="111">
        <v>0</v>
      </c>
      <c r="F37" s="65">
        <v>0</v>
      </c>
      <c r="G37" s="66">
        <v>2</v>
      </c>
      <c r="H37" s="66">
        <v>1</v>
      </c>
      <c r="I37" s="66">
        <v>3</v>
      </c>
      <c r="J37" s="66">
        <v>1</v>
      </c>
      <c r="K37" s="66">
        <v>0</v>
      </c>
      <c r="L37" s="67">
        <v>7</v>
      </c>
      <c r="M37" s="68">
        <v>7</v>
      </c>
      <c r="N37" s="63">
        <v>0</v>
      </c>
      <c r="O37" s="66">
        <v>0</v>
      </c>
      <c r="P37" s="64">
        <v>0</v>
      </c>
      <c r="Q37" s="65">
        <v>0</v>
      </c>
      <c r="R37" s="66">
        <v>0</v>
      </c>
      <c r="S37" s="66">
        <v>0</v>
      </c>
      <c r="T37" s="66">
        <v>0</v>
      </c>
      <c r="U37" s="66">
        <v>1</v>
      </c>
      <c r="V37" s="66">
        <v>0</v>
      </c>
      <c r="W37" s="64">
        <v>1</v>
      </c>
      <c r="X37" s="68">
        <v>1</v>
      </c>
      <c r="Y37" s="63">
        <v>0</v>
      </c>
      <c r="Z37" s="66">
        <v>0</v>
      </c>
      <c r="AA37" s="64">
        <v>0</v>
      </c>
      <c r="AB37" s="65">
        <v>0</v>
      </c>
      <c r="AC37" s="66">
        <v>1</v>
      </c>
      <c r="AD37" s="66">
        <v>0</v>
      </c>
      <c r="AE37" s="66">
        <v>2</v>
      </c>
      <c r="AF37" s="66">
        <v>0</v>
      </c>
      <c r="AG37" s="66">
        <v>0</v>
      </c>
      <c r="AH37" s="64">
        <v>3</v>
      </c>
      <c r="AI37" s="68">
        <v>3</v>
      </c>
      <c r="AJ37" s="63">
        <v>1</v>
      </c>
      <c r="AK37" s="66">
        <v>1</v>
      </c>
      <c r="AL37" s="64">
        <v>2</v>
      </c>
      <c r="AM37" s="65">
        <v>0</v>
      </c>
      <c r="AN37" s="66">
        <v>1</v>
      </c>
      <c r="AO37" s="66">
        <v>0</v>
      </c>
      <c r="AP37" s="66">
        <v>0</v>
      </c>
      <c r="AQ37" s="66">
        <v>0</v>
      </c>
      <c r="AR37" s="66">
        <v>0</v>
      </c>
      <c r="AS37" s="64">
        <v>1</v>
      </c>
      <c r="AT37" s="68">
        <v>3</v>
      </c>
      <c r="AU37" s="63">
        <v>1</v>
      </c>
      <c r="AV37" s="66">
        <v>1</v>
      </c>
      <c r="AW37" s="64">
        <v>2</v>
      </c>
      <c r="AX37" s="65">
        <v>0</v>
      </c>
      <c r="AY37" s="66">
        <v>8</v>
      </c>
      <c r="AZ37" s="66">
        <v>4</v>
      </c>
      <c r="BA37" s="66">
        <v>1</v>
      </c>
      <c r="BB37" s="66">
        <v>5</v>
      </c>
      <c r="BC37" s="66">
        <v>1</v>
      </c>
      <c r="BD37" s="67">
        <v>19</v>
      </c>
      <c r="BE37" s="68">
        <v>21</v>
      </c>
      <c r="BF37" s="63">
        <v>0</v>
      </c>
      <c r="BG37" s="66">
        <v>0</v>
      </c>
      <c r="BH37" s="64">
        <v>0</v>
      </c>
      <c r="BI37" s="65">
        <v>0</v>
      </c>
      <c r="BJ37" s="66">
        <v>2</v>
      </c>
      <c r="BK37" s="66">
        <v>3</v>
      </c>
      <c r="BL37" s="66">
        <v>4</v>
      </c>
      <c r="BM37" s="66">
        <v>0</v>
      </c>
      <c r="BN37" s="66">
        <v>0</v>
      </c>
      <c r="BO37" s="64">
        <v>9</v>
      </c>
      <c r="BP37" s="68">
        <v>9</v>
      </c>
      <c r="BQ37" s="63">
        <v>1</v>
      </c>
      <c r="BR37" s="66">
        <v>0</v>
      </c>
      <c r="BS37" s="64">
        <v>1</v>
      </c>
      <c r="BT37" s="65">
        <v>0</v>
      </c>
      <c r="BU37" s="66">
        <v>3</v>
      </c>
      <c r="BV37" s="66">
        <v>0</v>
      </c>
      <c r="BW37" s="66">
        <v>1</v>
      </c>
      <c r="BX37" s="66">
        <v>2</v>
      </c>
      <c r="BY37" s="66">
        <v>0</v>
      </c>
      <c r="BZ37" s="64">
        <v>6</v>
      </c>
      <c r="CA37" s="68">
        <v>7</v>
      </c>
      <c r="CB37" s="63">
        <v>0</v>
      </c>
      <c r="CC37" s="66">
        <v>0</v>
      </c>
      <c r="CD37" s="64">
        <v>0</v>
      </c>
      <c r="CE37" s="65">
        <v>0</v>
      </c>
      <c r="CF37" s="66">
        <v>1</v>
      </c>
      <c r="CG37" s="66">
        <v>0</v>
      </c>
      <c r="CH37" s="66">
        <v>0</v>
      </c>
      <c r="CI37" s="66">
        <v>0</v>
      </c>
      <c r="CJ37" s="66">
        <v>0</v>
      </c>
      <c r="CK37" s="64">
        <v>1</v>
      </c>
      <c r="CL37" s="68">
        <v>1</v>
      </c>
      <c r="CM37" s="63">
        <v>0</v>
      </c>
      <c r="CN37" s="66">
        <v>0</v>
      </c>
      <c r="CO37" s="64">
        <v>0</v>
      </c>
      <c r="CP37" s="65">
        <v>0</v>
      </c>
      <c r="CQ37" s="66">
        <v>0</v>
      </c>
      <c r="CR37" s="66">
        <v>0</v>
      </c>
      <c r="CS37" s="66">
        <v>0</v>
      </c>
      <c r="CT37" s="66">
        <v>0</v>
      </c>
      <c r="CU37" s="66">
        <v>0</v>
      </c>
      <c r="CV37" s="64">
        <v>0</v>
      </c>
      <c r="CW37" s="68">
        <v>0</v>
      </c>
      <c r="CX37" s="63">
        <v>0</v>
      </c>
      <c r="CY37" s="66">
        <v>0</v>
      </c>
      <c r="CZ37" s="64">
        <v>0</v>
      </c>
      <c r="DA37" s="65">
        <v>0</v>
      </c>
      <c r="DB37" s="66">
        <v>0</v>
      </c>
      <c r="DC37" s="66">
        <v>0</v>
      </c>
      <c r="DD37" s="66">
        <v>0</v>
      </c>
      <c r="DE37" s="66">
        <v>0</v>
      </c>
      <c r="DF37" s="66">
        <v>0</v>
      </c>
      <c r="DG37" s="64">
        <v>0</v>
      </c>
      <c r="DH37" s="68">
        <v>0</v>
      </c>
      <c r="DI37" s="63">
        <v>0</v>
      </c>
      <c r="DJ37" s="66">
        <v>0</v>
      </c>
      <c r="DK37" s="64">
        <v>0</v>
      </c>
      <c r="DL37" s="65">
        <v>0</v>
      </c>
      <c r="DM37" s="66">
        <v>0</v>
      </c>
      <c r="DN37" s="66">
        <v>0</v>
      </c>
      <c r="DO37" s="66">
        <v>0</v>
      </c>
      <c r="DP37" s="66">
        <v>0</v>
      </c>
      <c r="DQ37" s="66">
        <v>0</v>
      </c>
      <c r="DR37" s="64">
        <v>0</v>
      </c>
      <c r="DS37" s="68">
        <v>0</v>
      </c>
      <c r="DT37" s="63">
        <v>1</v>
      </c>
      <c r="DU37" s="66">
        <v>1</v>
      </c>
      <c r="DV37" s="64">
        <v>2</v>
      </c>
      <c r="DW37" s="65">
        <v>0</v>
      </c>
      <c r="DX37" s="66">
        <v>4</v>
      </c>
      <c r="DY37" s="66">
        <v>3</v>
      </c>
      <c r="DZ37" s="66">
        <v>7</v>
      </c>
      <c r="EA37" s="66">
        <v>3</v>
      </c>
      <c r="EB37" s="66">
        <v>0</v>
      </c>
      <c r="EC37" s="64">
        <v>17</v>
      </c>
      <c r="ED37" s="68">
        <v>19</v>
      </c>
      <c r="EE37" s="63">
        <v>1</v>
      </c>
      <c r="EF37" s="66">
        <v>1</v>
      </c>
      <c r="EG37" s="64">
        <v>2</v>
      </c>
      <c r="EH37" s="65">
        <v>0</v>
      </c>
      <c r="EI37" s="66">
        <v>6</v>
      </c>
      <c r="EJ37" s="66">
        <v>2</v>
      </c>
      <c r="EK37" s="66">
        <v>0</v>
      </c>
      <c r="EL37" s="66">
        <v>4</v>
      </c>
      <c r="EM37" s="66">
        <v>1</v>
      </c>
      <c r="EN37" s="64">
        <v>13</v>
      </c>
      <c r="EO37" s="68">
        <v>15</v>
      </c>
      <c r="EP37" s="63">
        <v>3</v>
      </c>
      <c r="EQ37" s="66">
        <v>2</v>
      </c>
      <c r="ER37" s="64">
        <v>5</v>
      </c>
      <c r="ES37" s="65">
        <v>0</v>
      </c>
      <c r="ET37" s="66">
        <v>9</v>
      </c>
      <c r="EU37" s="66">
        <v>4</v>
      </c>
      <c r="EV37" s="66">
        <v>7</v>
      </c>
      <c r="EW37" s="66">
        <v>3</v>
      </c>
      <c r="EX37" s="66">
        <v>0</v>
      </c>
      <c r="EY37" s="64">
        <v>23</v>
      </c>
      <c r="EZ37" s="68">
        <v>28</v>
      </c>
    </row>
    <row r="38" spans="2:156" ht="21" customHeight="1" x14ac:dyDescent="0.2">
      <c r="B38" s="131" t="s">
        <v>36</v>
      </c>
      <c r="C38" s="63">
        <v>0</v>
      </c>
      <c r="D38" s="66">
        <v>0</v>
      </c>
      <c r="E38" s="111">
        <v>0</v>
      </c>
      <c r="F38" s="65">
        <v>0</v>
      </c>
      <c r="G38" s="66">
        <v>1</v>
      </c>
      <c r="H38" s="66">
        <v>0</v>
      </c>
      <c r="I38" s="66">
        <v>1</v>
      </c>
      <c r="J38" s="66">
        <v>0</v>
      </c>
      <c r="K38" s="66">
        <v>1</v>
      </c>
      <c r="L38" s="67">
        <v>3</v>
      </c>
      <c r="M38" s="68">
        <v>3</v>
      </c>
      <c r="N38" s="63">
        <v>0</v>
      </c>
      <c r="O38" s="66">
        <v>0</v>
      </c>
      <c r="P38" s="64">
        <v>0</v>
      </c>
      <c r="Q38" s="65">
        <v>0</v>
      </c>
      <c r="R38" s="66">
        <v>0</v>
      </c>
      <c r="S38" s="66">
        <v>0</v>
      </c>
      <c r="T38" s="66">
        <v>0</v>
      </c>
      <c r="U38" s="66">
        <v>1</v>
      </c>
      <c r="V38" s="66">
        <v>0</v>
      </c>
      <c r="W38" s="64">
        <v>1</v>
      </c>
      <c r="X38" s="68">
        <v>1</v>
      </c>
      <c r="Y38" s="63">
        <v>0</v>
      </c>
      <c r="Z38" s="66">
        <v>0</v>
      </c>
      <c r="AA38" s="64">
        <v>0</v>
      </c>
      <c r="AB38" s="65">
        <v>0</v>
      </c>
      <c r="AC38" s="66">
        <v>1</v>
      </c>
      <c r="AD38" s="66">
        <v>0</v>
      </c>
      <c r="AE38" s="66">
        <v>2</v>
      </c>
      <c r="AF38" s="66">
        <v>2</v>
      </c>
      <c r="AG38" s="66">
        <v>0</v>
      </c>
      <c r="AH38" s="64">
        <v>5</v>
      </c>
      <c r="AI38" s="68">
        <v>5</v>
      </c>
      <c r="AJ38" s="63">
        <v>0</v>
      </c>
      <c r="AK38" s="66">
        <v>1</v>
      </c>
      <c r="AL38" s="64">
        <v>1</v>
      </c>
      <c r="AM38" s="65">
        <v>0</v>
      </c>
      <c r="AN38" s="66">
        <v>0</v>
      </c>
      <c r="AO38" s="66">
        <v>1</v>
      </c>
      <c r="AP38" s="66">
        <v>1</v>
      </c>
      <c r="AQ38" s="66">
        <v>1</v>
      </c>
      <c r="AR38" s="66">
        <v>0</v>
      </c>
      <c r="AS38" s="64">
        <v>3</v>
      </c>
      <c r="AT38" s="68">
        <v>4</v>
      </c>
      <c r="AU38" s="63">
        <v>0</v>
      </c>
      <c r="AV38" s="66">
        <v>0</v>
      </c>
      <c r="AW38" s="64">
        <v>0</v>
      </c>
      <c r="AX38" s="65">
        <v>0</v>
      </c>
      <c r="AY38" s="66">
        <v>2</v>
      </c>
      <c r="AZ38" s="66">
        <v>1</v>
      </c>
      <c r="BA38" s="66">
        <v>1</v>
      </c>
      <c r="BB38" s="66">
        <v>3</v>
      </c>
      <c r="BC38" s="66">
        <v>1</v>
      </c>
      <c r="BD38" s="67">
        <v>8</v>
      </c>
      <c r="BE38" s="68">
        <v>8</v>
      </c>
      <c r="BF38" s="63">
        <v>0</v>
      </c>
      <c r="BG38" s="66">
        <v>0</v>
      </c>
      <c r="BH38" s="64">
        <v>0</v>
      </c>
      <c r="BI38" s="65">
        <v>0</v>
      </c>
      <c r="BJ38" s="66">
        <v>1</v>
      </c>
      <c r="BK38" s="66">
        <v>2</v>
      </c>
      <c r="BL38" s="66">
        <v>0</v>
      </c>
      <c r="BM38" s="66">
        <v>0</v>
      </c>
      <c r="BN38" s="66">
        <v>0</v>
      </c>
      <c r="BO38" s="64">
        <v>3</v>
      </c>
      <c r="BP38" s="68">
        <v>3</v>
      </c>
      <c r="BQ38" s="63">
        <v>1</v>
      </c>
      <c r="BR38" s="66">
        <v>1</v>
      </c>
      <c r="BS38" s="64">
        <v>2</v>
      </c>
      <c r="BT38" s="65">
        <v>0</v>
      </c>
      <c r="BU38" s="66">
        <v>0</v>
      </c>
      <c r="BV38" s="66">
        <v>0</v>
      </c>
      <c r="BW38" s="66">
        <v>0</v>
      </c>
      <c r="BX38" s="66">
        <v>1</v>
      </c>
      <c r="BY38" s="66">
        <v>0</v>
      </c>
      <c r="BZ38" s="64">
        <v>1</v>
      </c>
      <c r="CA38" s="68">
        <v>3</v>
      </c>
      <c r="CB38" s="63">
        <v>0</v>
      </c>
      <c r="CC38" s="66">
        <v>0</v>
      </c>
      <c r="CD38" s="64">
        <v>0</v>
      </c>
      <c r="CE38" s="65">
        <v>0</v>
      </c>
      <c r="CF38" s="66">
        <v>0</v>
      </c>
      <c r="CG38" s="66">
        <v>1</v>
      </c>
      <c r="CH38" s="66">
        <v>0</v>
      </c>
      <c r="CI38" s="66">
        <v>1</v>
      </c>
      <c r="CJ38" s="66">
        <v>0</v>
      </c>
      <c r="CK38" s="64">
        <v>2</v>
      </c>
      <c r="CL38" s="68">
        <v>2</v>
      </c>
      <c r="CM38" s="63">
        <v>0</v>
      </c>
      <c r="CN38" s="66">
        <v>0</v>
      </c>
      <c r="CO38" s="64">
        <v>0</v>
      </c>
      <c r="CP38" s="65">
        <v>0</v>
      </c>
      <c r="CQ38" s="66">
        <v>0</v>
      </c>
      <c r="CR38" s="66">
        <v>0</v>
      </c>
      <c r="CS38" s="66">
        <v>0</v>
      </c>
      <c r="CT38" s="66">
        <v>0</v>
      </c>
      <c r="CU38" s="66">
        <v>0</v>
      </c>
      <c r="CV38" s="64">
        <v>0</v>
      </c>
      <c r="CW38" s="68">
        <v>0</v>
      </c>
      <c r="CX38" s="63">
        <v>0</v>
      </c>
      <c r="CY38" s="66">
        <v>0</v>
      </c>
      <c r="CZ38" s="64">
        <v>0</v>
      </c>
      <c r="DA38" s="65">
        <v>0</v>
      </c>
      <c r="DB38" s="66">
        <v>0</v>
      </c>
      <c r="DC38" s="66">
        <v>0</v>
      </c>
      <c r="DD38" s="66">
        <v>0</v>
      </c>
      <c r="DE38" s="66">
        <v>0</v>
      </c>
      <c r="DF38" s="66">
        <v>0</v>
      </c>
      <c r="DG38" s="64">
        <v>0</v>
      </c>
      <c r="DH38" s="68">
        <v>0</v>
      </c>
      <c r="DI38" s="63">
        <v>0</v>
      </c>
      <c r="DJ38" s="66">
        <v>0</v>
      </c>
      <c r="DK38" s="64">
        <v>0</v>
      </c>
      <c r="DL38" s="65">
        <v>0</v>
      </c>
      <c r="DM38" s="66">
        <v>0</v>
      </c>
      <c r="DN38" s="66">
        <v>0</v>
      </c>
      <c r="DO38" s="66">
        <v>0</v>
      </c>
      <c r="DP38" s="66">
        <v>0</v>
      </c>
      <c r="DQ38" s="66">
        <v>0</v>
      </c>
      <c r="DR38" s="64">
        <v>0</v>
      </c>
      <c r="DS38" s="68">
        <v>0</v>
      </c>
      <c r="DT38" s="63">
        <v>2</v>
      </c>
      <c r="DU38" s="66">
        <v>1</v>
      </c>
      <c r="DV38" s="64">
        <v>3</v>
      </c>
      <c r="DW38" s="65">
        <v>0</v>
      </c>
      <c r="DX38" s="66">
        <v>4</v>
      </c>
      <c r="DY38" s="66">
        <v>5</v>
      </c>
      <c r="DZ38" s="66">
        <v>2</v>
      </c>
      <c r="EA38" s="66">
        <v>5</v>
      </c>
      <c r="EB38" s="66">
        <v>1</v>
      </c>
      <c r="EC38" s="64">
        <v>17</v>
      </c>
      <c r="ED38" s="68">
        <v>20</v>
      </c>
      <c r="EE38" s="63">
        <v>0</v>
      </c>
      <c r="EF38" s="66">
        <v>0</v>
      </c>
      <c r="EG38" s="64">
        <v>0</v>
      </c>
      <c r="EH38" s="65">
        <v>0</v>
      </c>
      <c r="EI38" s="66">
        <v>2</v>
      </c>
      <c r="EJ38" s="66">
        <v>1</v>
      </c>
      <c r="EK38" s="66">
        <v>0</v>
      </c>
      <c r="EL38" s="66">
        <v>0</v>
      </c>
      <c r="EM38" s="66">
        <v>0</v>
      </c>
      <c r="EN38" s="64">
        <v>3</v>
      </c>
      <c r="EO38" s="68">
        <v>3</v>
      </c>
      <c r="EP38" s="63">
        <v>3</v>
      </c>
      <c r="EQ38" s="66">
        <v>2</v>
      </c>
      <c r="ER38" s="64">
        <v>5</v>
      </c>
      <c r="ES38" s="65">
        <v>0</v>
      </c>
      <c r="ET38" s="66">
        <v>7</v>
      </c>
      <c r="EU38" s="66">
        <v>6</v>
      </c>
      <c r="EV38" s="66">
        <v>2</v>
      </c>
      <c r="EW38" s="66">
        <v>5</v>
      </c>
      <c r="EX38" s="66">
        <v>2</v>
      </c>
      <c r="EY38" s="64">
        <v>22</v>
      </c>
      <c r="EZ38" s="68">
        <v>27</v>
      </c>
    </row>
    <row r="39" spans="2:156" ht="21" customHeight="1" thickBot="1" x14ac:dyDescent="0.25">
      <c r="B39" s="132" t="s">
        <v>37</v>
      </c>
      <c r="C39" s="69">
        <v>0</v>
      </c>
      <c r="D39" s="72">
        <v>0</v>
      </c>
      <c r="E39" s="112">
        <v>0</v>
      </c>
      <c r="F39" s="71">
        <v>0</v>
      </c>
      <c r="G39" s="72">
        <v>0</v>
      </c>
      <c r="H39" s="72">
        <v>0</v>
      </c>
      <c r="I39" s="72">
        <v>0</v>
      </c>
      <c r="J39" s="72">
        <v>0</v>
      </c>
      <c r="K39" s="72">
        <v>0</v>
      </c>
      <c r="L39" s="73">
        <v>0</v>
      </c>
      <c r="M39" s="74">
        <v>0</v>
      </c>
      <c r="N39" s="69">
        <v>0</v>
      </c>
      <c r="O39" s="72">
        <v>0</v>
      </c>
      <c r="P39" s="70">
        <v>0</v>
      </c>
      <c r="Q39" s="71">
        <v>0</v>
      </c>
      <c r="R39" s="72">
        <v>0</v>
      </c>
      <c r="S39" s="72">
        <v>0</v>
      </c>
      <c r="T39" s="72">
        <v>0</v>
      </c>
      <c r="U39" s="72">
        <v>0</v>
      </c>
      <c r="V39" s="72">
        <v>0</v>
      </c>
      <c r="W39" s="70">
        <v>0</v>
      </c>
      <c r="X39" s="74">
        <v>0</v>
      </c>
      <c r="Y39" s="69">
        <v>0</v>
      </c>
      <c r="Z39" s="72">
        <v>0</v>
      </c>
      <c r="AA39" s="70">
        <v>0</v>
      </c>
      <c r="AB39" s="71">
        <v>0</v>
      </c>
      <c r="AC39" s="72">
        <v>0</v>
      </c>
      <c r="AD39" s="72">
        <v>0</v>
      </c>
      <c r="AE39" s="72">
        <v>0</v>
      </c>
      <c r="AF39" s="72">
        <v>0</v>
      </c>
      <c r="AG39" s="72">
        <v>0</v>
      </c>
      <c r="AH39" s="70">
        <v>0</v>
      </c>
      <c r="AI39" s="74">
        <v>0</v>
      </c>
      <c r="AJ39" s="69">
        <v>0</v>
      </c>
      <c r="AK39" s="72">
        <v>0</v>
      </c>
      <c r="AL39" s="70">
        <v>0</v>
      </c>
      <c r="AM39" s="71">
        <v>0</v>
      </c>
      <c r="AN39" s="72">
        <v>0</v>
      </c>
      <c r="AO39" s="72">
        <v>0</v>
      </c>
      <c r="AP39" s="72">
        <v>0</v>
      </c>
      <c r="AQ39" s="72">
        <v>0</v>
      </c>
      <c r="AR39" s="72">
        <v>0</v>
      </c>
      <c r="AS39" s="70">
        <v>0</v>
      </c>
      <c r="AT39" s="74">
        <v>0</v>
      </c>
      <c r="AU39" s="69">
        <v>0</v>
      </c>
      <c r="AV39" s="72">
        <v>0</v>
      </c>
      <c r="AW39" s="70">
        <v>0</v>
      </c>
      <c r="AX39" s="71">
        <v>0</v>
      </c>
      <c r="AY39" s="72">
        <v>0</v>
      </c>
      <c r="AZ39" s="72">
        <v>0</v>
      </c>
      <c r="BA39" s="72">
        <v>0</v>
      </c>
      <c r="BB39" s="72">
        <v>0</v>
      </c>
      <c r="BC39" s="72">
        <v>0</v>
      </c>
      <c r="BD39" s="73">
        <v>0</v>
      </c>
      <c r="BE39" s="74">
        <v>0</v>
      </c>
      <c r="BF39" s="69">
        <v>0</v>
      </c>
      <c r="BG39" s="72">
        <v>0</v>
      </c>
      <c r="BH39" s="70">
        <v>0</v>
      </c>
      <c r="BI39" s="71">
        <v>0</v>
      </c>
      <c r="BJ39" s="72">
        <v>0</v>
      </c>
      <c r="BK39" s="72">
        <v>1</v>
      </c>
      <c r="BL39" s="72">
        <v>0</v>
      </c>
      <c r="BM39" s="72">
        <v>0</v>
      </c>
      <c r="BN39" s="72">
        <v>0</v>
      </c>
      <c r="BO39" s="70">
        <v>1</v>
      </c>
      <c r="BP39" s="74">
        <v>1</v>
      </c>
      <c r="BQ39" s="69">
        <v>0</v>
      </c>
      <c r="BR39" s="72">
        <v>0</v>
      </c>
      <c r="BS39" s="70">
        <v>0</v>
      </c>
      <c r="BT39" s="71">
        <v>0</v>
      </c>
      <c r="BU39" s="72">
        <v>1</v>
      </c>
      <c r="BV39" s="72">
        <v>0</v>
      </c>
      <c r="BW39" s="72">
        <v>1</v>
      </c>
      <c r="BX39" s="72">
        <v>0</v>
      </c>
      <c r="BY39" s="72">
        <v>0</v>
      </c>
      <c r="BZ39" s="70">
        <v>2</v>
      </c>
      <c r="CA39" s="74">
        <v>2</v>
      </c>
      <c r="CB39" s="69">
        <v>0</v>
      </c>
      <c r="CC39" s="72">
        <v>0</v>
      </c>
      <c r="CD39" s="70">
        <v>0</v>
      </c>
      <c r="CE39" s="71">
        <v>0</v>
      </c>
      <c r="CF39" s="72">
        <v>0</v>
      </c>
      <c r="CG39" s="72">
        <v>0</v>
      </c>
      <c r="CH39" s="72">
        <v>0</v>
      </c>
      <c r="CI39" s="72">
        <v>0</v>
      </c>
      <c r="CJ39" s="72">
        <v>0</v>
      </c>
      <c r="CK39" s="70">
        <v>0</v>
      </c>
      <c r="CL39" s="74">
        <v>0</v>
      </c>
      <c r="CM39" s="69">
        <v>0</v>
      </c>
      <c r="CN39" s="72">
        <v>0</v>
      </c>
      <c r="CO39" s="70">
        <v>0</v>
      </c>
      <c r="CP39" s="71">
        <v>0</v>
      </c>
      <c r="CQ39" s="72">
        <v>0</v>
      </c>
      <c r="CR39" s="72">
        <v>0</v>
      </c>
      <c r="CS39" s="72">
        <v>0</v>
      </c>
      <c r="CT39" s="72">
        <v>0</v>
      </c>
      <c r="CU39" s="72">
        <v>0</v>
      </c>
      <c r="CV39" s="70">
        <v>0</v>
      </c>
      <c r="CW39" s="74">
        <v>0</v>
      </c>
      <c r="CX39" s="69">
        <v>0</v>
      </c>
      <c r="CY39" s="72">
        <v>0</v>
      </c>
      <c r="CZ39" s="70">
        <v>0</v>
      </c>
      <c r="DA39" s="71">
        <v>0</v>
      </c>
      <c r="DB39" s="72">
        <v>0</v>
      </c>
      <c r="DC39" s="72">
        <v>0</v>
      </c>
      <c r="DD39" s="72">
        <v>0</v>
      </c>
      <c r="DE39" s="72">
        <v>0</v>
      </c>
      <c r="DF39" s="72">
        <v>0</v>
      </c>
      <c r="DG39" s="70">
        <v>0</v>
      </c>
      <c r="DH39" s="74">
        <v>0</v>
      </c>
      <c r="DI39" s="69">
        <v>0</v>
      </c>
      <c r="DJ39" s="72">
        <v>0</v>
      </c>
      <c r="DK39" s="70">
        <v>0</v>
      </c>
      <c r="DL39" s="71">
        <v>0</v>
      </c>
      <c r="DM39" s="72">
        <v>0</v>
      </c>
      <c r="DN39" s="72">
        <v>0</v>
      </c>
      <c r="DO39" s="72">
        <v>0</v>
      </c>
      <c r="DP39" s="72">
        <v>0</v>
      </c>
      <c r="DQ39" s="72">
        <v>0</v>
      </c>
      <c r="DR39" s="70">
        <v>0</v>
      </c>
      <c r="DS39" s="74">
        <v>0</v>
      </c>
      <c r="DT39" s="69">
        <v>0</v>
      </c>
      <c r="DU39" s="72">
        <v>0</v>
      </c>
      <c r="DV39" s="70">
        <v>0</v>
      </c>
      <c r="DW39" s="71">
        <v>0</v>
      </c>
      <c r="DX39" s="72">
        <v>1</v>
      </c>
      <c r="DY39" s="72">
        <v>1</v>
      </c>
      <c r="DZ39" s="72">
        <v>1</v>
      </c>
      <c r="EA39" s="72">
        <v>0</v>
      </c>
      <c r="EB39" s="72">
        <v>0</v>
      </c>
      <c r="EC39" s="70">
        <v>3</v>
      </c>
      <c r="ED39" s="74">
        <v>3</v>
      </c>
      <c r="EE39" s="69">
        <v>0</v>
      </c>
      <c r="EF39" s="72">
        <v>0</v>
      </c>
      <c r="EG39" s="70">
        <v>0</v>
      </c>
      <c r="EH39" s="71">
        <v>0</v>
      </c>
      <c r="EI39" s="72">
        <v>0</v>
      </c>
      <c r="EJ39" s="72">
        <v>0</v>
      </c>
      <c r="EK39" s="72">
        <v>0</v>
      </c>
      <c r="EL39" s="72">
        <v>0</v>
      </c>
      <c r="EM39" s="72">
        <v>0</v>
      </c>
      <c r="EN39" s="70">
        <v>0</v>
      </c>
      <c r="EO39" s="74">
        <v>0</v>
      </c>
      <c r="EP39" s="69">
        <v>0</v>
      </c>
      <c r="EQ39" s="72">
        <v>0</v>
      </c>
      <c r="ER39" s="70">
        <v>0</v>
      </c>
      <c r="ES39" s="71">
        <v>0</v>
      </c>
      <c r="ET39" s="72">
        <v>1</v>
      </c>
      <c r="EU39" s="72">
        <v>1</v>
      </c>
      <c r="EV39" s="72">
        <v>1</v>
      </c>
      <c r="EW39" s="72">
        <v>0</v>
      </c>
      <c r="EX39" s="72">
        <v>0</v>
      </c>
      <c r="EY39" s="70">
        <v>3</v>
      </c>
      <c r="EZ39" s="74">
        <v>3</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6" customWidth="1"/>
    <col min="2" max="2" width="9.77734375" style="50" customWidth="1"/>
    <col min="3" max="4" width="9" style="50"/>
    <col min="5" max="5" width="10.33203125" style="50" customWidth="1"/>
    <col min="6" max="6" width="7.6640625" style="50" customWidth="1"/>
    <col min="7" max="7" width="10.21875" style="50" customWidth="1"/>
    <col min="8" max="8" width="10.44140625" style="50" customWidth="1"/>
    <col min="9" max="16" width="9" style="50"/>
    <col min="17" max="17" width="7.21875" style="50" customWidth="1"/>
    <col min="18" max="27" width="9" style="50"/>
    <col min="28" max="28" width="7.6640625" style="50" customWidth="1"/>
    <col min="29" max="38" width="9" style="50"/>
    <col min="39" max="39" width="7.6640625" style="50" customWidth="1"/>
    <col min="40" max="49" width="9" style="50"/>
    <col min="50" max="50" width="7.21875" style="50" customWidth="1"/>
    <col min="51" max="60" width="9" style="50"/>
    <col min="61" max="61" width="7.21875" style="50" customWidth="1"/>
    <col min="62" max="71" width="9" style="50"/>
    <col min="72" max="72" width="7.33203125" style="50" customWidth="1"/>
    <col min="73" max="82" width="9" style="50"/>
    <col min="83" max="83" width="7.44140625" style="50" customWidth="1"/>
    <col min="84" max="93" width="9" style="50"/>
    <col min="94" max="94" width="7.6640625" style="50" customWidth="1"/>
    <col min="95" max="104" width="9" style="50"/>
    <col min="105" max="105" width="7.44140625" style="50" customWidth="1"/>
    <col min="106" max="115" width="9" style="50"/>
    <col min="116" max="116" width="7.44140625" style="50" customWidth="1"/>
    <col min="117" max="126" width="9" style="50"/>
    <col min="127" max="127" width="7.44140625" style="50" customWidth="1"/>
    <col min="128" max="137" width="9" style="50"/>
    <col min="138" max="138" width="7.33203125" style="50" customWidth="1"/>
    <col min="139" max="148" width="9" style="50"/>
    <col min="149" max="149" width="7.77734375" style="50" customWidth="1"/>
    <col min="150" max="16384" width="9" style="50"/>
  </cols>
  <sheetData>
    <row r="1" spans="2:156" ht="24" customHeight="1" x14ac:dyDescent="0.2">
      <c r="B1" s="75" t="s">
        <v>120</v>
      </c>
      <c r="I1" s="464">
        <f>第１表!F2</f>
        <v>6</v>
      </c>
      <c r="J1" s="464"/>
      <c r="K1" s="43">
        <f>第１表!G2</f>
        <v>4</v>
      </c>
      <c r="L1" s="468">
        <f>IF(K1&lt;3,K1+12-2,K1-2)</f>
        <v>2</v>
      </c>
      <c r="M1" s="468"/>
    </row>
    <row r="2" spans="2:156" ht="24" customHeight="1" thickBot="1" x14ac:dyDescent="0.25">
      <c r="B2" s="75" t="s">
        <v>151</v>
      </c>
      <c r="G2" s="42"/>
      <c r="H2" s="43"/>
      <c r="J2" s="98"/>
      <c r="K2" s="98"/>
    </row>
    <row r="3" spans="2:156" ht="21" customHeight="1" thickBot="1" x14ac:dyDescent="0.25">
      <c r="B3" s="481"/>
      <c r="C3" s="472" t="s">
        <v>70</v>
      </c>
      <c r="D3" s="473"/>
      <c r="E3" s="473"/>
      <c r="F3" s="473"/>
      <c r="G3" s="473"/>
      <c r="H3" s="473"/>
      <c r="I3" s="473"/>
      <c r="J3" s="473"/>
      <c r="K3" s="473"/>
      <c r="L3" s="473"/>
      <c r="M3" s="474"/>
      <c r="N3" s="472" t="s">
        <v>71</v>
      </c>
      <c r="O3" s="473"/>
      <c r="P3" s="473"/>
      <c r="Q3" s="473"/>
      <c r="R3" s="473"/>
      <c r="S3" s="473"/>
      <c r="T3" s="473"/>
      <c r="U3" s="473"/>
      <c r="V3" s="473"/>
      <c r="W3" s="473"/>
      <c r="X3" s="474"/>
      <c r="Y3" s="472" t="s">
        <v>72</v>
      </c>
      <c r="Z3" s="473"/>
      <c r="AA3" s="473"/>
      <c r="AB3" s="473"/>
      <c r="AC3" s="473"/>
      <c r="AD3" s="473"/>
      <c r="AE3" s="473"/>
      <c r="AF3" s="473"/>
      <c r="AG3" s="473"/>
      <c r="AH3" s="473"/>
      <c r="AI3" s="474"/>
      <c r="AJ3" s="472" t="s">
        <v>73</v>
      </c>
      <c r="AK3" s="473"/>
      <c r="AL3" s="473"/>
      <c r="AM3" s="473"/>
      <c r="AN3" s="473"/>
      <c r="AO3" s="473"/>
      <c r="AP3" s="473"/>
      <c r="AQ3" s="473"/>
      <c r="AR3" s="473"/>
      <c r="AS3" s="473"/>
      <c r="AT3" s="474"/>
      <c r="AU3" s="472" t="s">
        <v>74</v>
      </c>
      <c r="AV3" s="473"/>
      <c r="AW3" s="473"/>
      <c r="AX3" s="473"/>
      <c r="AY3" s="473"/>
      <c r="AZ3" s="473"/>
      <c r="BA3" s="473"/>
      <c r="BB3" s="473"/>
      <c r="BC3" s="473"/>
      <c r="BD3" s="473"/>
      <c r="BE3" s="474"/>
      <c r="BF3" s="472" t="s">
        <v>75</v>
      </c>
      <c r="BG3" s="473"/>
      <c r="BH3" s="473"/>
      <c r="BI3" s="473"/>
      <c r="BJ3" s="473"/>
      <c r="BK3" s="473"/>
      <c r="BL3" s="473"/>
      <c r="BM3" s="473"/>
      <c r="BN3" s="473"/>
      <c r="BO3" s="473"/>
      <c r="BP3" s="474"/>
      <c r="BQ3" s="472" t="s">
        <v>76</v>
      </c>
      <c r="BR3" s="473"/>
      <c r="BS3" s="473"/>
      <c r="BT3" s="473"/>
      <c r="BU3" s="473"/>
      <c r="BV3" s="473"/>
      <c r="BW3" s="473"/>
      <c r="BX3" s="473"/>
      <c r="BY3" s="473"/>
      <c r="BZ3" s="473"/>
      <c r="CA3" s="474"/>
      <c r="CB3" s="472" t="s">
        <v>77</v>
      </c>
      <c r="CC3" s="473"/>
      <c r="CD3" s="473"/>
      <c r="CE3" s="473"/>
      <c r="CF3" s="473"/>
      <c r="CG3" s="473"/>
      <c r="CH3" s="473"/>
      <c r="CI3" s="473"/>
      <c r="CJ3" s="473"/>
      <c r="CK3" s="473"/>
      <c r="CL3" s="474"/>
      <c r="CM3" s="472" t="s">
        <v>78</v>
      </c>
      <c r="CN3" s="473"/>
      <c r="CO3" s="473"/>
      <c r="CP3" s="473"/>
      <c r="CQ3" s="473"/>
      <c r="CR3" s="473"/>
      <c r="CS3" s="473"/>
      <c r="CT3" s="473"/>
      <c r="CU3" s="473"/>
      <c r="CV3" s="473"/>
      <c r="CW3" s="474"/>
      <c r="CX3" s="472" t="s">
        <v>79</v>
      </c>
      <c r="CY3" s="473"/>
      <c r="CZ3" s="473"/>
      <c r="DA3" s="473"/>
      <c r="DB3" s="473"/>
      <c r="DC3" s="473"/>
      <c r="DD3" s="473"/>
      <c r="DE3" s="473"/>
      <c r="DF3" s="473"/>
      <c r="DG3" s="473"/>
      <c r="DH3" s="474"/>
      <c r="DI3" s="472" t="s">
        <v>149</v>
      </c>
      <c r="DJ3" s="473"/>
      <c r="DK3" s="473"/>
      <c r="DL3" s="473"/>
      <c r="DM3" s="473"/>
      <c r="DN3" s="473"/>
      <c r="DO3" s="473"/>
      <c r="DP3" s="473"/>
      <c r="DQ3" s="473"/>
      <c r="DR3" s="473"/>
      <c r="DS3" s="474"/>
      <c r="DT3" s="472" t="s">
        <v>80</v>
      </c>
      <c r="DU3" s="473"/>
      <c r="DV3" s="473"/>
      <c r="DW3" s="473"/>
      <c r="DX3" s="473"/>
      <c r="DY3" s="473"/>
      <c r="DZ3" s="473"/>
      <c r="EA3" s="473"/>
      <c r="EB3" s="473"/>
      <c r="EC3" s="473"/>
      <c r="ED3" s="474"/>
      <c r="EE3" s="472" t="s">
        <v>68</v>
      </c>
      <c r="EF3" s="473"/>
      <c r="EG3" s="473"/>
      <c r="EH3" s="473"/>
      <c r="EI3" s="473"/>
      <c r="EJ3" s="473"/>
      <c r="EK3" s="473"/>
      <c r="EL3" s="473"/>
      <c r="EM3" s="473"/>
      <c r="EN3" s="473"/>
      <c r="EO3" s="474"/>
      <c r="EP3" s="469" t="s">
        <v>69</v>
      </c>
      <c r="EQ3" s="470"/>
      <c r="ER3" s="470"/>
      <c r="ES3" s="470"/>
      <c r="ET3" s="470"/>
      <c r="EU3" s="470"/>
      <c r="EV3" s="470"/>
      <c r="EW3" s="470"/>
      <c r="EX3" s="470"/>
      <c r="EY3" s="470"/>
      <c r="EZ3" s="471"/>
    </row>
    <row r="4" spans="2:156" ht="21" customHeight="1" x14ac:dyDescent="0.2">
      <c r="B4" s="482"/>
      <c r="C4" s="480" t="s">
        <v>61</v>
      </c>
      <c r="D4" s="476"/>
      <c r="E4" s="477"/>
      <c r="F4" s="475" t="s">
        <v>62</v>
      </c>
      <c r="G4" s="476"/>
      <c r="H4" s="476"/>
      <c r="I4" s="476"/>
      <c r="J4" s="476"/>
      <c r="K4" s="476"/>
      <c r="L4" s="484"/>
      <c r="M4" s="478" t="s">
        <v>52</v>
      </c>
      <c r="N4" s="480" t="s">
        <v>61</v>
      </c>
      <c r="O4" s="476"/>
      <c r="P4" s="477"/>
      <c r="Q4" s="475" t="s">
        <v>62</v>
      </c>
      <c r="R4" s="476"/>
      <c r="S4" s="476"/>
      <c r="T4" s="476"/>
      <c r="U4" s="476"/>
      <c r="V4" s="476"/>
      <c r="W4" s="477"/>
      <c r="X4" s="478" t="s">
        <v>52</v>
      </c>
      <c r="Y4" s="480" t="s">
        <v>61</v>
      </c>
      <c r="Z4" s="476"/>
      <c r="AA4" s="477"/>
      <c r="AB4" s="475" t="s">
        <v>62</v>
      </c>
      <c r="AC4" s="476"/>
      <c r="AD4" s="476"/>
      <c r="AE4" s="476"/>
      <c r="AF4" s="476"/>
      <c r="AG4" s="476"/>
      <c r="AH4" s="477"/>
      <c r="AI4" s="478" t="s">
        <v>52</v>
      </c>
      <c r="AJ4" s="480" t="s">
        <v>61</v>
      </c>
      <c r="AK4" s="476"/>
      <c r="AL4" s="477"/>
      <c r="AM4" s="475" t="s">
        <v>62</v>
      </c>
      <c r="AN4" s="476"/>
      <c r="AO4" s="476"/>
      <c r="AP4" s="476"/>
      <c r="AQ4" s="476"/>
      <c r="AR4" s="476"/>
      <c r="AS4" s="477"/>
      <c r="AT4" s="478" t="s">
        <v>52</v>
      </c>
      <c r="AU4" s="480" t="s">
        <v>61</v>
      </c>
      <c r="AV4" s="476"/>
      <c r="AW4" s="477"/>
      <c r="AX4" s="475" t="s">
        <v>62</v>
      </c>
      <c r="AY4" s="476"/>
      <c r="AZ4" s="476"/>
      <c r="BA4" s="476"/>
      <c r="BB4" s="476"/>
      <c r="BC4" s="476"/>
      <c r="BD4" s="484"/>
      <c r="BE4" s="478" t="s">
        <v>52</v>
      </c>
      <c r="BF4" s="480" t="s">
        <v>61</v>
      </c>
      <c r="BG4" s="476"/>
      <c r="BH4" s="477"/>
      <c r="BI4" s="475" t="s">
        <v>62</v>
      </c>
      <c r="BJ4" s="476"/>
      <c r="BK4" s="476"/>
      <c r="BL4" s="476"/>
      <c r="BM4" s="476"/>
      <c r="BN4" s="476"/>
      <c r="BO4" s="477"/>
      <c r="BP4" s="478" t="s">
        <v>52</v>
      </c>
      <c r="BQ4" s="480" t="s">
        <v>61</v>
      </c>
      <c r="BR4" s="476"/>
      <c r="BS4" s="477"/>
      <c r="BT4" s="475" t="s">
        <v>62</v>
      </c>
      <c r="BU4" s="476"/>
      <c r="BV4" s="476"/>
      <c r="BW4" s="476"/>
      <c r="BX4" s="476"/>
      <c r="BY4" s="476"/>
      <c r="BZ4" s="477"/>
      <c r="CA4" s="478" t="s">
        <v>52</v>
      </c>
      <c r="CB4" s="480" t="s">
        <v>61</v>
      </c>
      <c r="CC4" s="476"/>
      <c r="CD4" s="477"/>
      <c r="CE4" s="475" t="s">
        <v>62</v>
      </c>
      <c r="CF4" s="476"/>
      <c r="CG4" s="476"/>
      <c r="CH4" s="476"/>
      <c r="CI4" s="476"/>
      <c r="CJ4" s="476"/>
      <c r="CK4" s="477"/>
      <c r="CL4" s="478" t="s">
        <v>52</v>
      </c>
      <c r="CM4" s="480" t="s">
        <v>61</v>
      </c>
      <c r="CN4" s="476"/>
      <c r="CO4" s="477"/>
      <c r="CP4" s="475" t="s">
        <v>62</v>
      </c>
      <c r="CQ4" s="476"/>
      <c r="CR4" s="476"/>
      <c r="CS4" s="476"/>
      <c r="CT4" s="476"/>
      <c r="CU4" s="476"/>
      <c r="CV4" s="477"/>
      <c r="CW4" s="478" t="s">
        <v>52</v>
      </c>
      <c r="CX4" s="480" t="s">
        <v>61</v>
      </c>
      <c r="CY4" s="476"/>
      <c r="CZ4" s="477"/>
      <c r="DA4" s="475" t="s">
        <v>62</v>
      </c>
      <c r="DB4" s="476"/>
      <c r="DC4" s="476"/>
      <c r="DD4" s="476"/>
      <c r="DE4" s="476"/>
      <c r="DF4" s="476"/>
      <c r="DG4" s="477"/>
      <c r="DH4" s="478" t="s">
        <v>52</v>
      </c>
      <c r="DI4" s="480" t="s">
        <v>61</v>
      </c>
      <c r="DJ4" s="476"/>
      <c r="DK4" s="477"/>
      <c r="DL4" s="475" t="s">
        <v>62</v>
      </c>
      <c r="DM4" s="476"/>
      <c r="DN4" s="476"/>
      <c r="DO4" s="476"/>
      <c r="DP4" s="476"/>
      <c r="DQ4" s="476"/>
      <c r="DR4" s="477"/>
      <c r="DS4" s="478" t="s">
        <v>52</v>
      </c>
      <c r="DT4" s="480" t="s">
        <v>61</v>
      </c>
      <c r="DU4" s="476"/>
      <c r="DV4" s="477"/>
      <c r="DW4" s="475" t="s">
        <v>62</v>
      </c>
      <c r="DX4" s="476"/>
      <c r="DY4" s="476"/>
      <c r="DZ4" s="476"/>
      <c r="EA4" s="476"/>
      <c r="EB4" s="476"/>
      <c r="EC4" s="477"/>
      <c r="ED4" s="478" t="s">
        <v>52</v>
      </c>
      <c r="EE4" s="480" t="s">
        <v>61</v>
      </c>
      <c r="EF4" s="476"/>
      <c r="EG4" s="477"/>
      <c r="EH4" s="475" t="s">
        <v>62</v>
      </c>
      <c r="EI4" s="476"/>
      <c r="EJ4" s="476"/>
      <c r="EK4" s="476"/>
      <c r="EL4" s="476"/>
      <c r="EM4" s="476"/>
      <c r="EN4" s="477"/>
      <c r="EO4" s="478" t="s">
        <v>52</v>
      </c>
      <c r="EP4" s="480" t="s">
        <v>61</v>
      </c>
      <c r="EQ4" s="476"/>
      <c r="ER4" s="477"/>
      <c r="ES4" s="475" t="s">
        <v>62</v>
      </c>
      <c r="ET4" s="476"/>
      <c r="EU4" s="476"/>
      <c r="EV4" s="476"/>
      <c r="EW4" s="476"/>
      <c r="EX4" s="476"/>
      <c r="EY4" s="477"/>
      <c r="EZ4" s="478" t="s">
        <v>52</v>
      </c>
    </row>
    <row r="5" spans="2:156" ht="30" customHeight="1" thickBot="1" x14ac:dyDescent="0.25">
      <c r="B5" s="483"/>
      <c r="C5" s="99" t="s">
        <v>43</v>
      </c>
      <c r="D5" s="51" t="s">
        <v>159</v>
      </c>
      <c r="E5" s="109" t="s">
        <v>45</v>
      </c>
      <c r="F5" s="55" t="s">
        <v>83</v>
      </c>
      <c r="G5" s="51" t="s">
        <v>47</v>
      </c>
      <c r="H5" s="51" t="s">
        <v>48</v>
      </c>
      <c r="I5" s="51" t="s">
        <v>49</v>
      </c>
      <c r="J5" s="51" t="s">
        <v>50</v>
      </c>
      <c r="K5" s="51" t="s">
        <v>51</v>
      </c>
      <c r="L5" s="56" t="s">
        <v>45</v>
      </c>
      <c r="M5" s="479"/>
      <c r="N5" s="99" t="s">
        <v>43</v>
      </c>
      <c r="O5" s="51" t="s">
        <v>44</v>
      </c>
      <c r="P5" s="54" t="s">
        <v>45</v>
      </c>
      <c r="Q5" s="55" t="s">
        <v>83</v>
      </c>
      <c r="R5" s="51" t="s">
        <v>47</v>
      </c>
      <c r="S5" s="51" t="s">
        <v>48</v>
      </c>
      <c r="T5" s="51" t="s">
        <v>49</v>
      </c>
      <c r="U5" s="51" t="s">
        <v>50</v>
      </c>
      <c r="V5" s="51" t="s">
        <v>51</v>
      </c>
      <c r="W5" s="54" t="s">
        <v>45</v>
      </c>
      <c r="X5" s="479"/>
      <c r="Y5" s="99" t="s">
        <v>43</v>
      </c>
      <c r="Z5" s="51" t="s">
        <v>44</v>
      </c>
      <c r="AA5" s="54" t="s">
        <v>45</v>
      </c>
      <c r="AB5" s="55" t="s">
        <v>83</v>
      </c>
      <c r="AC5" s="51" t="s">
        <v>47</v>
      </c>
      <c r="AD5" s="51" t="s">
        <v>48</v>
      </c>
      <c r="AE5" s="51" t="s">
        <v>49</v>
      </c>
      <c r="AF5" s="51" t="s">
        <v>50</v>
      </c>
      <c r="AG5" s="51" t="s">
        <v>51</v>
      </c>
      <c r="AH5" s="54" t="s">
        <v>45</v>
      </c>
      <c r="AI5" s="479"/>
      <c r="AJ5" s="99" t="s">
        <v>43</v>
      </c>
      <c r="AK5" s="51" t="s">
        <v>44</v>
      </c>
      <c r="AL5" s="54" t="s">
        <v>45</v>
      </c>
      <c r="AM5" s="55" t="s">
        <v>83</v>
      </c>
      <c r="AN5" s="51" t="s">
        <v>47</v>
      </c>
      <c r="AO5" s="51" t="s">
        <v>48</v>
      </c>
      <c r="AP5" s="51" t="s">
        <v>49</v>
      </c>
      <c r="AQ5" s="51" t="s">
        <v>50</v>
      </c>
      <c r="AR5" s="51" t="s">
        <v>51</v>
      </c>
      <c r="AS5" s="54" t="s">
        <v>45</v>
      </c>
      <c r="AT5" s="479"/>
      <c r="AU5" s="99" t="s">
        <v>43</v>
      </c>
      <c r="AV5" s="51" t="s">
        <v>44</v>
      </c>
      <c r="AW5" s="54" t="s">
        <v>45</v>
      </c>
      <c r="AX5" s="55" t="s">
        <v>83</v>
      </c>
      <c r="AY5" s="51" t="s">
        <v>47</v>
      </c>
      <c r="AZ5" s="51" t="s">
        <v>48</v>
      </c>
      <c r="BA5" s="51" t="s">
        <v>49</v>
      </c>
      <c r="BB5" s="51" t="s">
        <v>50</v>
      </c>
      <c r="BC5" s="51" t="s">
        <v>51</v>
      </c>
      <c r="BD5" s="56" t="s">
        <v>45</v>
      </c>
      <c r="BE5" s="479"/>
      <c r="BF5" s="99" t="s">
        <v>43</v>
      </c>
      <c r="BG5" s="51" t="s">
        <v>44</v>
      </c>
      <c r="BH5" s="54" t="s">
        <v>45</v>
      </c>
      <c r="BI5" s="55" t="s">
        <v>83</v>
      </c>
      <c r="BJ5" s="51" t="s">
        <v>47</v>
      </c>
      <c r="BK5" s="51" t="s">
        <v>48</v>
      </c>
      <c r="BL5" s="51" t="s">
        <v>49</v>
      </c>
      <c r="BM5" s="51" t="s">
        <v>50</v>
      </c>
      <c r="BN5" s="51" t="s">
        <v>51</v>
      </c>
      <c r="BO5" s="54" t="s">
        <v>45</v>
      </c>
      <c r="BP5" s="479"/>
      <c r="BQ5" s="99" t="s">
        <v>43</v>
      </c>
      <c r="BR5" s="51" t="s">
        <v>44</v>
      </c>
      <c r="BS5" s="54" t="s">
        <v>45</v>
      </c>
      <c r="BT5" s="55" t="s">
        <v>83</v>
      </c>
      <c r="BU5" s="51" t="s">
        <v>47</v>
      </c>
      <c r="BV5" s="51" t="s">
        <v>48</v>
      </c>
      <c r="BW5" s="51" t="s">
        <v>49</v>
      </c>
      <c r="BX5" s="51" t="s">
        <v>50</v>
      </c>
      <c r="BY5" s="51" t="s">
        <v>51</v>
      </c>
      <c r="BZ5" s="54" t="s">
        <v>45</v>
      </c>
      <c r="CA5" s="479"/>
      <c r="CB5" s="99" t="s">
        <v>43</v>
      </c>
      <c r="CC5" s="51" t="s">
        <v>44</v>
      </c>
      <c r="CD5" s="54" t="s">
        <v>45</v>
      </c>
      <c r="CE5" s="55" t="s">
        <v>83</v>
      </c>
      <c r="CF5" s="51" t="s">
        <v>47</v>
      </c>
      <c r="CG5" s="51" t="s">
        <v>48</v>
      </c>
      <c r="CH5" s="51" t="s">
        <v>49</v>
      </c>
      <c r="CI5" s="51" t="s">
        <v>50</v>
      </c>
      <c r="CJ5" s="51" t="s">
        <v>51</v>
      </c>
      <c r="CK5" s="54" t="s">
        <v>45</v>
      </c>
      <c r="CL5" s="479"/>
      <c r="CM5" s="99" t="s">
        <v>43</v>
      </c>
      <c r="CN5" s="51" t="s">
        <v>44</v>
      </c>
      <c r="CO5" s="54" t="s">
        <v>45</v>
      </c>
      <c r="CP5" s="55" t="s">
        <v>83</v>
      </c>
      <c r="CQ5" s="51" t="s">
        <v>47</v>
      </c>
      <c r="CR5" s="51" t="s">
        <v>48</v>
      </c>
      <c r="CS5" s="51" t="s">
        <v>49</v>
      </c>
      <c r="CT5" s="51" t="s">
        <v>50</v>
      </c>
      <c r="CU5" s="51" t="s">
        <v>51</v>
      </c>
      <c r="CV5" s="54" t="s">
        <v>45</v>
      </c>
      <c r="CW5" s="479"/>
      <c r="CX5" s="99" t="s">
        <v>43</v>
      </c>
      <c r="CY5" s="51" t="s">
        <v>44</v>
      </c>
      <c r="CZ5" s="54" t="s">
        <v>45</v>
      </c>
      <c r="DA5" s="55" t="s">
        <v>83</v>
      </c>
      <c r="DB5" s="51" t="s">
        <v>47</v>
      </c>
      <c r="DC5" s="51" t="s">
        <v>48</v>
      </c>
      <c r="DD5" s="51" t="s">
        <v>49</v>
      </c>
      <c r="DE5" s="51" t="s">
        <v>50</v>
      </c>
      <c r="DF5" s="51" t="s">
        <v>51</v>
      </c>
      <c r="DG5" s="54" t="s">
        <v>45</v>
      </c>
      <c r="DH5" s="479"/>
      <c r="DI5" s="99" t="s">
        <v>43</v>
      </c>
      <c r="DJ5" s="51" t="s">
        <v>44</v>
      </c>
      <c r="DK5" s="54" t="s">
        <v>45</v>
      </c>
      <c r="DL5" s="55" t="s">
        <v>83</v>
      </c>
      <c r="DM5" s="51" t="s">
        <v>47</v>
      </c>
      <c r="DN5" s="51" t="s">
        <v>48</v>
      </c>
      <c r="DO5" s="51" t="s">
        <v>49</v>
      </c>
      <c r="DP5" s="51" t="s">
        <v>50</v>
      </c>
      <c r="DQ5" s="51" t="s">
        <v>51</v>
      </c>
      <c r="DR5" s="54" t="s">
        <v>45</v>
      </c>
      <c r="DS5" s="479"/>
      <c r="DT5" s="99" t="s">
        <v>43</v>
      </c>
      <c r="DU5" s="51" t="s">
        <v>44</v>
      </c>
      <c r="DV5" s="54" t="s">
        <v>45</v>
      </c>
      <c r="DW5" s="55" t="s">
        <v>83</v>
      </c>
      <c r="DX5" s="51" t="s">
        <v>47</v>
      </c>
      <c r="DY5" s="51" t="s">
        <v>48</v>
      </c>
      <c r="DZ5" s="51" t="s">
        <v>49</v>
      </c>
      <c r="EA5" s="51" t="s">
        <v>50</v>
      </c>
      <c r="EB5" s="51" t="s">
        <v>51</v>
      </c>
      <c r="EC5" s="54" t="s">
        <v>45</v>
      </c>
      <c r="ED5" s="479"/>
      <c r="EE5" s="99" t="s">
        <v>43</v>
      </c>
      <c r="EF5" s="51" t="s">
        <v>44</v>
      </c>
      <c r="EG5" s="54" t="s">
        <v>45</v>
      </c>
      <c r="EH5" s="55" t="s">
        <v>83</v>
      </c>
      <c r="EI5" s="51" t="s">
        <v>47</v>
      </c>
      <c r="EJ5" s="51" t="s">
        <v>48</v>
      </c>
      <c r="EK5" s="51" t="s">
        <v>49</v>
      </c>
      <c r="EL5" s="51" t="s">
        <v>50</v>
      </c>
      <c r="EM5" s="51" t="s">
        <v>51</v>
      </c>
      <c r="EN5" s="54" t="s">
        <v>45</v>
      </c>
      <c r="EO5" s="479"/>
      <c r="EP5" s="99" t="s">
        <v>43</v>
      </c>
      <c r="EQ5" s="51" t="s">
        <v>44</v>
      </c>
      <c r="ER5" s="54" t="s">
        <v>45</v>
      </c>
      <c r="ES5" s="55" t="s">
        <v>83</v>
      </c>
      <c r="ET5" s="51" t="s">
        <v>47</v>
      </c>
      <c r="EU5" s="51" t="s">
        <v>48</v>
      </c>
      <c r="EV5" s="51" t="s">
        <v>49</v>
      </c>
      <c r="EW5" s="51" t="s">
        <v>50</v>
      </c>
      <c r="EX5" s="51" t="s">
        <v>51</v>
      </c>
      <c r="EY5" s="54" t="s">
        <v>45</v>
      </c>
      <c r="EZ5" s="479"/>
    </row>
    <row r="6" spans="2:156" ht="21" customHeight="1" x14ac:dyDescent="0.2">
      <c r="B6" s="129" t="s">
        <v>4</v>
      </c>
      <c r="C6" s="57">
        <v>0</v>
      </c>
      <c r="D6" s="60">
        <v>0</v>
      </c>
      <c r="E6" s="110">
        <v>0</v>
      </c>
      <c r="F6" s="59">
        <v>0</v>
      </c>
      <c r="G6" s="60">
        <v>1167</v>
      </c>
      <c r="H6" s="60">
        <v>1335</v>
      </c>
      <c r="I6" s="60">
        <v>674</v>
      </c>
      <c r="J6" s="60">
        <v>553</v>
      </c>
      <c r="K6" s="60">
        <v>417</v>
      </c>
      <c r="L6" s="61">
        <v>4146</v>
      </c>
      <c r="M6" s="62">
        <v>4146</v>
      </c>
      <c r="N6" s="57">
        <v>0</v>
      </c>
      <c r="O6" s="60">
        <v>2</v>
      </c>
      <c r="P6" s="58">
        <v>2</v>
      </c>
      <c r="Q6" s="59">
        <v>0</v>
      </c>
      <c r="R6" s="60">
        <v>16</v>
      </c>
      <c r="S6" s="60">
        <v>21</v>
      </c>
      <c r="T6" s="60">
        <v>54</v>
      </c>
      <c r="U6" s="60">
        <v>145</v>
      </c>
      <c r="V6" s="60">
        <v>196</v>
      </c>
      <c r="W6" s="58">
        <v>432</v>
      </c>
      <c r="X6" s="62">
        <v>434</v>
      </c>
      <c r="Y6" s="57">
        <v>207</v>
      </c>
      <c r="Z6" s="60">
        <v>502</v>
      </c>
      <c r="AA6" s="58">
        <v>709</v>
      </c>
      <c r="AB6" s="59">
        <v>0</v>
      </c>
      <c r="AC6" s="60">
        <v>953</v>
      </c>
      <c r="AD6" s="60">
        <v>1289</v>
      </c>
      <c r="AE6" s="60">
        <v>744</v>
      </c>
      <c r="AF6" s="60">
        <v>584</v>
      </c>
      <c r="AG6" s="60">
        <v>379</v>
      </c>
      <c r="AH6" s="58">
        <v>3949</v>
      </c>
      <c r="AI6" s="62">
        <v>4658</v>
      </c>
      <c r="AJ6" s="57">
        <v>22</v>
      </c>
      <c r="AK6" s="60">
        <v>64</v>
      </c>
      <c r="AL6" s="58">
        <v>86</v>
      </c>
      <c r="AM6" s="59">
        <v>0</v>
      </c>
      <c r="AN6" s="60">
        <v>92</v>
      </c>
      <c r="AO6" s="60">
        <v>161</v>
      </c>
      <c r="AP6" s="60">
        <v>77</v>
      </c>
      <c r="AQ6" s="60">
        <v>76</v>
      </c>
      <c r="AR6" s="60">
        <v>46</v>
      </c>
      <c r="AS6" s="58">
        <v>452</v>
      </c>
      <c r="AT6" s="62">
        <v>538</v>
      </c>
      <c r="AU6" s="57">
        <v>300</v>
      </c>
      <c r="AV6" s="60">
        <v>363</v>
      </c>
      <c r="AW6" s="58">
        <v>663</v>
      </c>
      <c r="AX6" s="59">
        <v>0</v>
      </c>
      <c r="AY6" s="60">
        <v>1370</v>
      </c>
      <c r="AZ6" s="60">
        <v>1631</v>
      </c>
      <c r="BA6" s="60">
        <v>1411</v>
      </c>
      <c r="BB6" s="60">
        <v>1401</v>
      </c>
      <c r="BC6" s="60">
        <v>1058</v>
      </c>
      <c r="BD6" s="61">
        <v>6871</v>
      </c>
      <c r="BE6" s="62">
        <v>7534</v>
      </c>
      <c r="BF6" s="57">
        <v>0</v>
      </c>
      <c r="BG6" s="60">
        <v>0</v>
      </c>
      <c r="BH6" s="58">
        <v>0</v>
      </c>
      <c r="BI6" s="59">
        <v>0</v>
      </c>
      <c r="BJ6" s="60">
        <v>1405</v>
      </c>
      <c r="BK6" s="60">
        <v>1232</v>
      </c>
      <c r="BL6" s="60">
        <v>588</v>
      </c>
      <c r="BM6" s="60">
        <v>310</v>
      </c>
      <c r="BN6" s="60">
        <v>161</v>
      </c>
      <c r="BO6" s="58">
        <v>3696</v>
      </c>
      <c r="BP6" s="62">
        <v>3696</v>
      </c>
      <c r="BQ6" s="57">
        <v>134</v>
      </c>
      <c r="BR6" s="60">
        <v>182</v>
      </c>
      <c r="BS6" s="58">
        <v>316</v>
      </c>
      <c r="BT6" s="59">
        <v>0</v>
      </c>
      <c r="BU6" s="60">
        <v>356</v>
      </c>
      <c r="BV6" s="60">
        <v>485</v>
      </c>
      <c r="BW6" s="60">
        <v>291</v>
      </c>
      <c r="BX6" s="60">
        <v>154</v>
      </c>
      <c r="BY6" s="60">
        <v>69</v>
      </c>
      <c r="BZ6" s="58">
        <v>1355</v>
      </c>
      <c r="CA6" s="62">
        <v>1671</v>
      </c>
      <c r="CB6" s="57">
        <v>1</v>
      </c>
      <c r="CC6" s="60">
        <v>13</v>
      </c>
      <c r="CD6" s="58">
        <v>14</v>
      </c>
      <c r="CE6" s="59">
        <v>0</v>
      </c>
      <c r="CF6" s="60">
        <v>142</v>
      </c>
      <c r="CG6" s="60">
        <v>225</v>
      </c>
      <c r="CH6" s="60">
        <v>237</v>
      </c>
      <c r="CI6" s="60">
        <v>162</v>
      </c>
      <c r="CJ6" s="60">
        <v>99</v>
      </c>
      <c r="CK6" s="58">
        <v>865</v>
      </c>
      <c r="CL6" s="62">
        <v>879</v>
      </c>
      <c r="CM6" s="57">
        <v>1</v>
      </c>
      <c r="CN6" s="60">
        <v>1</v>
      </c>
      <c r="CO6" s="58">
        <v>2</v>
      </c>
      <c r="CP6" s="59">
        <v>0</v>
      </c>
      <c r="CQ6" s="60">
        <v>22</v>
      </c>
      <c r="CR6" s="60">
        <v>35</v>
      </c>
      <c r="CS6" s="60">
        <v>43</v>
      </c>
      <c r="CT6" s="60">
        <v>39</v>
      </c>
      <c r="CU6" s="60">
        <v>23</v>
      </c>
      <c r="CV6" s="58">
        <v>162</v>
      </c>
      <c r="CW6" s="62">
        <v>164</v>
      </c>
      <c r="CX6" s="57">
        <v>0</v>
      </c>
      <c r="CY6" s="60">
        <v>0</v>
      </c>
      <c r="CZ6" s="58">
        <v>0</v>
      </c>
      <c r="DA6" s="59">
        <v>0</v>
      </c>
      <c r="DB6" s="60">
        <v>0</v>
      </c>
      <c r="DC6" s="60">
        <v>0</v>
      </c>
      <c r="DD6" s="60">
        <v>0</v>
      </c>
      <c r="DE6" s="60">
        <v>0</v>
      </c>
      <c r="DF6" s="60">
        <v>0</v>
      </c>
      <c r="DG6" s="58">
        <v>0</v>
      </c>
      <c r="DH6" s="62">
        <v>0</v>
      </c>
      <c r="DI6" s="57">
        <v>0</v>
      </c>
      <c r="DJ6" s="60">
        <v>0</v>
      </c>
      <c r="DK6" s="58">
        <v>0</v>
      </c>
      <c r="DL6" s="59">
        <v>0</v>
      </c>
      <c r="DM6" s="60">
        <v>0</v>
      </c>
      <c r="DN6" s="60">
        <v>0</v>
      </c>
      <c r="DO6" s="60">
        <v>0</v>
      </c>
      <c r="DP6" s="60">
        <v>0</v>
      </c>
      <c r="DQ6" s="60">
        <v>0</v>
      </c>
      <c r="DR6" s="58">
        <v>0</v>
      </c>
      <c r="DS6" s="62">
        <v>0</v>
      </c>
      <c r="DT6" s="57">
        <v>637</v>
      </c>
      <c r="DU6" s="60">
        <v>1336</v>
      </c>
      <c r="DV6" s="58">
        <v>1973</v>
      </c>
      <c r="DW6" s="59">
        <v>0</v>
      </c>
      <c r="DX6" s="60">
        <v>1721</v>
      </c>
      <c r="DY6" s="60">
        <v>2828</v>
      </c>
      <c r="DZ6" s="60">
        <v>1621</v>
      </c>
      <c r="EA6" s="60">
        <v>1214</v>
      </c>
      <c r="EB6" s="60">
        <v>757</v>
      </c>
      <c r="EC6" s="58">
        <v>8141</v>
      </c>
      <c r="ED6" s="62">
        <v>10114</v>
      </c>
      <c r="EE6" s="57">
        <v>221</v>
      </c>
      <c r="EF6" s="60">
        <v>163</v>
      </c>
      <c r="EG6" s="58">
        <v>384</v>
      </c>
      <c r="EH6" s="59">
        <v>0</v>
      </c>
      <c r="EI6" s="60">
        <v>666</v>
      </c>
      <c r="EJ6" s="60">
        <v>662</v>
      </c>
      <c r="EK6" s="60">
        <v>574</v>
      </c>
      <c r="EL6" s="60">
        <v>616</v>
      </c>
      <c r="EM6" s="60">
        <v>398</v>
      </c>
      <c r="EN6" s="58">
        <v>2916</v>
      </c>
      <c r="EO6" s="62">
        <v>3300</v>
      </c>
      <c r="EP6" s="57">
        <v>917</v>
      </c>
      <c r="EQ6" s="60">
        <v>1762</v>
      </c>
      <c r="ER6" s="58">
        <v>2679</v>
      </c>
      <c r="ES6" s="59">
        <v>0</v>
      </c>
      <c r="ET6" s="60">
        <v>3862</v>
      </c>
      <c r="EU6" s="60">
        <v>3958</v>
      </c>
      <c r="EV6" s="60">
        <v>1926</v>
      </c>
      <c r="EW6" s="60">
        <v>1290</v>
      </c>
      <c r="EX6" s="60">
        <v>763</v>
      </c>
      <c r="EY6" s="58">
        <v>11799</v>
      </c>
      <c r="EZ6" s="62">
        <v>14478</v>
      </c>
    </row>
    <row r="7" spans="2:156" ht="21" customHeight="1" x14ac:dyDescent="0.2">
      <c r="B7" s="130" t="s">
        <v>5</v>
      </c>
      <c r="C7" s="63">
        <v>0</v>
      </c>
      <c r="D7" s="66">
        <v>0</v>
      </c>
      <c r="E7" s="111">
        <v>0</v>
      </c>
      <c r="F7" s="65">
        <v>0</v>
      </c>
      <c r="G7" s="66">
        <v>470</v>
      </c>
      <c r="H7" s="66">
        <v>692</v>
      </c>
      <c r="I7" s="66">
        <v>303</v>
      </c>
      <c r="J7" s="66">
        <v>239</v>
      </c>
      <c r="K7" s="66">
        <v>180</v>
      </c>
      <c r="L7" s="67">
        <v>1884</v>
      </c>
      <c r="M7" s="68">
        <v>1884</v>
      </c>
      <c r="N7" s="63">
        <v>0</v>
      </c>
      <c r="O7" s="66">
        <v>2</v>
      </c>
      <c r="P7" s="64">
        <v>2</v>
      </c>
      <c r="Q7" s="65">
        <v>0</v>
      </c>
      <c r="R7" s="66">
        <v>6</v>
      </c>
      <c r="S7" s="66">
        <v>7</v>
      </c>
      <c r="T7" s="66">
        <v>22</v>
      </c>
      <c r="U7" s="66">
        <v>59</v>
      </c>
      <c r="V7" s="66">
        <v>105</v>
      </c>
      <c r="W7" s="64">
        <v>199</v>
      </c>
      <c r="X7" s="68">
        <v>201</v>
      </c>
      <c r="Y7" s="63">
        <v>91</v>
      </c>
      <c r="Z7" s="66">
        <v>266</v>
      </c>
      <c r="AA7" s="64">
        <v>357</v>
      </c>
      <c r="AB7" s="65">
        <v>0</v>
      </c>
      <c r="AC7" s="66">
        <v>340</v>
      </c>
      <c r="AD7" s="66">
        <v>693</v>
      </c>
      <c r="AE7" s="66">
        <v>352</v>
      </c>
      <c r="AF7" s="66">
        <v>268</v>
      </c>
      <c r="AG7" s="66">
        <v>171</v>
      </c>
      <c r="AH7" s="64">
        <v>1824</v>
      </c>
      <c r="AI7" s="68">
        <v>2181</v>
      </c>
      <c r="AJ7" s="63">
        <v>9</v>
      </c>
      <c r="AK7" s="66">
        <v>37</v>
      </c>
      <c r="AL7" s="64">
        <v>46</v>
      </c>
      <c r="AM7" s="65">
        <v>0</v>
      </c>
      <c r="AN7" s="66">
        <v>31</v>
      </c>
      <c r="AO7" s="66">
        <v>80</v>
      </c>
      <c r="AP7" s="66">
        <v>34</v>
      </c>
      <c r="AQ7" s="66">
        <v>35</v>
      </c>
      <c r="AR7" s="66">
        <v>17</v>
      </c>
      <c r="AS7" s="64">
        <v>197</v>
      </c>
      <c r="AT7" s="68">
        <v>243</v>
      </c>
      <c r="AU7" s="63">
        <v>141</v>
      </c>
      <c r="AV7" s="66">
        <v>186</v>
      </c>
      <c r="AW7" s="64">
        <v>327</v>
      </c>
      <c r="AX7" s="65">
        <v>0</v>
      </c>
      <c r="AY7" s="66">
        <v>539</v>
      </c>
      <c r="AZ7" s="66">
        <v>783</v>
      </c>
      <c r="BA7" s="66">
        <v>612</v>
      </c>
      <c r="BB7" s="66">
        <v>634</v>
      </c>
      <c r="BC7" s="66">
        <v>449</v>
      </c>
      <c r="BD7" s="67">
        <v>3017</v>
      </c>
      <c r="BE7" s="68">
        <v>3344</v>
      </c>
      <c r="BF7" s="63">
        <v>0</v>
      </c>
      <c r="BG7" s="66">
        <v>0</v>
      </c>
      <c r="BH7" s="64">
        <v>0</v>
      </c>
      <c r="BI7" s="65">
        <v>0</v>
      </c>
      <c r="BJ7" s="66">
        <v>467</v>
      </c>
      <c r="BK7" s="66">
        <v>538</v>
      </c>
      <c r="BL7" s="66">
        <v>217</v>
      </c>
      <c r="BM7" s="66">
        <v>121</v>
      </c>
      <c r="BN7" s="66">
        <v>64</v>
      </c>
      <c r="BO7" s="64">
        <v>1407</v>
      </c>
      <c r="BP7" s="68">
        <v>1407</v>
      </c>
      <c r="BQ7" s="63">
        <v>65</v>
      </c>
      <c r="BR7" s="66">
        <v>96</v>
      </c>
      <c r="BS7" s="64">
        <v>161</v>
      </c>
      <c r="BT7" s="65">
        <v>0</v>
      </c>
      <c r="BU7" s="66">
        <v>108</v>
      </c>
      <c r="BV7" s="66">
        <v>251</v>
      </c>
      <c r="BW7" s="66">
        <v>131</v>
      </c>
      <c r="BX7" s="66">
        <v>68</v>
      </c>
      <c r="BY7" s="66">
        <v>33</v>
      </c>
      <c r="BZ7" s="64">
        <v>591</v>
      </c>
      <c r="CA7" s="68">
        <v>752</v>
      </c>
      <c r="CB7" s="63">
        <v>0</v>
      </c>
      <c r="CC7" s="66">
        <v>4</v>
      </c>
      <c r="CD7" s="64">
        <v>4</v>
      </c>
      <c r="CE7" s="65">
        <v>0</v>
      </c>
      <c r="CF7" s="66">
        <v>41</v>
      </c>
      <c r="CG7" s="66">
        <v>92</v>
      </c>
      <c r="CH7" s="66">
        <v>90</v>
      </c>
      <c r="CI7" s="66">
        <v>50</v>
      </c>
      <c r="CJ7" s="66">
        <v>39</v>
      </c>
      <c r="CK7" s="64">
        <v>312</v>
      </c>
      <c r="CL7" s="68">
        <v>316</v>
      </c>
      <c r="CM7" s="63">
        <v>1</v>
      </c>
      <c r="CN7" s="66">
        <v>1</v>
      </c>
      <c r="CO7" s="64">
        <v>2</v>
      </c>
      <c r="CP7" s="65">
        <v>0</v>
      </c>
      <c r="CQ7" s="66">
        <v>9</v>
      </c>
      <c r="CR7" s="66">
        <v>24</v>
      </c>
      <c r="CS7" s="66">
        <v>20</v>
      </c>
      <c r="CT7" s="66">
        <v>26</v>
      </c>
      <c r="CU7" s="66">
        <v>13</v>
      </c>
      <c r="CV7" s="64">
        <v>92</v>
      </c>
      <c r="CW7" s="68">
        <v>94</v>
      </c>
      <c r="CX7" s="63">
        <v>0</v>
      </c>
      <c r="CY7" s="66">
        <v>0</v>
      </c>
      <c r="CZ7" s="64">
        <v>0</v>
      </c>
      <c r="DA7" s="65">
        <v>0</v>
      </c>
      <c r="DB7" s="66">
        <v>0</v>
      </c>
      <c r="DC7" s="66">
        <v>0</v>
      </c>
      <c r="DD7" s="66">
        <v>0</v>
      </c>
      <c r="DE7" s="66">
        <v>0</v>
      </c>
      <c r="DF7" s="66">
        <v>0</v>
      </c>
      <c r="DG7" s="64">
        <v>0</v>
      </c>
      <c r="DH7" s="68">
        <v>0</v>
      </c>
      <c r="DI7" s="63">
        <v>0</v>
      </c>
      <c r="DJ7" s="66">
        <v>0</v>
      </c>
      <c r="DK7" s="64">
        <v>0</v>
      </c>
      <c r="DL7" s="65">
        <v>0</v>
      </c>
      <c r="DM7" s="66">
        <v>0</v>
      </c>
      <c r="DN7" s="66">
        <v>0</v>
      </c>
      <c r="DO7" s="66">
        <v>0</v>
      </c>
      <c r="DP7" s="66">
        <v>0</v>
      </c>
      <c r="DQ7" s="66">
        <v>0</v>
      </c>
      <c r="DR7" s="64">
        <v>0</v>
      </c>
      <c r="DS7" s="68">
        <v>0</v>
      </c>
      <c r="DT7" s="63">
        <v>238</v>
      </c>
      <c r="DU7" s="66">
        <v>610</v>
      </c>
      <c r="DV7" s="64">
        <v>848</v>
      </c>
      <c r="DW7" s="65">
        <v>0</v>
      </c>
      <c r="DX7" s="66">
        <v>528</v>
      </c>
      <c r="DY7" s="66">
        <v>1348</v>
      </c>
      <c r="DZ7" s="66">
        <v>692</v>
      </c>
      <c r="EA7" s="66">
        <v>529</v>
      </c>
      <c r="EB7" s="66">
        <v>319</v>
      </c>
      <c r="EC7" s="64">
        <v>3416</v>
      </c>
      <c r="ED7" s="68">
        <v>4264</v>
      </c>
      <c r="EE7" s="63">
        <v>97</v>
      </c>
      <c r="EF7" s="66">
        <v>82</v>
      </c>
      <c r="EG7" s="64">
        <v>179</v>
      </c>
      <c r="EH7" s="65">
        <v>0</v>
      </c>
      <c r="EI7" s="66">
        <v>275</v>
      </c>
      <c r="EJ7" s="66">
        <v>331</v>
      </c>
      <c r="EK7" s="66">
        <v>265</v>
      </c>
      <c r="EL7" s="66">
        <v>289</v>
      </c>
      <c r="EM7" s="66">
        <v>165</v>
      </c>
      <c r="EN7" s="64">
        <v>1325</v>
      </c>
      <c r="EO7" s="68">
        <v>1504</v>
      </c>
      <c r="EP7" s="63">
        <v>361</v>
      </c>
      <c r="EQ7" s="66">
        <v>851</v>
      </c>
      <c r="ER7" s="64">
        <v>1212</v>
      </c>
      <c r="ES7" s="65">
        <v>0</v>
      </c>
      <c r="ET7" s="66">
        <v>1357</v>
      </c>
      <c r="EU7" s="66">
        <v>1936</v>
      </c>
      <c r="EV7" s="66">
        <v>845</v>
      </c>
      <c r="EW7" s="66">
        <v>566</v>
      </c>
      <c r="EX7" s="66">
        <v>335</v>
      </c>
      <c r="EY7" s="64">
        <v>5039</v>
      </c>
      <c r="EZ7" s="68">
        <v>6251</v>
      </c>
    </row>
    <row r="8" spans="2:156" ht="21" customHeight="1" x14ac:dyDescent="0.2">
      <c r="B8" s="131" t="s">
        <v>6</v>
      </c>
      <c r="C8" s="63">
        <v>0</v>
      </c>
      <c r="D8" s="66">
        <v>0</v>
      </c>
      <c r="E8" s="111">
        <v>0</v>
      </c>
      <c r="F8" s="65">
        <v>0</v>
      </c>
      <c r="G8" s="66">
        <v>218</v>
      </c>
      <c r="H8" s="66">
        <v>184</v>
      </c>
      <c r="I8" s="66">
        <v>93</v>
      </c>
      <c r="J8" s="66">
        <v>100</v>
      </c>
      <c r="K8" s="66">
        <v>71</v>
      </c>
      <c r="L8" s="67">
        <v>666</v>
      </c>
      <c r="M8" s="68">
        <v>666</v>
      </c>
      <c r="N8" s="63">
        <v>0</v>
      </c>
      <c r="O8" s="66">
        <v>0</v>
      </c>
      <c r="P8" s="64">
        <v>0</v>
      </c>
      <c r="Q8" s="65">
        <v>0</v>
      </c>
      <c r="R8" s="66">
        <v>2</v>
      </c>
      <c r="S8" s="66">
        <v>4</v>
      </c>
      <c r="T8" s="66">
        <v>9</v>
      </c>
      <c r="U8" s="66">
        <v>27</v>
      </c>
      <c r="V8" s="66">
        <v>21</v>
      </c>
      <c r="W8" s="64">
        <v>63</v>
      </c>
      <c r="X8" s="68">
        <v>63</v>
      </c>
      <c r="Y8" s="63">
        <v>36</v>
      </c>
      <c r="Z8" s="66">
        <v>83</v>
      </c>
      <c r="AA8" s="64">
        <v>119</v>
      </c>
      <c r="AB8" s="65">
        <v>0</v>
      </c>
      <c r="AC8" s="66">
        <v>217</v>
      </c>
      <c r="AD8" s="66">
        <v>189</v>
      </c>
      <c r="AE8" s="66">
        <v>138</v>
      </c>
      <c r="AF8" s="66">
        <v>96</v>
      </c>
      <c r="AG8" s="66">
        <v>59</v>
      </c>
      <c r="AH8" s="64">
        <v>699</v>
      </c>
      <c r="AI8" s="68">
        <v>818</v>
      </c>
      <c r="AJ8" s="63">
        <v>4</v>
      </c>
      <c r="AK8" s="66">
        <v>4</v>
      </c>
      <c r="AL8" s="64">
        <v>8</v>
      </c>
      <c r="AM8" s="65">
        <v>0</v>
      </c>
      <c r="AN8" s="66">
        <v>20</v>
      </c>
      <c r="AO8" s="66">
        <v>16</v>
      </c>
      <c r="AP8" s="66">
        <v>8</v>
      </c>
      <c r="AQ8" s="66">
        <v>14</v>
      </c>
      <c r="AR8" s="66">
        <v>5</v>
      </c>
      <c r="AS8" s="64">
        <v>63</v>
      </c>
      <c r="AT8" s="68">
        <v>71</v>
      </c>
      <c r="AU8" s="63">
        <v>50</v>
      </c>
      <c r="AV8" s="66">
        <v>61</v>
      </c>
      <c r="AW8" s="64">
        <v>111</v>
      </c>
      <c r="AX8" s="65">
        <v>0</v>
      </c>
      <c r="AY8" s="66">
        <v>281</v>
      </c>
      <c r="AZ8" s="66">
        <v>277</v>
      </c>
      <c r="BA8" s="66">
        <v>256</v>
      </c>
      <c r="BB8" s="66">
        <v>251</v>
      </c>
      <c r="BC8" s="66">
        <v>208</v>
      </c>
      <c r="BD8" s="67">
        <v>1273</v>
      </c>
      <c r="BE8" s="68">
        <v>1384</v>
      </c>
      <c r="BF8" s="63">
        <v>0</v>
      </c>
      <c r="BG8" s="66">
        <v>0</v>
      </c>
      <c r="BH8" s="64">
        <v>0</v>
      </c>
      <c r="BI8" s="65">
        <v>0</v>
      </c>
      <c r="BJ8" s="66">
        <v>282</v>
      </c>
      <c r="BK8" s="66">
        <v>175</v>
      </c>
      <c r="BL8" s="66">
        <v>89</v>
      </c>
      <c r="BM8" s="66">
        <v>47</v>
      </c>
      <c r="BN8" s="66">
        <v>26</v>
      </c>
      <c r="BO8" s="64">
        <v>619</v>
      </c>
      <c r="BP8" s="68">
        <v>619</v>
      </c>
      <c r="BQ8" s="63">
        <v>10</v>
      </c>
      <c r="BR8" s="66">
        <v>16</v>
      </c>
      <c r="BS8" s="64">
        <v>26</v>
      </c>
      <c r="BT8" s="65">
        <v>0</v>
      </c>
      <c r="BU8" s="66">
        <v>63</v>
      </c>
      <c r="BV8" s="66">
        <v>59</v>
      </c>
      <c r="BW8" s="66">
        <v>37</v>
      </c>
      <c r="BX8" s="66">
        <v>25</v>
      </c>
      <c r="BY8" s="66">
        <v>8</v>
      </c>
      <c r="BZ8" s="64">
        <v>192</v>
      </c>
      <c r="CA8" s="68">
        <v>218</v>
      </c>
      <c r="CB8" s="63">
        <v>0</v>
      </c>
      <c r="CC8" s="66">
        <v>1</v>
      </c>
      <c r="CD8" s="64">
        <v>1</v>
      </c>
      <c r="CE8" s="65">
        <v>0</v>
      </c>
      <c r="CF8" s="66">
        <v>15</v>
      </c>
      <c r="CG8" s="66">
        <v>31</v>
      </c>
      <c r="CH8" s="66">
        <v>36</v>
      </c>
      <c r="CI8" s="66">
        <v>25</v>
      </c>
      <c r="CJ8" s="66">
        <v>14</v>
      </c>
      <c r="CK8" s="64">
        <v>121</v>
      </c>
      <c r="CL8" s="68">
        <v>122</v>
      </c>
      <c r="CM8" s="63">
        <v>0</v>
      </c>
      <c r="CN8" s="66">
        <v>0</v>
      </c>
      <c r="CO8" s="64">
        <v>0</v>
      </c>
      <c r="CP8" s="65">
        <v>0</v>
      </c>
      <c r="CQ8" s="66">
        <v>7</v>
      </c>
      <c r="CR8" s="66">
        <v>4</v>
      </c>
      <c r="CS8" s="66">
        <v>7</v>
      </c>
      <c r="CT8" s="66">
        <v>4</v>
      </c>
      <c r="CU8" s="66">
        <v>4</v>
      </c>
      <c r="CV8" s="64">
        <v>26</v>
      </c>
      <c r="CW8" s="68">
        <v>26</v>
      </c>
      <c r="CX8" s="63">
        <v>0</v>
      </c>
      <c r="CY8" s="66">
        <v>0</v>
      </c>
      <c r="CZ8" s="64">
        <v>0</v>
      </c>
      <c r="DA8" s="65">
        <v>0</v>
      </c>
      <c r="DB8" s="66">
        <v>0</v>
      </c>
      <c r="DC8" s="66">
        <v>0</v>
      </c>
      <c r="DD8" s="66">
        <v>0</v>
      </c>
      <c r="DE8" s="66">
        <v>0</v>
      </c>
      <c r="DF8" s="66">
        <v>0</v>
      </c>
      <c r="DG8" s="64">
        <v>0</v>
      </c>
      <c r="DH8" s="68">
        <v>0</v>
      </c>
      <c r="DI8" s="63">
        <v>0</v>
      </c>
      <c r="DJ8" s="66">
        <v>0</v>
      </c>
      <c r="DK8" s="64">
        <v>0</v>
      </c>
      <c r="DL8" s="65">
        <v>0</v>
      </c>
      <c r="DM8" s="66">
        <v>0</v>
      </c>
      <c r="DN8" s="66">
        <v>0</v>
      </c>
      <c r="DO8" s="66">
        <v>0</v>
      </c>
      <c r="DP8" s="66">
        <v>0</v>
      </c>
      <c r="DQ8" s="66">
        <v>0</v>
      </c>
      <c r="DR8" s="64">
        <v>0</v>
      </c>
      <c r="DS8" s="68">
        <v>0</v>
      </c>
      <c r="DT8" s="63">
        <v>115</v>
      </c>
      <c r="DU8" s="66">
        <v>195</v>
      </c>
      <c r="DV8" s="64">
        <v>310</v>
      </c>
      <c r="DW8" s="65">
        <v>0</v>
      </c>
      <c r="DX8" s="66">
        <v>357</v>
      </c>
      <c r="DY8" s="66">
        <v>421</v>
      </c>
      <c r="DZ8" s="66">
        <v>256</v>
      </c>
      <c r="EA8" s="66">
        <v>210</v>
      </c>
      <c r="EB8" s="66">
        <v>130</v>
      </c>
      <c r="EC8" s="64">
        <v>1374</v>
      </c>
      <c r="ED8" s="68">
        <v>1684</v>
      </c>
      <c r="EE8" s="63">
        <v>36</v>
      </c>
      <c r="EF8" s="66">
        <v>21</v>
      </c>
      <c r="EG8" s="64">
        <v>57</v>
      </c>
      <c r="EH8" s="65">
        <v>0</v>
      </c>
      <c r="EI8" s="66">
        <v>130</v>
      </c>
      <c r="EJ8" s="66">
        <v>110</v>
      </c>
      <c r="EK8" s="66">
        <v>93</v>
      </c>
      <c r="EL8" s="66">
        <v>98</v>
      </c>
      <c r="EM8" s="66">
        <v>74</v>
      </c>
      <c r="EN8" s="64">
        <v>505</v>
      </c>
      <c r="EO8" s="68">
        <v>562</v>
      </c>
      <c r="EP8" s="63">
        <v>154</v>
      </c>
      <c r="EQ8" s="66">
        <v>257</v>
      </c>
      <c r="ER8" s="64">
        <v>411</v>
      </c>
      <c r="ES8" s="65">
        <v>0</v>
      </c>
      <c r="ET8" s="66">
        <v>751</v>
      </c>
      <c r="EU8" s="66">
        <v>558</v>
      </c>
      <c r="EV8" s="66">
        <v>294</v>
      </c>
      <c r="EW8" s="66">
        <v>220</v>
      </c>
      <c r="EX8" s="66">
        <v>127</v>
      </c>
      <c r="EY8" s="64">
        <v>1950</v>
      </c>
      <c r="EZ8" s="68">
        <v>2361</v>
      </c>
    </row>
    <row r="9" spans="2:156" ht="21" customHeight="1" x14ac:dyDescent="0.2">
      <c r="B9" s="131" t="s">
        <v>14</v>
      </c>
      <c r="C9" s="63">
        <v>0</v>
      </c>
      <c r="D9" s="66">
        <v>0</v>
      </c>
      <c r="E9" s="111">
        <v>0</v>
      </c>
      <c r="F9" s="65">
        <v>0</v>
      </c>
      <c r="G9" s="66">
        <v>50</v>
      </c>
      <c r="H9" s="66">
        <v>81</v>
      </c>
      <c r="I9" s="66">
        <v>39</v>
      </c>
      <c r="J9" s="66">
        <v>39</v>
      </c>
      <c r="K9" s="66">
        <v>24</v>
      </c>
      <c r="L9" s="67">
        <v>233</v>
      </c>
      <c r="M9" s="68">
        <v>233</v>
      </c>
      <c r="N9" s="63">
        <v>0</v>
      </c>
      <c r="O9" s="66">
        <v>0</v>
      </c>
      <c r="P9" s="64">
        <v>0</v>
      </c>
      <c r="Q9" s="65">
        <v>0</v>
      </c>
      <c r="R9" s="66">
        <v>0</v>
      </c>
      <c r="S9" s="66">
        <v>2</v>
      </c>
      <c r="T9" s="66">
        <v>2</v>
      </c>
      <c r="U9" s="66">
        <v>16</v>
      </c>
      <c r="V9" s="66">
        <v>7</v>
      </c>
      <c r="W9" s="64">
        <v>27</v>
      </c>
      <c r="X9" s="68">
        <v>27</v>
      </c>
      <c r="Y9" s="63">
        <v>5</v>
      </c>
      <c r="Z9" s="66">
        <v>20</v>
      </c>
      <c r="AA9" s="64">
        <v>25</v>
      </c>
      <c r="AB9" s="65">
        <v>0</v>
      </c>
      <c r="AC9" s="66">
        <v>35</v>
      </c>
      <c r="AD9" s="66">
        <v>67</v>
      </c>
      <c r="AE9" s="66">
        <v>31</v>
      </c>
      <c r="AF9" s="66">
        <v>40</v>
      </c>
      <c r="AG9" s="66">
        <v>27</v>
      </c>
      <c r="AH9" s="64">
        <v>200</v>
      </c>
      <c r="AI9" s="68">
        <v>225</v>
      </c>
      <c r="AJ9" s="63">
        <v>0</v>
      </c>
      <c r="AK9" s="66">
        <v>3</v>
      </c>
      <c r="AL9" s="64">
        <v>3</v>
      </c>
      <c r="AM9" s="65">
        <v>0</v>
      </c>
      <c r="AN9" s="66">
        <v>2</v>
      </c>
      <c r="AO9" s="66">
        <v>6</v>
      </c>
      <c r="AP9" s="66">
        <v>4</v>
      </c>
      <c r="AQ9" s="66">
        <v>0</v>
      </c>
      <c r="AR9" s="66">
        <v>1</v>
      </c>
      <c r="AS9" s="64">
        <v>13</v>
      </c>
      <c r="AT9" s="68">
        <v>16</v>
      </c>
      <c r="AU9" s="63">
        <v>8</v>
      </c>
      <c r="AV9" s="66">
        <v>22</v>
      </c>
      <c r="AW9" s="64">
        <v>30</v>
      </c>
      <c r="AX9" s="65">
        <v>0</v>
      </c>
      <c r="AY9" s="66">
        <v>71</v>
      </c>
      <c r="AZ9" s="66">
        <v>87</v>
      </c>
      <c r="BA9" s="66">
        <v>92</v>
      </c>
      <c r="BB9" s="66">
        <v>81</v>
      </c>
      <c r="BC9" s="66">
        <v>58</v>
      </c>
      <c r="BD9" s="67">
        <v>389</v>
      </c>
      <c r="BE9" s="68">
        <v>419</v>
      </c>
      <c r="BF9" s="63">
        <v>0</v>
      </c>
      <c r="BG9" s="66">
        <v>0</v>
      </c>
      <c r="BH9" s="64">
        <v>0</v>
      </c>
      <c r="BI9" s="65">
        <v>0</v>
      </c>
      <c r="BJ9" s="66">
        <v>93</v>
      </c>
      <c r="BK9" s="66">
        <v>96</v>
      </c>
      <c r="BL9" s="66">
        <v>61</v>
      </c>
      <c r="BM9" s="66">
        <v>24</v>
      </c>
      <c r="BN9" s="66">
        <v>10</v>
      </c>
      <c r="BO9" s="64">
        <v>284</v>
      </c>
      <c r="BP9" s="68">
        <v>284</v>
      </c>
      <c r="BQ9" s="63">
        <v>6</v>
      </c>
      <c r="BR9" s="66">
        <v>10</v>
      </c>
      <c r="BS9" s="64">
        <v>16</v>
      </c>
      <c r="BT9" s="65">
        <v>0</v>
      </c>
      <c r="BU9" s="66">
        <v>10</v>
      </c>
      <c r="BV9" s="66">
        <v>20</v>
      </c>
      <c r="BW9" s="66">
        <v>11</v>
      </c>
      <c r="BX9" s="66">
        <v>7</v>
      </c>
      <c r="BY9" s="66">
        <v>4</v>
      </c>
      <c r="BZ9" s="64">
        <v>52</v>
      </c>
      <c r="CA9" s="68">
        <v>68</v>
      </c>
      <c r="CB9" s="63">
        <v>0</v>
      </c>
      <c r="CC9" s="66">
        <v>1</v>
      </c>
      <c r="CD9" s="64">
        <v>1</v>
      </c>
      <c r="CE9" s="65">
        <v>0</v>
      </c>
      <c r="CF9" s="66">
        <v>5</v>
      </c>
      <c r="CG9" s="66">
        <v>20</v>
      </c>
      <c r="CH9" s="66">
        <v>21</v>
      </c>
      <c r="CI9" s="66">
        <v>22</v>
      </c>
      <c r="CJ9" s="66">
        <v>8</v>
      </c>
      <c r="CK9" s="64">
        <v>76</v>
      </c>
      <c r="CL9" s="68">
        <v>77</v>
      </c>
      <c r="CM9" s="63">
        <v>0</v>
      </c>
      <c r="CN9" s="66">
        <v>0</v>
      </c>
      <c r="CO9" s="64">
        <v>0</v>
      </c>
      <c r="CP9" s="65">
        <v>0</v>
      </c>
      <c r="CQ9" s="66">
        <v>0</v>
      </c>
      <c r="CR9" s="66">
        <v>0</v>
      </c>
      <c r="CS9" s="66">
        <v>0</v>
      </c>
      <c r="CT9" s="66">
        <v>0</v>
      </c>
      <c r="CU9" s="66">
        <v>0</v>
      </c>
      <c r="CV9" s="64">
        <v>0</v>
      </c>
      <c r="CW9" s="68">
        <v>0</v>
      </c>
      <c r="CX9" s="63">
        <v>0</v>
      </c>
      <c r="CY9" s="66">
        <v>0</v>
      </c>
      <c r="CZ9" s="64">
        <v>0</v>
      </c>
      <c r="DA9" s="65">
        <v>0</v>
      </c>
      <c r="DB9" s="66">
        <v>0</v>
      </c>
      <c r="DC9" s="66">
        <v>0</v>
      </c>
      <c r="DD9" s="66">
        <v>0</v>
      </c>
      <c r="DE9" s="66">
        <v>0</v>
      </c>
      <c r="DF9" s="66">
        <v>0</v>
      </c>
      <c r="DG9" s="64">
        <v>0</v>
      </c>
      <c r="DH9" s="68">
        <v>0</v>
      </c>
      <c r="DI9" s="63">
        <v>0</v>
      </c>
      <c r="DJ9" s="66">
        <v>0</v>
      </c>
      <c r="DK9" s="64">
        <v>0</v>
      </c>
      <c r="DL9" s="65">
        <v>0</v>
      </c>
      <c r="DM9" s="66">
        <v>0</v>
      </c>
      <c r="DN9" s="66">
        <v>0</v>
      </c>
      <c r="DO9" s="66">
        <v>0</v>
      </c>
      <c r="DP9" s="66">
        <v>0</v>
      </c>
      <c r="DQ9" s="66">
        <v>0</v>
      </c>
      <c r="DR9" s="64">
        <v>0</v>
      </c>
      <c r="DS9" s="68">
        <v>0</v>
      </c>
      <c r="DT9" s="63">
        <v>37</v>
      </c>
      <c r="DU9" s="66">
        <v>86</v>
      </c>
      <c r="DV9" s="64">
        <v>123</v>
      </c>
      <c r="DW9" s="65">
        <v>0</v>
      </c>
      <c r="DX9" s="66">
        <v>87</v>
      </c>
      <c r="DY9" s="66">
        <v>183</v>
      </c>
      <c r="DZ9" s="66">
        <v>113</v>
      </c>
      <c r="EA9" s="66">
        <v>74</v>
      </c>
      <c r="EB9" s="66">
        <v>46</v>
      </c>
      <c r="EC9" s="64">
        <v>503</v>
      </c>
      <c r="ED9" s="68">
        <v>626</v>
      </c>
      <c r="EE9" s="63">
        <v>7</v>
      </c>
      <c r="EF9" s="66">
        <v>7</v>
      </c>
      <c r="EG9" s="64">
        <v>14</v>
      </c>
      <c r="EH9" s="65">
        <v>0</v>
      </c>
      <c r="EI9" s="66">
        <v>37</v>
      </c>
      <c r="EJ9" s="66">
        <v>31</v>
      </c>
      <c r="EK9" s="66">
        <v>31</v>
      </c>
      <c r="EL9" s="66">
        <v>26</v>
      </c>
      <c r="EM9" s="66">
        <v>20</v>
      </c>
      <c r="EN9" s="64">
        <v>145</v>
      </c>
      <c r="EO9" s="68">
        <v>159</v>
      </c>
      <c r="EP9" s="63">
        <v>45</v>
      </c>
      <c r="EQ9" s="66">
        <v>103</v>
      </c>
      <c r="ER9" s="64">
        <v>148</v>
      </c>
      <c r="ES9" s="65">
        <v>0</v>
      </c>
      <c r="ET9" s="66">
        <v>190</v>
      </c>
      <c r="EU9" s="66">
        <v>267</v>
      </c>
      <c r="EV9" s="66">
        <v>133</v>
      </c>
      <c r="EW9" s="66">
        <v>87</v>
      </c>
      <c r="EX9" s="66">
        <v>47</v>
      </c>
      <c r="EY9" s="64">
        <v>724</v>
      </c>
      <c r="EZ9" s="68">
        <v>872</v>
      </c>
    </row>
    <row r="10" spans="2:156" ht="21" customHeight="1" x14ac:dyDescent="0.2">
      <c r="B10" s="131" t="s">
        <v>7</v>
      </c>
      <c r="C10" s="63">
        <v>0</v>
      </c>
      <c r="D10" s="66">
        <v>0</v>
      </c>
      <c r="E10" s="111">
        <v>0</v>
      </c>
      <c r="F10" s="65">
        <v>0</v>
      </c>
      <c r="G10" s="66">
        <v>48</v>
      </c>
      <c r="H10" s="66">
        <v>40</v>
      </c>
      <c r="I10" s="66">
        <v>17</v>
      </c>
      <c r="J10" s="66">
        <v>13</v>
      </c>
      <c r="K10" s="66">
        <v>13</v>
      </c>
      <c r="L10" s="67">
        <v>131</v>
      </c>
      <c r="M10" s="68">
        <v>131</v>
      </c>
      <c r="N10" s="63">
        <v>0</v>
      </c>
      <c r="O10" s="66">
        <v>0</v>
      </c>
      <c r="P10" s="64">
        <v>0</v>
      </c>
      <c r="Q10" s="65">
        <v>0</v>
      </c>
      <c r="R10" s="66">
        <v>1</v>
      </c>
      <c r="S10" s="66">
        <v>0</v>
      </c>
      <c r="T10" s="66">
        <v>0</v>
      </c>
      <c r="U10" s="66">
        <v>5</v>
      </c>
      <c r="V10" s="66">
        <v>8</v>
      </c>
      <c r="W10" s="64">
        <v>14</v>
      </c>
      <c r="X10" s="68">
        <v>14</v>
      </c>
      <c r="Y10" s="63">
        <v>1</v>
      </c>
      <c r="Z10" s="66">
        <v>5</v>
      </c>
      <c r="AA10" s="64">
        <v>6</v>
      </c>
      <c r="AB10" s="65">
        <v>0</v>
      </c>
      <c r="AC10" s="66">
        <v>29</v>
      </c>
      <c r="AD10" s="66">
        <v>23</v>
      </c>
      <c r="AE10" s="66">
        <v>16</v>
      </c>
      <c r="AF10" s="66">
        <v>17</v>
      </c>
      <c r="AG10" s="66">
        <v>11</v>
      </c>
      <c r="AH10" s="64">
        <v>96</v>
      </c>
      <c r="AI10" s="68">
        <v>102</v>
      </c>
      <c r="AJ10" s="63">
        <v>1</v>
      </c>
      <c r="AK10" s="66">
        <v>0</v>
      </c>
      <c r="AL10" s="64">
        <v>1</v>
      </c>
      <c r="AM10" s="65">
        <v>0</v>
      </c>
      <c r="AN10" s="66">
        <v>3</v>
      </c>
      <c r="AO10" s="66">
        <v>5</v>
      </c>
      <c r="AP10" s="66">
        <v>4</v>
      </c>
      <c r="AQ10" s="66">
        <v>4</v>
      </c>
      <c r="AR10" s="66">
        <v>1</v>
      </c>
      <c r="AS10" s="64">
        <v>17</v>
      </c>
      <c r="AT10" s="68">
        <v>18</v>
      </c>
      <c r="AU10" s="63">
        <v>16</v>
      </c>
      <c r="AV10" s="66">
        <v>9</v>
      </c>
      <c r="AW10" s="64">
        <v>25</v>
      </c>
      <c r="AX10" s="65">
        <v>0</v>
      </c>
      <c r="AY10" s="66">
        <v>69</v>
      </c>
      <c r="AZ10" s="66">
        <v>49</v>
      </c>
      <c r="BA10" s="66">
        <v>37</v>
      </c>
      <c r="BB10" s="66">
        <v>43</v>
      </c>
      <c r="BC10" s="66">
        <v>38</v>
      </c>
      <c r="BD10" s="67">
        <v>236</v>
      </c>
      <c r="BE10" s="68">
        <v>261</v>
      </c>
      <c r="BF10" s="63">
        <v>0</v>
      </c>
      <c r="BG10" s="66">
        <v>0</v>
      </c>
      <c r="BH10" s="64">
        <v>0</v>
      </c>
      <c r="BI10" s="65">
        <v>0</v>
      </c>
      <c r="BJ10" s="66">
        <v>83</v>
      </c>
      <c r="BK10" s="66">
        <v>41</v>
      </c>
      <c r="BL10" s="66">
        <v>18</v>
      </c>
      <c r="BM10" s="66">
        <v>8</v>
      </c>
      <c r="BN10" s="66">
        <v>6</v>
      </c>
      <c r="BO10" s="64">
        <v>156</v>
      </c>
      <c r="BP10" s="68">
        <v>156</v>
      </c>
      <c r="BQ10" s="63">
        <v>2</v>
      </c>
      <c r="BR10" s="66">
        <v>3</v>
      </c>
      <c r="BS10" s="64">
        <v>5</v>
      </c>
      <c r="BT10" s="65">
        <v>0</v>
      </c>
      <c r="BU10" s="66">
        <v>16</v>
      </c>
      <c r="BV10" s="66">
        <v>11</v>
      </c>
      <c r="BW10" s="66">
        <v>8</v>
      </c>
      <c r="BX10" s="66">
        <v>2</v>
      </c>
      <c r="BY10" s="66">
        <v>2</v>
      </c>
      <c r="BZ10" s="64">
        <v>39</v>
      </c>
      <c r="CA10" s="68">
        <v>44</v>
      </c>
      <c r="CB10" s="63">
        <v>0</v>
      </c>
      <c r="CC10" s="66">
        <v>0</v>
      </c>
      <c r="CD10" s="64">
        <v>0</v>
      </c>
      <c r="CE10" s="65">
        <v>0</v>
      </c>
      <c r="CF10" s="66">
        <v>10</v>
      </c>
      <c r="CG10" s="66">
        <v>10</v>
      </c>
      <c r="CH10" s="66">
        <v>6</v>
      </c>
      <c r="CI10" s="66">
        <v>4</v>
      </c>
      <c r="CJ10" s="66">
        <v>5</v>
      </c>
      <c r="CK10" s="64">
        <v>35</v>
      </c>
      <c r="CL10" s="68">
        <v>35</v>
      </c>
      <c r="CM10" s="63">
        <v>0</v>
      </c>
      <c r="CN10" s="66">
        <v>0</v>
      </c>
      <c r="CO10" s="64">
        <v>0</v>
      </c>
      <c r="CP10" s="65">
        <v>0</v>
      </c>
      <c r="CQ10" s="66">
        <v>1</v>
      </c>
      <c r="CR10" s="66">
        <v>1</v>
      </c>
      <c r="CS10" s="66">
        <v>1</v>
      </c>
      <c r="CT10" s="66">
        <v>0</v>
      </c>
      <c r="CU10" s="66">
        <v>0</v>
      </c>
      <c r="CV10" s="64">
        <v>3</v>
      </c>
      <c r="CW10" s="68">
        <v>3</v>
      </c>
      <c r="CX10" s="63">
        <v>0</v>
      </c>
      <c r="CY10" s="66">
        <v>0</v>
      </c>
      <c r="CZ10" s="64">
        <v>0</v>
      </c>
      <c r="DA10" s="65">
        <v>0</v>
      </c>
      <c r="DB10" s="66">
        <v>0</v>
      </c>
      <c r="DC10" s="66">
        <v>0</v>
      </c>
      <c r="DD10" s="66">
        <v>0</v>
      </c>
      <c r="DE10" s="66">
        <v>0</v>
      </c>
      <c r="DF10" s="66">
        <v>0</v>
      </c>
      <c r="DG10" s="64">
        <v>0</v>
      </c>
      <c r="DH10" s="68">
        <v>0</v>
      </c>
      <c r="DI10" s="63">
        <v>0</v>
      </c>
      <c r="DJ10" s="66">
        <v>0</v>
      </c>
      <c r="DK10" s="64">
        <v>0</v>
      </c>
      <c r="DL10" s="65">
        <v>0</v>
      </c>
      <c r="DM10" s="66">
        <v>0</v>
      </c>
      <c r="DN10" s="66">
        <v>0</v>
      </c>
      <c r="DO10" s="66">
        <v>0</v>
      </c>
      <c r="DP10" s="66">
        <v>0</v>
      </c>
      <c r="DQ10" s="66">
        <v>0</v>
      </c>
      <c r="DR10" s="64">
        <v>0</v>
      </c>
      <c r="DS10" s="68">
        <v>0</v>
      </c>
      <c r="DT10" s="63">
        <v>10</v>
      </c>
      <c r="DU10" s="66">
        <v>33</v>
      </c>
      <c r="DV10" s="64">
        <v>43</v>
      </c>
      <c r="DW10" s="65">
        <v>0</v>
      </c>
      <c r="DX10" s="66">
        <v>87</v>
      </c>
      <c r="DY10" s="66">
        <v>84</v>
      </c>
      <c r="DZ10" s="66">
        <v>43</v>
      </c>
      <c r="EA10" s="66">
        <v>38</v>
      </c>
      <c r="EB10" s="66">
        <v>26</v>
      </c>
      <c r="EC10" s="64">
        <v>278</v>
      </c>
      <c r="ED10" s="68">
        <v>321</v>
      </c>
      <c r="EE10" s="63">
        <v>12</v>
      </c>
      <c r="EF10" s="66">
        <v>4</v>
      </c>
      <c r="EG10" s="64">
        <v>16</v>
      </c>
      <c r="EH10" s="65">
        <v>0</v>
      </c>
      <c r="EI10" s="66">
        <v>32</v>
      </c>
      <c r="EJ10" s="66">
        <v>20</v>
      </c>
      <c r="EK10" s="66">
        <v>17</v>
      </c>
      <c r="EL10" s="66">
        <v>15</v>
      </c>
      <c r="EM10" s="66">
        <v>13</v>
      </c>
      <c r="EN10" s="64">
        <v>97</v>
      </c>
      <c r="EO10" s="68">
        <v>113</v>
      </c>
      <c r="EP10" s="63">
        <v>14</v>
      </c>
      <c r="EQ10" s="66">
        <v>38</v>
      </c>
      <c r="ER10" s="64">
        <v>52</v>
      </c>
      <c r="ES10" s="65">
        <v>0</v>
      </c>
      <c r="ET10" s="66">
        <v>176</v>
      </c>
      <c r="EU10" s="66">
        <v>112</v>
      </c>
      <c r="EV10" s="66">
        <v>47</v>
      </c>
      <c r="EW10" s="66">
        <v>37</v>
      </c>
      <c r="EX10" s="66">
        <v>24</v>
      </c>
      <c r="EY10" s="64">
        <v>396</v>
      </c>
      <c r="EZ10" s="68">
        <v>448</v>
      </c>
    </row>
    <row r="11" spans="2:156" ht="21" customHeight="1" x14ac:dyDescent="0.2">
      <c r="B11" s="131" t="s">
        <v>8</v>
      </c>
      <c r="C11" s="63">
        <v>0</v>
      </c>
      <c r="D11" s="66">
        <v>0</v>
      </c>
      <c r="E11" s="111">
        <v>0</v>
      </c>
      <c r="F11" s="65">
        <v>0</v>
      </c>
      <c r="G11" s="66">
        <v>19</v>
      </c>
      <c r="H11" s="66">
        <v>24</v>
      </c>
      <c r="I11" s="66">
        <v>15</v>
      </c>
      <c r="J11" s="66">
        <v>12</v>
      </c>
      <c r="K11" s="66">
        <v>7</v>
      </c>
      <c r="L11" s="67">
        <v>77</v>
      </c>
      <c r="M11" s="68">
        <v>77</v>
      </c>
      <c r="N11" s="63">
        <v>0</v>
      </c>
      <c r="O11" s="66">
        <v>0</v>
      </c>
      <c r="P11" s="64">
        <v>0</v>
      </c>
      <c r="Q11" s="65">
        <v>0</v>
      </c>
      <c r="R11" s="66">
        <v>0</v>
      </c>
      <c r="S11" s="66">
        <v>0</v>
      </c>
      <c r="T11" s="66">
        <v>1</v>
      </c>
      <c r="U11" s="66">
        <v>2</v>
      </c>
      <c r="V11" s="66">
        <v>2</v>
      </c>
      <c r="W11" s="64">
        <v>5</v>
      </c>
      <c r="X11" s="68">
        <v>5</v>
      </c>
      <c r="Y11" s="63">
        <v>4</v>
      </c>
      <c r="Z11" s="66">
        <v>6</v>
      </c>
      <c r="AA11" s="64">
        <v>10</v>
      </c>
      <c r="AB11" s="65">
        <v>0</v>
      </c>
      <c r="AC11" s="66">
        <v>20</v>
      </c>
      <c r="AD11" s="66">
        <v>19</v>
      </c>
      <c r="AE11" s="66">
        <v>11</v>
      </c>
      <c r="AF11" s="66">
        <v>17</v>
      </c>
      <c r="AG11" s="66">
        <v>8</v>
      </c>
      <c r="AH11" s="64">
        <v>75</v>
      </c>
      <c r="AI11" s="68">
        <v>85</v>
      </c>
      <c r="AJ11" s="63">
        <v>0</v>
      </c>
      <c r="AK11" s="66">
        <v>2</v>
      </c>
      <c r="AL11" s="64">
        <v>2</v>
      </c>
      <c r="AM11" s="65">
        <v>0</v>
      </c>
      <c r="AN11" s="66">
        <v>4</v>
      </c>
      <c r="AO11" s="66">
        <v>5</v>
      </c>
      <c r="AP11" s="66">
        <v>2</v>
      </c>
      <c r="AQ11" s="66">
        <v>3</v>
      </c>
      <c r="AR11" s="66">
        <v>4</v>
      </c>
      <c r="AS11" s="64">
        <v>18</v>
      </c>
      <c r="AT11" s="68">
        <v>20</v>
      </c>
      <c r="AU11" s="63">
        <v>5</v>
      </c>
      <c r="AV11" s="66">
        <v>2</v>
      </c>
      <c r="AW11" s="64">
        <v>7</v>
      </c>
      <c r="AX11" s="65">
        <v>0</v>
      </c>
      <c r="AY11" s="66">
        <v>29</v>
      </c>
      <c r="AZ11" s="66">
        <v>23</v>
      </c>
      <c r="BA11" s="66">
        <v>23</v>
      </c>
      <c r="BB11" s="66">
        <v>29</v>
      </c>
      <c r="BC11" s="66">
        <v>14</v>
      </c>
      <c r="BD11" s="67">
        <v>118</v>
      </c>
      <c r="BE11" s="68">
        <v>125</v>
      </c>
      <c r="BF11" s="63">
        <v>0</v>
      </c>
      <c r="BG11" s="66">
        <v>0</v>
      </c>
      <c r="BH11" s="64">
        <v>0</v>
      </c>
      <c r="BI11" s="65">
        <v>0</v>
      </c>
      <c r="BJ11" s="66">
        <v>29</v>
      </c>
      <c r="BK11" s="66">
        <v>29</v>
      </c>
      <c r="BL11" s="66">
        <v>17</v>
      </c>
      <c r="BM11" s="66">
        <v>9</v>
      </c>
      <c r="BN11" s="66">
        <v>6</v>
      </c>
      <c r="BO11" s="64">
        <v>90</v>
      </c>
      <c r="BP11" s="68">
        <v>90</v>
      </c>
      <c r="BQ11" s="63">
        <v>4</v>
      </c>
      <c r="BR11" s="66">
        <v>5</v>
      </c>
      <c r="BS11" s="64">
        <v>9</v>
      </c>
      <c r="BT11" s="65">
        <v>0</v>
      </c>
      <c r="BU11" s="66">
        <v>15</v>
      </c>
      <c r="BV11" s="66">
        <v>7</v>
      </c>
      <c r="BW11" s="66">
        <v>12</v>
      </c>
      <c r="BX11" s="66">
        <v>4</v>
      </c>
      <c r="BY11" s="66">
        <v>2</v>
      </c>
      <c r="BZ11" s="64">
        <v>40</v>
      </c>
      <c r="CA11" s="68">
        <v>49</v>
      </c>
      <c r="CB11" s="63">
        <v>0</v>
      </c>
      <c r="CC11" s="66">
        <v>1</v>
      </c>
      <c r="CD11" s="64">
        <v>1</v>
      </c>
      <c r="CE11" s="65">
        <v>0</v>
      </c>
      <c r="CF11" s="66">
        <v>5</v>
      </c>
      <c r="CG11" s="66">
        <v>9</v>
      </c>
      <c r="CH11" s="66">
        <v>9</v>
      </c>
      <c r="CI11" s="66">
        <v>3</v>
      </c>
      <c r="CJ11" s="66">
        <v>4</v>
      </c>
      <c r="CK11" s="64">
        <v>30</v>
      </c>
      <c r="CL11" s="68">
        <v>31</v>
      </c>
      <c r="CM11" s="63">
        <v>0</v>
      </c>
      <c r="CN11" s="66">
        <v>0</v>
      </c>
      <c r="CO11" s="64">
        <v>0</v>
      </c>
      <c r="CP11" s="65">
        <v>0</v>
      </c>
      <c r="CQ11" s="66">
        <v>0</v>
      </c>
      <c r="CR11" s="66">
        <v>1</v>
      </c>
      <c r="CS11" s="66">
        <v>1</v>
      </c>
      <c r="CT11" s="66">
        <v>2</v>
      </c>
      <c r="CU11" s="66">
        <v>0</v>
      </c>
      <c r="CV11" s="64">
        <v>4</v>
      </c>
      <c r="CW11" s="68">
        <v>4</v>
      </c>
      <c r="CX11" s="63">
        <v>0</v>
      </c>
      <c r="CY11" s="66">
        <v>0</v>
      </c>
      <c r="CZ11" s="64">
        <v>0</v>
      </c>
      <c r="DA11" s="65">
        <v>0</v>
      </c>
      <c r="DB11" s="66">
        <v>0</v>
      </c>
      <c r="DC11" s="66">
        <v>0</v>
      </c>
      <c r="DD11" s="66">
        <v>0</v>
      </c>
      <c r="DE11" s="66">
        <v>0</v>
      </c>
      <c r="DF11" s="66">
        <v>0</v>
      </c>
      <c r="DG11" s="64">
        <v>0</v>
      </c>
      <c r="DH11" s="68">
        <v>0</v>
      </c>
      <c r="DI11" s="63">
        <v>0</v>
      </c>
      <c r="DJ11" s="66">
        <v>0</v>
      </c>
      <c r="DK11" s="64">
        <v>0</v>
      </c>
      <c r="DL11" s="65">
        <v>0</v>
      </c>
      <c r="DM11" s="66">
        <v>0</v>
      </c>
      <c r="DN11" s="66">
        <v>0</v>
      </c>
      <c r="DO11" s="66">
        <v>0</v>
      </c>
      <c r="DP11" s="66">
        <v>0</v>
      </c>
      <c r="DQ11" s="66">
        <v>0</v>
      </c>
      <c r="DR11" s="64">
        <v>0</v>
      </c>
      <c r="DS11" s="68">
        <v>0</v>
      </c>
      <c r="DT11" s="63">
        <v>18</v>
      </c>
      <c r="DU11" s="66">
        <v>19</v>
      </c>
      <c r="DV11" s="64">
        <v>37</v>
      </c>
      <c r="DW11" s="65">
        <v>0</v>
      </c>
      <c r="DX11" s="66">
        <v>63</v>
      </c>
      <c r="DY11" s="66">
        <v>69</v>
      </c>
      <c r="DZ11" s="66">
        <v>43</v>
      </c>
      <c r="EA11" s="66">
        <v>27</v>
      </c>
      <c r="EB11" s="66">
        <v>19</v>
      </c>
      <c r="EC11" s="64">
        <v>221</v>
      </c>
      <c r="ED11" s="68">
        <v>258</v>
      </c>
      <c r="EE11" s="63">
        <v>6</v>
      </c>
      <c r="EF11" s="66">
        <v>3</v>
      </c>
      <c r="EG11" s="64">
        <v>9</v>
      </c>
      <c r="EH11" s="65">
        <v>0</v>
      </c>
      <c r="EI11" s="66">
        <v>16</v>
      </c>
      <c r="EJ11" s="66">
        <v>11</v>
      </c>
      <c r="EK11" s="66">
        <v>9</v>
      </c>
      <c r="EL11" s="66">
        <v>11</v>
      </c>
      <c r="EM11" s="66">
        <v>4</v>
      </c>
      <c r="EN11" s="64">
        <v>51</v>
      </c>
      <c r="EO11" s="68">
        <v>60</v>
      </c>
      <c r="EP11" s="63">
        <v>25</v>
      </c>
      <c r="EQ11" s="66">
        <v>25</v>
      </c>
      <c r="ER11" s="64">
        <v>50</v>
      </c>
      <c r="ES11" s="65">
        <v>0</v>
      </c>
      <c r="ET11" s="66">
        <v>116</v>
      </c>
      <c r="EU11" s="66">
        <v>88</v>
      </c>
      <c r="EV11" s="66">
        <v>45</v>
      </c>
      <c r="EW11" s="66">
        <v>26</v>
      </c>
      <c r="EX11" s="66">
        <v>20</v>
      </c>
      <c r="EY11" s="64">
        <v>295</v>
      </c>
      <c r="EZ11" s="68">
        <v>345</v>
      </c>
    </row>
    <row r="12" spans="2:156" ht="21" customHeight="1" x14ac:dyDescent="0.2">
      <c r="B12" s="131" t="s">
        <v>9</v>
      </c>
      <c r="C12" s="63">
        <v>0</v>
      </c>
      <c r="D12" s="66">
        <v>0</v>
      </c>
      <c r="E12" s="111">
        <v>0</v>
      </c>
      <c r="F12" s="65">
        <v>0</v>
      </c>
      <c r="G12" s="66">
        <v>72</v>
      </c>
      <c r="H12" s="66">
        <v>55</v>
      </c>
      <c r="I12" s="66">
        <v>32</v>
      </c>
      <c r="J12" s="66">
        <v>41</v>
      </c>
      <c r="K12" s="66">
        <v>22</v>
      </c>
      <c r="L12" s="67">
        <v>222</v>
      </c>
      <c r="M12" s="68">
        <v>222</v>
      </c>
      <c r="N12" s="63">
        <v>0</v>
      </c>
      <c r="O12" s="66">
        <v>0</v>
      </c>
      <c r="P12" s="64">
        <v>0</v>
      </c>
      <c r="Q12" s="65">
        <v>0</v>
      </c>
      <c r="R12" s="66">
        <v>1</v>
      </c>
      <c r="S12" s="66">
        <v>0</v>
      </c>
      <c r="T12" s="66">
        <v>3</v>
      </c>
      <c r="U12" s="66">
        <v>7</v>
      </c>
      <c r="V12" s="66">
        <v>11</v>
      </c>
      <c r="W12" s="64">
        <v>22</v>
      </c>
      <c r="X12" s="68">
        <v>22</v>
      </c>
      <c r="Y12" s="63">
        <v>14</v>
      </c>
      <c r="Z12" s="66">
        <v>14</v>
      </c>
      <c r="AA12" s="64">
        <v>28</v>
      </c>
      <c r="AB12" s="65">
        <v>0</v>
      </c>
      <c r="AC12" s="66">
        <v>56</v>
      </c>
      <c r="AD12" s="66">
        <v>48</v>
      </c>
      <c r="AE12" s="66">
        <v>36</v>
      </c>
      <c r="AF12" s="66">
        <v>21</v>
      </c>
      <c r="AG12" s="66">
        <v>20</v>
      </c>
      <c r="AH12" s="64">
        <v>181</v>
      </c>
      <c r="AI12" s="68">
        <v>209</v>
      </c>
      <c r="AJ12" s="63">
        <v>1</v>
      </c>
      <c r="AK12" s="66">
        <v>3</v>
      </c>
      <c r="AL12" s="64">
        <v>4</v>
      </c>
      <c r="AM12" s="65">
        <v>0</v>
      </c>
      <c r="AN12" s="66">
        <v>4</v>
      </c>
      <c r="AO12" s="66">
        <v>9</v>
      </c>
      <c r="AP12" s="66">
        <v>9</v>
      </c>
      <c r="AQ12" s="66">
        <v>6</v>
      </c>
      <c r="AR12" s="66">
        <v>3</v>
      </c>
      <c r="AS12" s="64">
        <v>31</v>
      </c>
      <c r="AT12" s="68">
        <v>35</v>
      </c>
      <c r="AU12" s="63">
        <v>17</v>
      </c>
      <c r="AV12" s="66">
        <v>11</v>
      </c>
      <c r="AW12" s="64">
        <v>28</v>
      </c>
      <c r="AX12" s="65">
        <v>0</v>
      </c>
      <c r="AY12" s="66">
        <v>64</v>
      </c>
      <c r="AZ12" s="66">
        <v>64</v>
      </c>
      <c r="BA12" s="66">
        <v>72</v>
      </c>
      <c r="BB12" s="66">
        <v>66</v>
      </c>
      <c r="BC12" s="66">
        <v>42</v>
      </c>
      <c r="BD12" s="67">
        <v>308</v>
      </c>
      <c r="BE12" s="68">
        <v>336</v>
      </c>
      <c r="BF12" s="63">
        <v>0</v>
      </c>
      <c r="BG12" s="66">
        <v>0</v>
      </c>
      <c r="BH12" s="64">
        <v>0</v>
      </c>
      <c r="BI12" s="65">
        <v>0</v>
      </c>
      <c r="BJ12" s="66">
        <v>70</v>
      </c>
      <c r="BK12" s="66">
        <v>33</v>
      </c>
      <c r="BL12" s="66">
        <v>23</v>
      </c>
      <c r="BM12" s="66">
        <v>14</v>
      </c>
      <c r="BN12" s="66">
        <v>6</v>
      </c>
      <c r="BO12" s="64">
        <v>146</v>
      </c>
      <c r="BP12" s="68">
        <v>146</v>
      </c>
      <c r="BQ12" s="63">
        <v>6</v>
      </c>
      <c r="BR12" s="66">
        <v>7</v>
      </c>
      <c r="BS12" s="64">
        <v>13</v>
      </c>
      <c r="BT12" s="65">
        <v>0</v>
      </c>
      <c r="BU12" s="66">
        <v>23</v>
      </c>
      <c r="BV12" s="66">
        <v>19</v>
      </c>
      <c r="BW12" s="66">
        <v>11</v>
      </c>
      <c r="BX12" s="66">
        <v>6</v>
      </c>
      <c r="BY12" s="66">
        <v>2</v>
      </c>
      <c r="BZ12" s="64">
        <v>61</v>
      </c>
      <c r="CA12" s="68">
        <v>74</v>
      </c>
      <c r="CB12" s="63">
        <v>0</v>
      </c>
      <c r="CC12" s="66">
        <v>0</v>
      </c>
      <c r="CD12" s="64">
        <v>0</v>
      </c>
      <c r="CE12" s="65">
        <v>0</v>
      </c>
      <c r="CF12" s="66">
        <v>10</v>
      </c>
      <c r="CG12" s="66">
        <v>6</v>
      </c>
      <c r="CH12" s="66">
        <v>10</v>
      </c>
      <c r="CI12" s="66">
        <v>8</v>
      </c>
      <c r="CJ12" s="66">
        <v>4</v>
      </c>
      <c r="CK12" s="64">
        <v>38</v>
      </c>
      <c r="CL12" s="68">
        <v>38</v>
      </c>
      <c r="CM12" s="63">
        <v>0</v>
      </c>
      <c r="CN12" s="66">
        <v>0</v>
      </c>
      <c r="CO12" s="64">
        <v>0</v>
      </c>
      <c r="CP12" s="65">
        <v>0</v>
      </c>
      <c r="CQ12" s="66">
        <v>1</v>
      </c>
      <c r="CR12" s="66">
        <v>0</v>
      </c>
      <c r="CS12" s="66">
        <v>6</v>
      </c>
      <c r="CT12" s="66">
        <v>1</v>
      </c>
      <c r="CU12" s="66">
        <v>0</v>
      </c>
      <c r="CV12" s="64">
        <v>8</v>
      </c>
      <c r="CW12" s="68">
        <v>8</v>
      </c>
      <c r="CX12" s="63">
        <v>0</v>
      </c>
      <c r="CY12" s="66">
        <v>0</v>
      </c>
      <c r="CZ12" s="64">
        <v>0</v>
      </c>
      <c r="DA12" s="65">
        <v>0</v>
      </c>
      <c r="DB12" s="66">
        <v>0</v>
      </c>
      <c r="DC12" s="66">
        <v>0</v>
      </c>
      <c r="DD12" s="66">
        <v>0</v>
      </c>
      <c r="DE12" s="66">
        <v>0</v>
      </c>
      <c r="DF12" s="66">
        <v>0</v>
      </c>
      <c r="DG12" s="64">
        <v>0</v>
      </c>
      <c r="DH12" s="68">
        <v>0</v>
      </c>
      <c r="DI12" s="63">
        <v>0</v>
      </c>
      <c r="DJ12" s="66">
        <v>0</v>
      </c>
      <c r="DK12" s="64">
        <v>0</v>
      </c>
      <c r="DL12" s="65">
        <v>0</v>
      </c>
      <c r="DM12" s="66">
        <v>0</v>
      </c>
      <c r="DN12" s="66">
        <v>0</v>
      </c>
      <c r="DO12" s="66">
        <v>0</v>
      </c>
      <c r="DP12" s="66">
        <v>0</v>
      </c>
      <c r="DQ12" s="66">
        <v>0</v>
      </c>
      <c r="DR12" s="64">
        <v>0</v>
      </c>
      <c r="DS12" s="68">
        <v>0</v>
      </c>
      <c r="DT12" s="63">
        <v>29</v>
      </c>
      <c r="DU12" s="66">
        <v>38</v>
      </c>
      <c r="DV12" s="64">
        <v>67</v>
      </c>
      <c r="DW12" s="65">
        <v>0</v>
      </c>
      <c r="DX12" s="66">
        <v>103</v>
      </c>
      <c r="DY12" s="66">
        <v>108</v>
      </c>
      <c r="DZ12" s="66">
        <v>76</v>
      </c>
      <c r="EA12" s="66">
        <v>55</v>
      </c>
      <c r="EB12" s="66">
        <v>37</v>
      </c>
      <c r="EC12" s="64">
        <v>379</v>
      </c>
      <c r="ED12" s="68">
        <v>446</v>
      </c>
      <c r="EE12" s="63">
        <v>16</v>
      </c>
      <c r="EF12" s="66">
        <v>8</v>
      </c>
      <c r="EG12" s="64">
        <v>24</v>
      </c>
      <c r="EH12" s="65">
        <v>0</v>
      </c>
      <c r="EI12" s="66">
        <v>26</v>
      </c>
      <c r="EJ12" s="66">
        <v>27</v>
      </c>
      <c r="EK12" s="66">
        <v>30</v>
      </c>
      <c r="EL12" s="66">
        <v>22</v>
      </c>
      <c r="EM12" s="66">
        <v>10</v>
      </c>
      <c r="EN12" s="64">
        <v>115</v>
      </c>
      <c r="EO12" s="68">
        <v>139</v>
      </c>
      <c r="EP12" s="63">
        <v>44</v>
      </c>
      <c r="EQ12" s="66">
        <v>50</v>
      </c>
      <c r="ER12" s="64">
        <v>94</v>
      </c>
      <c r="ES12" s="65">
        <v>0</v>
      </c>
      <c r="ET12" s="66">
        <v>208</v>
      </c>
      <c r="EU12" s="66">
        <v>142</v>
      </c>
      <c r="EV12" s="66">
        <v>85</v>
      </c>
      <c r="EW12" s="66">
        <v>61</v>
      </c>
      <c r="EX12" s="66">
        <v>33</v>
      </c>
      <c r="EY12" s="64">
        <v>529</v>
      </c>
      <c r="EZ12" s="68">
        <v>623</v>
      </c>
    </row>
    <row r="13" spans="2:156" ht="21" customHeight="1" x14ac:dyDescent="0.2">
      <c r="B13" s="131" t="s">
        <v>10</v>
      </c>
      <c r="C13" s="63">
        <v>0</v>
      </c>
      <c r="D13" s="66">
        <v>0</v>
      </c>
      <c r="E13" s="111">
        <v>0</v>
      </c>
      <c r="F13" s="65">
        <v>0</v>
      </c>
      <c r="G13" s="66">
        <v>91</v>
      </c>
      <c r="H13" s="66">
        <v>56</v>
      </c>
      <c r="I13" s="66">
        <v>39</v>
      </c>
      <c r="J13" s="66">
        <v>26</v>
      </c>
      <c r="K13" s="66">
        <v>23</v>
      </c>
      <c r="L13" s="67">
        <v>235</v>
      </c>
      <c r="M13" s="68">
        <v>235</v>
      </c>
      <c r="N13" s="63">
        <v>0</v>
      </c>
      <c r="O13" s="66">
        <v>0</v>
      </c>
      <c r="P13" s="64">
        <v>0</v>
      </c>
      <c r="Q13" s="65">
        <v>0</v>
      </c>
      <c r="R13" s="66">
        <v>1</v>
      </c>
      <c r="S13" s="66">
        <v>2</v>
      </c>
      <c r="T13" s="66">
        <v>3</v>
      </c>
      <c r="U13" s="66">
        <v>7</v>
      </c>
      <c r="V13" s="66">
        <v>5</v>
      </c>
      <c r="W13" s="64">
        <v>18</v>
      </c>
      <c r="X13" s="68">
        <v>18</v>
      </c>
      <c r="Y13" s="63">
        <v>15</v>
      </c>
      <c r="Z13" s="66">
        <v>23</v>
      </c>
      <c r="AA13" s="64">
        <v>38</v>
      </c>
      <c r="AB13" s="65">
        <v>0</v>
      </c>
      <c r="AC13" s="66">
        <v>73</v>
      </c>
      <c r="AD13" s="66">
        <v>47</v>
      </c>
      <c r="AE13" s="66">
        <v>25</v>
      </c>
      <c r="AF13" s="66">
        <v>22</v>
      </c>
      <c r="AG13" s="66">
        <v>10</v>
      </c>
      <c r="AH13" s="64">
        <v>177</v>
      </c>
      <c r="AI13" s="68">
        <v>215</v>
      </c>
      <c r="AJ13" s="63">
        <v>2</v>
      </c>
      <c r="AK13" s="66">
        <v>2</v>
      </c>
      <c r="AL13" s="64">
        <v>4</v>
      </c>
      <c r="AM13" s="65">
        <v>0</v>
      </c>
      <c r="AN13" s="66">
        <v>9</v>
      </c>
      <c r="AO13" s="66">
        <v>12</v>
      </c>
      <c r="AP13" s="66">
        <v>3</v>
      </c>
      <c r="AQ13" s="66">
        <v>2</v>
      </c>
      <c r="AR13" s="66">
        <v>3</v>
      </c>
      <c r="AS13" s="64">
        <v>29</v>
      </c>
      <c r="AT13" s="68">
        <v>33</v>
      </c>
      <c r="AU13" s="63">
        <v>22</v>
      </c>
      <c r="AV13" s="66">
        <v>22</v>
      </c>
      <c r="AW13" s="64">
        <v>44</v>
      </c>
      <c r="AX13" s="65">
        <v>0</v>
      </c>
      <c r="AY13" s="66">
        <v>101</v>
      </c>
      <c r="AZ13" s="66">
        <v>96</v>
      </c>
      <c r="BA13" s="66">
        <v>80</v>
      </c>
      <c r="BB13" s="66">
        <v>78</v>
      </c>
      <c r="BC13" s="66">
        <v>70</v>
      </c>
      <c r="BD13" s="67">
        <v>425</v>
      </c>
      <c r="BE13" s="68">
        <v>469</v>
      </c>
      <c r="BF13" s="63">
        <v>0</v>
      </c>
      <c r="BG13" s="66">
        <v>0</v>
      </c>
      <c r="BH13" s="64">
        <v>0</v>
      </c>
      <c r="BI13" s="65">
        <v>0</v>
      </c>
      <c r="BJ13" s="66">
        <v>124</v>
      </c>
      <c r="BK13" s="66">
        <v>75</v>
      </c>
      <c r="BL13" s="66">
        <v>41</v>
      </c>
      <c r="BM13" s="66">
        <v>14</v>
      </c>
      <c r="BN13" s="66">
        <v>5</v>
      </c>
      <c r="BO13" s="64">
        <v>259</v>
      </c>
      <c r="BP13" s="68">
        <v>259</v>
      </c>
      <c r="BQ13" s="63">
        <v>3</v>
      </c>
      <c r="BR13" s="66">
        <v>7</v>
      </c>
      <c r="BS13" s="64">
        <v>10</v>
      </c>
      <c r="BT13" s="65">
        <v>0</v>
      </c>
      <c r="BU13" s="66">
        <v>25</v>
      </c>
      <c r="BV13" s="66">
        <v>22</v>
      </c>
      <c r="BW13" s="66">
        <v>10</v>
      </c>
      <c r="BX13" s="66">
        <v>2</v>
      </c>
      <c r="BY13" s="66">
        <v>2</v>
      </c>
      <c r="BZ13" s="64">
        <v>61</v>
      </c>
      <c r="CA13" s="68">
        <v>71</v>
      </c>
      <c r="CB13" s="63">
        <v>1</v>
      </c>
      <c r="CC13" s="66">
        <v>2</v>
      </c>
      <c r="CD13" s="64">
        <v>3</v>
      </c>
      <c r="CE13" s="65">
        <v>0</v>
      </c>
      <c r="CF13" s="66">
        <v>17</v>
      </c>
      <c r="CG13" s="66">
        <v>9</v>
      </c>
      <c r="CH13" s="66">
        <v>11</v>
      </c>
      <c r="CI13" s="66">
        <v>12</v>
      </c>
      <c r="CJ13" s="66">
        <v>1</v>
      </c>
      <c r="CK13" s="64">
        <v>50</v>
      </c>
      <c r="CL13" s="68">
        <v>53</v>
      </c>
      <c r="CM13" s="63">
        <v>0</v>
      </c>
      <c r="CN13" s="66">
        <v>0</v>
      </c>
      <c r="CO13" s="64">
        <v>0</v>
      </c>
      <c r="CP13" s="65">
        <v>0</v>
      </c>
      <c r="CQ13" s="66">
        <v>0</v>
      </c>
      <c r="CR13" s="66">
        <v>1</v>
      </c>
      <c r="CS13" s="66">
        <v>1</v>
      </c>
      <c r="CT13" s="66">
        <v>1</v>
      </c>
      <c r="CU13" s="66">
        <v>1</v>
      </c>
      <c r="CV13" s="64">
        <v>4</v>
      </c>
      <c r="CW13" s="68">
        <v>4</v>
      </c>
      <c r="CX13" s="63">
        <v>0</v>
      </c>
      <c r="CY13" s="66">
        <v>0</v>
      </c>
      <c r="CZ13" s="64">
        <v>0</v>
      </c>
      <c r="DA13" s="65">
        <v>0</v>
      </c>
      <c r="DB13" s="66">
        <v>0</v>
      </c>
      <c r="DC13" s="66">
        <v>0</v>
      </c>
      <c r="DD13" s="66">
        <v>0</v>
      </c>
      <c r="DE13" s="66">
        <v>0</v>
      </c>
      <c r="DF13" s="66">
        <v>0</v>
      </c>
      <c r="DG13" s="64">
        <v>0</v>
      </c>
      <c r="DH13" s="68">
        <v>0</v>
      </c>
      <c r="DI13" s="63">
        <v>0</v>
      </c>
      <c r="DJ13" s="66">
        <v>0</v>
      </c>
      <c r="DK13" s="64">
        <v>0</v>
      </c>
      <c r="DL13" s="65">
        <v>0</v>
      </c>
      <c r="DM13" s="66">
        <v>0</v>
      </c>
      <c r="DN13" s="66">
        <v>0</v>
      </c>
      <c r="DO13" s="66">
        <v>0</v>
      </c>
      <c r="DP13" s="66">
        <v>0</v>
      </c>
      <c r="DQ13" s="66">
        <v>0</v>
      </c>
      <c r="DR13" s="64">
        <v>0</v>
      </c>
      <c r="DS13" s="68">
        <v>0</v>
      </c>
      <c r="DT13" s="63">
        <v>59</v>
      </c>
      <c r="DU13" s="66">
        <v>87</v>
      </c>
      <c r="DV13" s="64">
        <v>146</v>
      </c>
      <c r="DW13" s="65">
        <v>0</v>
      </c>
      <c r="DX13" s="66">
        <v>141</v>
      </c>
      <c r="DY13" s="66">
        <v>117</v>
      </c>
      <c r="DZ13" s="66">
        <v>71</v>
      </c>
      <c r="EA13" s="66">
        <v>50</v>
      </c>
      <c r="EB13" s="66">
        <v>33</v>
      </c>
      <c r="EC13" s="64">
        <v>412</v>
      </c>
      <c r="ED13" s="68">
        <v>558</v>
      </c>
      <c r="EE13" s="63">
        <v>11</v>
      </c>
      <c r="EF13" s="66">
        <v>9</v>
      </c>
      <c r="EG13" s="64">
        <v>20</v>
      </c>
      <c r="EH13" s="65">
        <v>0</v>
      </c>
      <c r="EI13" s="66">
        <v>32</v>
      </c>
      <c r="EJ13" s="66">
        <v>30</v>
      </c>
      <c r="EK13" s="66">
        <v>25</v>
      </c>
      <c r="EL13" s="66">
        <v>39</v>
      </c>
      <c r="EM13" s="66">
        <v>32</v>
      </c>
      <c r="EN13" s="64">
        <v>158</v>
      </c>
      <c r="EO13" s="68">
        <v>178</v>
      </c>
      <c r="EP13" s="63">
        <v>73</v>
      </c>
      <c r="EQ13" s="66">
        <v>98</v>
      </c>
      <c r="ER13" s="64">
        <v>171</v>
      </c>
      <c r="ES13" s="65">
        <v>0</v>
      </c>
      <c r="ET13" s="66">
        <v>273</v>
      </c>
      <c r="EU13" s="66">
        <v>160</v>
      </c>
      <c r="EV13" s="66">
        <v>86</v>
      </c>
      <c r="EW13" s="66">
        <v>50</v>
      </c>
      <c r="EX13" s="66">
        <v>31</v>
      </c>
      <c r="EY13" s="64">
        <v>600</v>
      </c>
      <c r="EZ13" s="68">
        <v>771</v>
      </c>
    </row>
    <row r="14" spans="2:156" ht="21" customHeight="1" x14ac:dyDescent="0.2">
      <c r="B14" s="131" t="s">
        <v>11</v>
      </c>
      <c r="C14" s="63">
        <v>0</v>
      </c>
      <c r="D14" s="66">
        <v>0</v>
      </c>
      <c r="E14" s="111">
        <v>0</v>
      </c>
      <c r="F14" s="65">
        <v>0</v>
      </c>
      <c r="G14" s="66">
        <v>11</v>
      </c>
      <c r="H14" s="66">
        <v>9</v>
      </c>
      <c r="I14" s="66">
        <v>8</v>
      </c>
      <c r="J14" s="66">
        <v>13</v>
      </c>
      <c r="K14" s="66">
        <v>4</v>
      </c>
      <c r="L14" s="67">
        <v>45</v>
      </c>
      <c r="M14" s="68">
        <v>45</v>
      </c>
      <c r="N14" s="63">
        <v>0</v>
      </c>
      <c r="O14" s="66">
        <v>0</v>
      </c>
      <c r="P14" s="64">
        <v>0</v>
      </c>
      <c r="Q14" s="65">
        <v>0</v>
      </c>
      <c r="R14" s="66">
        <v>0</v>
      </c>
      <c r="S14" s="66">
        <v>0</v>
      </c>
      <c r="T14" s="66">
        <v>0</v>
      </c>
      <c r="U14" s="66">
        <v>4</v>
      </c>
      <c r="V14" s="66">
        <v>2</v>
      </c>
      <c r="W14" s="64">
        <v>6</v>
      </c>
      <c r="X14" s="68">
        <v>6</v>
      </c>
      <c r="Y14" s="63">
        <v>3</v>
      </c>
      <c r="Z14" s="66">
        <v>1</v>
      </c>
      <c r="AA14" s="64">
        <v>4</v>
      </c>
      <c r="AB14" s="65">
        <v>0</v>
      </c>
      <c r="AC14" s="66">
        <v>24</v>
      </c>
      <c r="AD14" s="66">
        <v>14</v>
      </c>
      <c r="AE14" s="66">
        <v>7</v>
      </c>
      <c r="AF14" s="66">
        <v>14</v>
      </c>
      <c r="AG14" s="66">
        <v>5</v>
      </c>
      <c r="AH14" s="64">
        <v>64</v>
      </c>
      <c r="AI14" s="68">
        <v>68</v>
      </c>
      <c r="AJ14" s="63">
        <v>0</v>
      </c>
      <c r="AK14" s="66">
        <v>0</v>
      </c>
      <c r="AL14" s="64">
        <v>0</v>
      </c>
      <c r="AM14" s="65">
        <v>0</v>
      </c>
      <c r="AN14" s="66">
        <v>2</v>
      </c>
      <c r="AO14" s="66">
        <v>4</v>
      </c>
      <c r="AP14" s="66">
        <v>0</v>
      </c>
      <c r="AQ14" s="66">
        <v>1</v>
      </c>
      <c r="AR14" s="66">
        <v>1</v>
      </c>
      <c r="AS14" s="64">
        <v>8</v>
      </c>
      <c r="AT14" s="68">
        <v>8</v>
      </c>
      <c r="AU14" s="63">
        <v>3</v>
      </c>
      <c r="AV14" s="66">
        <v>2</v>
      </c>
      <c r="AW14" s="64">
        <v>5</v>
      </c>
      <c r="AX14" s="65">
        <v>0</v>
      </c>
      <c r="AY14" s="66">
        <v>20</v>
      </c>
      <c r="AZ14" s="66">
        <v>21</v>
      </c>
      <c r="BA14" s="66">
        <v>19</v>
      </c>
      <c r="BB14" s="66">
        <v>25</v>
      </c>
      <c r="BC14" s="66">
        <v>12</v>
      </c>
      <c r="BD14" s="67">
        <v>97</v>
      </c>
      <c r="BE14" s="68">
        <v>102</v>
      </c>
      <c r="BF14" s="63">
        <v>0</v>
      </c>
      <c r="BG14" s="66">
        <v>0</v>
      </c>
      <c r="BH14" s="64">
        <v>0</v>
      </c>
      <c r="BI14" s="65">
        <v>0</v>
      </c>
      <c r="BJ14" s="66">
        <v>20</v>
      </c>
      <c r="BK14" s="66">
        <v>14</v>
      </c>
      <c r="BL14" s="66">
        <v>9</v>
      </c>
      <c r="BM14" s="66">
        <v>10</v>
      </c>
      <c r="BN14" s="66">
        <v>4</v>
      </c>
      <c r="BO14" s="64">
        <v>57</v>
      </c>
      <c r="BP14" s="68">
        <v>57</v>
      </c>
      <c r="BQ14" s="63">
        <v>0</v>
      </c>
      <c r="BR14" s="66">
        <v>5</v>
      </c>
      <c r="BS14" s="64">
        <v>5</v>
      </c>
      <c r="BT14" s="65">
        <v>0</v>
      </c>
      <c r="BU14" s="66">
        <v>13</v>
      </c>
      <c r="BV14" s="66">
        <v>6</v>
      </c>
      <c r="BW14" s="66">
        <v>12</v>
      </c>
      <c r="BX14" s="66">
        <v>2</v>
      </c>
      <c r="BY14" s="66">
        <v>2</v>
      </c>
      <c r="BZ14" s="64">
        <v>35</v>
      </c>
      <c r="CA14" s="68">
        <v>40</v>
      </c>
      <c r="CB14" s="63">
        <v>0</v>
      </c>
      <c r="CC14" s="66">
        <v>0</v>
      </c>
      <c r="CD14" s="64">
        <v>0</v>
      </c>
      <c r="CE14" s="65">
        <v>0</v>
      </c>
      <c r="CF14" s="66">
        <v>5</v>
      </c>
      <c r="CG14" s="66">
        <v>1</v>
      </c>
      <c r="CH14" s="66">
        <v>3</v>
      </c>
      <c r="CI14" s="66">
        <v>1</v>
      </c>
      <c r="CJ14" s="66">
        <v>4</v>
      </c>
      <c r="CK14" s="64">
        <v>14</v>
      </c>
      <c r="CL14" s="68">
        <v>14</v>
      </c>
      <c r="CM14" s="63">
        <v>0</v>
      </c>
      <c r="CN14" s="66">
        <v>0</v>
      </c>
      <c r="CO14" s="64">
        <v>0</v>
      </c>
      <c r="CP14" s="65">
        <v>0</v>
      </c>
      <c r="CQ14" s="66">
        <v>0</v>
      </c>
      <c r="CR14" s="66">
        <v>0</v>
      </c>
      <c r="CS14" s="66">
        <v>3</v>
      </c>
      <c r="CT14" s="66">
        <v>1</v>
      </c>
      <c r="CU14" s="66">
        <v>2</v>
      </c>
      <c r="CV14" s="64">
        <v>6</v>
      </c>
      <c r="CW14" s="68">
        <v>6</v>
      </c>
      <c r="CX14" s="63">
        <v>0</v>
      </c>
      <c r="CY14" s="66">
        <v>0</v>
      </c>
      <c r="CZ14" s="64">
        <v>0</v>
      </c>
      <c r="DA14" s="65">
        <v>0</v>
      </c>
      <c r="DB14" s="66">
        <v>0</v>
      </c>
      <c r="DC14" s="66">
        <v>0</v>
      </c>
      <c r="DD14" s="66">
        <v>0</v>
      </c>
      <c r="DE14" s="66">
        <v>0</v>
      </c>
      <c r="DF14" s="66">
        <v>0</v>
      </c>
      <c r="DG14" s="64">
        <v>0</v>
      </c>
      <c r="DH14" s="68">
        <v>0</v>
      </c>
      <c r="DI14" s="63">
        <v>0</v>
      </c>
      <c r="DJ14" s="66">
        <v>0</v>
      </c>
      <c r="DK14" s="64">
        <v>0</v>
      </c>
      <c r="DL14" s="65">
        <v>0</v>
      </c>
      <c r="DM14" s="66">
        <v>0</v>
      </c>
      <c r="DN14" s="66">
        <v>0</v>
      </c>
      <c r="DO14" s="66">
        <v>0</v>
      </c>
      <c r="DP14" s="66">
        <v>0</v>
      </c>
      <c r="DQ14" s="66">
        <v>0</v>
      </c>
      <c r="DR14" s="64">
        <v>0</v>
      </c>
      <c r="DS14" s="68">
        <v>0</v>
      </c>
      <c r="DT14" s="63">
        <v>18</v>
      </c>
      <c r="DU14" s="66">
        <v>16</v>
      </c>
      <c r="DV14" s="64">
        <v>34</v>
      </c>
      <c r="DW14" s="65">
        <v>0</v>
      </c>
      <c r="DX14" s="66">
        <v>50</v>
      </c>
      <c r="DY14" s="66">
        <v>35</v>
      </c>
      <c r="DZ14" s="66">
        <v>31</v>
      </c>
      <c r="EA14" s="66">
        <v>27</v>
      </c>
      <c r="EB14" s="66">
        <v>11</v>
      </c>
      <c r="EC14" s="64">
        <v>154</v>
      </c>
      <c r="ED14" s="68">
        <v>188</v>
      </c>
      <c r="EE14" s="63">
        <v>3</v>
      </c>
      <c r="EF14" s="66">
        <v>1</v>
      </c>
      <c r="EG14" s="64">
        <v>4</v>
      </c>
      <c r="EH14" s="65">
        <v>0</v>
      </c>
      <c r="EI14" s="66">
        <v>20</v>
      </c>
      <c r="EJ14" s="66">
        <v>10</v>
      </c>
      <c r="EK14" s="66">
        <v>8</v>
      </c>
      <c r="EL14" s="66">
        <v>13</v>
      </c>
      <c r="EM14" s="66">
        <v>7</v>
      </c>
      <c r="EN14" s="64">
        <v>58</v>
      </c>
      <c r="EO14" s="68">
        <v>62</v>
      </c>
      <c r="EP14" s="63">
        <v>22</v>
      </c>
      <c r="EQ14" s="66">
        <v>21</v>
      </c>
      <c r="ER14" s="64">
        <v>43</v>
      </c>
      <c r="ES14" s="65">
        <v>0</v>
      </c>
      <c r="ET14" s="66">
        <v>92</v>
      </c>
      <c r="EU14" s="66">
        <v>43</v>
      </c>
      <c r="EV14" s="66">
        <v>35</v>
      </c>
      <c r="EW14" s="66">
        <v>30</v>
      </c>
      <c r="EX14" s="66">
        <v>14</v>
      </c>
      <c r="EY14" s="64">
        <v>214</v>
      </c>
      <c r="EZ14" s="68">
        <v>257</v>
      </c>
    </row>
    <row r="15" spans="2:156" ht="21" customHeight="1" x14ac:dyDescent="0.2">
      <c r="B15" s="131" t="s">
        <v>12</v>
      </c>
      <c r="C15" s="63">
        <v>0</v>
      </c>
      <c r="D15" s="66">
        <v>0</v>
      </c>
      <c r="E15" s="111">
        <v>0</v>
      </c>
      <c r="F15" s="65">
        <v>0</v>
      </c>
      <c r="G15" s="66">
        <v>34</v>
      </c>
      <c r="H15" s="66">
        <v>32</v>
      </c>
      <c r="I15" s="66">
        <v>20</v>
      </c>
      <c r="J15" s="66">
        <v>13</v>
      </c>
      <c r="K15" s="66">
        <v>21</v>
      </c>
      <c r="L15" s="67">
        <v>120</v>
      </c>
      <c r="M15" s="68">
        <v>120</v>
      </c>
      <c r="N15" s="63">
        <v>0</v>
      </c>
      <c r="O15" s="66">
        <v>0</v>
      </c>
      <c r="P15" s="64">
        <v>0</v>
      </c>
      <c r="Q15" s="65">
        <v>0</v>
      </c>
      <c r="R15" s="66">
        <v>0</v>
      </c>
      <c r="S15" s="66">
        <v>2</v>
      </c>
      <c r="T15" s="66">
        <v>1</v>
      </c>
      <c r="U15" s="66">
        <v>2</v>
      </c>
      <c r="V15" s="66">
        <v>7</v>
      </c>
      <c r="W15" s="64">
        <v>12</v>
      </c>
      <c r="X15" s="68">
        <v>12</v>
      </c>
      <c r="Y15" s="63">
        <v>8</v>
      </c>
      <c r="Z15" s="66">
        <v>29</v>
      </c>
      <c r="AA15" s="64">
        <v>37</v>
      </c>
      <c r="AB15" s="65">
        <v>0</v>
      </c>
      <c r="AC15" s="66">
        <v>25</v>
      </c>
      <c r="AD15" s="66">
        <v>23</v>
      </c>
      <c r="AE15" s="66">
        <v>12</v>
      </c>
      <c r="AF15" s="66">
        <v>15</v>
      </c>
      <c r="AG15" s="66">
        <v>14</v>
      </c>
      <c r="AH15" s="64">
        <v>89</v>
      </c>
      <c r="AI15" s="68">
        <v>126</v>
      </c>
      <c r="AJ15" s="63">
        <v>1</v>
      </c>
      <c r="AK15" s="66">
        <v>1</v>
      </c>
      <c r="AL15" s="64">
        <v>2</v>
      </c>
      <c r="AM15" s="65">
        <v>0</v>
      </c>
      <c r="AN15" s="66">
        <v>1</v>
      </c>
      <c r="AO15" s="66">
        <v>3</v>
      </c>
      <c r="AP15" s="66">
        <v>2</v>
      </c>
      <c r="AQ15" s="66">
        <v>0</v>
      </c>
      <c r="AR15" s="66">
        <v>1</v>
      </c>
      <c r="AS15" s="64">
        <v>7</v>
      </c>
      <c r="AT15" s="68">
        <v>9</v>
      </c>
      <c r="AU15" s="63">
        <v>4</v>
      </c>
      <c r="AV15" s="66">
        <v>11</v>
      </c>
      <c r="AW15" s="64">
        <v>15</v>
      </c>
      <c r="AX15" s="65">
        <v>0</v>
      </c>
      <c r="AY15" s="66">
        <v>20</v>
      </c>
      <c r="AZ15" s="66">
        <v>29</v>
      </c>
      <c r="BA15" s="66">
        <v>28</v>
      </c>
      <c r="BB15" s="66">
        <v>23</v>
      </c>
      <c r="BC15" s="66">
        <v>17</v>
      </c>
      <c r="BD15" s="67">
        <v>117</v>
      </c>
      <c r="BE15" s="68">
        <v>132</v>
      </c>
      <c r="BF15" s="63">
        <v>0</v>
      </c>
      <c r="BG15" s="66">
        <v>0</v>
      </c>
      <c r="BH15" s="64">
        <v>0</v>
      </c>
      <c r="BI15" s="65">
        <v>0</v>
      </c>
      <c r="BJ15" s="66">
        <v>39</v>
      </c>
      <c r="BK15" s="66">
        <v>29</v>
      </c>
      <c r="BL15" s="66">
        <v>16</v>
      </c>
      <c r="BM15" s="66">
        <v>10</v>
      </c>
      <c r="BN15" s="66">
        <v>9</v>
      </c>
      <c r="BO15" s="64">
        <v>103</v>
      </c>
      <c r="BP15" s="68">
        <v>103</v>
      </c>
      <c r="BQ15" s="63">
        <v>12</v>
      </c>
      <c r="BR15" s="66">
        <v>8</v>
      </c>
      <c r="BS15" s="64">
        <v>20</v>
      </c>
      <c r="BT15" s="65">
        <v>0</v>
      </c>
      <c r="BU15" s="66">
        <v>10</v>
      </c>
      <c r="BV15" s="66">
        <v>8</v>
      </c>
      <c r="BW15" s="66">
        <v>12</v>
      </c>
      <c r="BX15" s="66">
        <v>5</v>
      </c>
      <c r="BY15" s="66">
        <v>2</v>
      </c>
      <c r="BZ15" s="64">
        <v>37</v>
      </c>
      <c r="CA15" s="68">
        <v>57</v>
      </c>
      <c r="CB15" s="63">
        <v>0</v>
      </c>
      <c r="CC15" s="66">
        <v>1</v>
      </c>
      <c r="CD15" s="64">
        <v>1</v>
      </c>
      <c r="CE15" s="65">
        <v>0</v>
      </c>
      <c r="CF15" s="66">
        <v>8</v>
      </c>
      <c r="CG15" s="66">
        <v>6</v>
      </c>
      <c r="CH15" s="66">
        <v>7</v>
      </c>
      <c r="CI15" s="66">
        <v>7</v>
      </c>
      <c r="CJ15" s="66">
        <v>5</v>
      </c>
      <c r="CK15" s="64">
        <v>33</v>
      </c>
      <c r="CL15" s="68">
        <v>34</v>
      </c>
      <c r="CM15" s="63">
        <v>0</v>
      </c>
      <c r="CN15" s="66">
        <v>0</v>
      </c>
      <c r="CO15" s="64">
        <v>0</v>
      </c>
      <c r="CP15" s="65">
        <v>0</v>
      </c>
      <c r="CQ15" s="66">
        <v>1</v>
      </c>
      <c r="CR15" s="66">
        <v>0</v>
      </c>
      <c r="CS15" s="66">
        <v>1</v>
      </c>
      <c r="CT15" s="66">
        <v>0</v>
      </c>
      <c r="CU15" s="66">
        <v>0</v>
      </c>
      <c r="CV15" s="64">
        <v>2</v>
      </c>
      <c r="CW15" s="68">
        <v>2</v>
      </c>
      <c r="CX15" s="63">
        <v>0</v>
      </c>
      <c r="CY15" s="66">
        <v>0</v>
      </c>
      <c r="CZ15" s="64">
        <v>0</v>
      </c>
      <c r="DA15" s="65">
        <v>0</v>
      </c>
      <c r="DB15" s="66">
        <v>0</v>
      </c>
      <c r="DC15" s="66">
        <v>0</v>
      </c>
      <c r="DD15" s="66">
        <v>0</v>
      </c>
      <c r="DE15" s="66">
        <v>0</v>
      </c>
      <c r="DF15" s="66">
        <v>0</v>
      </c>
      <c r="DG15" s="64">
        <v>0</v>
      </c>
      <c r="DH15" s="68">
        <v>0</v>
      </c>
      <c r="DI15" s="63">
        <v>0</v>
      </c>
      <c r="DJ15" s="66">
        <v>0</v>
      </c>
      <c r="DK15" s="64">
        <v>0</v>
      </c>
      <c r="DL15" s="65">
        <v>0</v>
      </c>
      <c r="DM15" s="66">
        <v>0</v>
      </c>
      <c r="DN15" s="66">
        <v>0</v>
      </c>
      <c r="DO15" s="66">
        <v>0</v>
      </c>
      <c r="DP15" s="66">
        <v>0</v>
      </c>
      <c r="DQ15" s="66">
        <v>0</v>
      </c>
      <c r="DR15" s="64">
        <v>0</v>
      </c>
      <c r="DS15" s="68">
        <v>0</v>
      </c>
      <c r="DT15" s="63">
        <v>22</v>
      </c>
      <c r="DU15" s="66">
        <v>62</v>
      </c>
      <c r="DV15" s="64">
        <v>84</v>
      </c>
      <c r="DW15" s="65">
        <v>0</v>
      </c>
      <c r="DX15" s="66">
        <v>38</v>
      </c>
      <c r="DY15" s="66">
        <v>55</v>
      </c>
      <c r="DZ15" s="66">
        <v>37</v>
      </c>
      <c r="EA15" s="66">
        <v>36</v>
      </c>
      <c r="EB15" s="66">
        <v>25</v>
      </c>
      <c r="EC15" s="64">
        <v>191</v>
      </c>
      <c r="ED15" s="68">
        <v>275</v>
      </c>
      <c r="EE15" s="63">
        <v>4</v>
      </c>
      <c r="EF15" s="66">
        <v>3</v>
      </c>
      <c r="EG15" s="64">
        <v>7</v>
      </c>
      <c r="EH15" s="65">
        <v>0</v>
      </c>
      <c r="EI15" s="66">
        <v>10</v>
      </c>
      <c r="EJ15" s="66">
        <v>14</v>
      </c>
      <c r="EK15" s="66">
        <v>11</v>
      </c>
      <c r="EL15" s="66">
        <v>13</v>
      </c>
      <c r="EM15" s="66">
        <v>7</v>
      </c>
      <c r="EN15" s="64">
        <v>55</v>
      </c>
      <c r="EO15" s="68">
        <v>62</v>
      </c>
      <c r="EP15" s="63">
        <v>40</v>
      </c>
      <c r="EQ15" s="66">
        <v>79</v>
      </c>
      <c r="ER15" s="64">
        <v>119</v>
      </c>
      <c r="ES15" s="65">
        <v>0</v>
      </c>
      <c r="ET15" s="66">
        <v>104</v>
      </c>
      <c r="EU15" s="66">
        <v>78</v>
      </c>
      <c r="EV15" s="66">
        <v>45</v>
      </c>
      <c r="EW15" s="66">
        <v>36</v>
      </c>
      <c r="EX15" s="66">
        <v>29</v>
      </c>
      <c r="EY15" s="64">
        <v>292</v>
      </c>
      <c r="EZ15" s="68">
        <v>411</v>
      </c>
    </row>
    <row r="16" spans="2:156" ht="21" customHeight="1" x14ac:dyDescent="0.2">
      <c r="B16" s="131" t="s">
        <v>13</v>
      </c>
      <c r="C16" s="63">
        <v>0</v>
      </c>
      <c r="D16" s="66">
        <v>0</v>
      </c>
      <c r="E16" s="111">
        <v>0</v>
      </c>
      <c r="F16" s="65">
        <v>0</v>
      </c>
      <c r="G16" s="66">
        <v>27</v>
      </c>
      <c r="H16" s="66">
        <v>25</v>
      </c>
      <c r="I16" s="66">
        <v>18</v>
      </c>
      <c r="J16" s="66">
        <v>7</v>
      </c>
      <c r="K16" s="66">
        <v>11</v>
      </c>
      <c r="L16" s="67">
        <v>88</v>
      </c>
      <c r="M16" s="68">
        <v>88</v>
      </c>
      <c r="N16" s="63">
        <v>0</v>
      </c>
      <c r="O16" s="66">
        <v>0</v>
      </c>
      <c r="P16" s="64">
        <v>0</v>
      </c>
      <c r="Q16" s="65">
        <v>0</v>
      </c>
      <c r="R16" s="66">
        <v>0</v>
      </c>
      <c r="S16" s="66">
        <v>0</v>
      </c>
      <c r="T16" s="66">
        <v>0</v>
      </c>
      <c r="U16" s="66">
        <v>1</v>
      </c>
      <c r="V16" s="66">
        <v>3</v>
      </c>
      <c r="W16" s="64">
        <v>4</v>
      </c>
      <c r="X16" s="68">
        <v>4</v>
      </c>
      <c r="Y16" s="63">
        <v>2</v>
      </c>
      <c r="Z16" s="66">
        <v>5</v>
      </c>
      <c r="AA16" s="64">
        <v>7</v>
      </c>
      <c r="AB16" s="65">
        <v>0</v>
      </c>
      <c r="AC16" s="66">
        <v>20</v>
      </c>
      <c r="AD16" s="66">
        <v>17</v>
      </c>
      <c r="AE16" s="66">
        <v>12</v>
      </c>
      <c r="AF16" s="66">
        <v>6</v>
      </c>
      <c r="AG16" s="66">
        <v>6</v>
      </c>
      <c r="AH16" s="64">
        <v>61</v>
      </c>
      <c r="AI16" s="68">
        <v>68</v>
      </c>
      <c r="AJ16" s="63">
        <v>0</v>
      </c>
      <c r="AK16" s="66">
        <v>1</v>
      </c>
      <c r="AL16" s="64">
        <v>1</v>
      </c>
      <c r="AM16" s="65">
        <v>0</v>
      </c>
      <c r="AN16" s="66">
        <v>2</v>
      </c>
      <c r="AO16" s="66">
        <v>3</v>
      </c>
      <c r="AP16" s="66">
        <v>1</v>
      </c>
      <c r="AQ16" s="66">
        <v>1</v>
      </c>
      <c r="AR16" s="66">
        <v>2</v>
      </c>
      <c r="AS16" s="64">
        <v>9</v>
      </c>
      <c r="AT16" s="68">
        <v>10</v>
      </c>
      <c r="AU16" s="63">
        <v>5</v>
      </c>
      <c r="AV16" s="66">
        <v>6</v>
      </c>
      <c r="AW16" s="64">
        <v>11</v>
      </c>
      <c r="AX16" s="65">
        <v>0</v>
      </c>
      <c r="AY16" s="66">
        <v>28</v>
      </c>
      <c r="AZ16" s="66">
        <v>29</v>
      </c>
      <c r="BA16" s="66">
        <v>15</v>
      </c>
      <c r="BB16" s="66">
        <v>16</v>
      </c>
      <c r="BC16" s="66">
        <v>19</v>
      </c>
      <c r="BD16" s="67">
        <v>107</v>
      </c>
      <c r="BE16" s="68">
        <v>118</v>
      </c>
      <c r="BF16" s="63">
        <v>0</v>
      </c>
      <c r="BG16" s="66">
        <v>0</v>
      </c>
      <c r="BH16" s="64">
        <v>0</v>
      </c>
      <c r="BI16" s="65">
        <v>0</v>
      </c>
      <c r="BJ16" s="66">
        <v>19</v>
      </c>
      <c r="BK16" s="66">
        <v>17</v>
      </c>
      <c r="BL16" s="66">
        <v>11</v>
      </c>
      <c r="BM16" s="66">
        <v>0</v>
      </c>
      <c r="BN16" s="66">
        <v>1</v>
      </c>
      <c r="BO16" s="64">
        <v>48</v>
      </c>
      <c r="BP16" s="68">
        <v>48</v>
      </c>
      <c r="BQ16" s="63">
        <v>1</v>
      </c>
      <c r="BR16" s="66">
        <v>1</v>
      </c>
      <c r="BS16" s="64">
        <v>2</v>
      </c>
      <c r="BT16" s="65">
        <v>0</v>
      </c>
      <c r="BU16" s="66">
        <v>3</v>
      </c>
      <c r="BV16" s="66">
        <v>4</v>
      </c>
      <c r="BW16" s="66">
        <v>2</v>
      </c>
      <c r="BX16" s="66">
        <v>3</v>
      </c>
      <c r="BY16" s="66">
        <v>1</v>
      </c>
      <c r="BZ16" s="64">
        <v>13</v>
      </c>
      <c r="CA16" s="68">
        <v>15</v>
      </c>
      <c r="CB16" s="63">
        <v>0</v>
      </c>
      <c r="CC16" s="66">
        <v>0</v>
      </c>
      <c r="CD16" s="64">
        <v>0</v>
      </c>
      <c r="CE16" s="65">
        <v>0</v>
      </c>
      <c r="CF16" s="66">
        <v>0</v>
      </c>
      <c r="CG16" s="66">
        <v>3</v>
      </c>
      <c r="CH16" s="66">
        <v>2</v>
      </c>
      <c r="CI16" s="66">
        <v>3</v>
      </c>
      <c r="CJ16" s="66">
        <v>1</v>
      </c>
      <c r="CK16" s="64">
        <v>9</v>
      </c>
      <c r="CL16" s="68">
        <v>9</v>
      </c>
      <c r="CM16" s="63">
        <v>0</v>
      </c>
      <c r="CN16" s="66">
        <v>0</v>
      </c>
      <c r="CO16" s="64">
        <v>0</v>
      </c>
      <c r="CP16" s="65">
        <v>0</v>
      </c>
      <c r="CQ16" s="66">
        <v>0</v>
      </c>
      <c r="CR16" s="66">
        <v>0</v>
      </c>
      <c r="CS16" s="66">
        <v>0</v>
      </c>
      <c r="CT16" s="66">
        <v>0</v>
      </c>
      <c r="CU16" s="66">
        <v>0</v>
      </c>
      <c r="CV16" s="64">
        <v>0</v>
      </c>
      <c r="CW16" s="68">
        <v>0</v>
      </c>
      <c r="CX16" s="63">
        <v>0</v>
      </c>
      <c r="CY16" s="66">
        <v>0</v>
      </c>
      <c r="CZ16" s="64">
        <v>0</v>
      </c>
      <c r="DA16" s="65">
        <v>0</v>
      </c>
      <c r="DB16" s="66">
        <v>0</v>
      </c>
      <c r="DC16" s="66">
        <v>0</v>
      </c>
      <c r="DD16" s="66">
        <v>0</v>
      </c>
      <c r="DE16" s="66">
        <v>0</v>
      </c>
      <c r="DF16" s="66">
        <v>0</v>
      </c>
      <c r="DG16" s="64">
        <v>0</v>
      </c>
      <c r="DH16" s="68">
        <v>0</v>
      </c>
      <c r="DI16" s="63">
        <v>0</v>
      </c>
      <c r="DJ16" s="66">
        <v>0</v>
      </c>
      <c r="DK16" s="64">
        <v>0</v>
      </c>
      <c r="DL16" s="65">
        <v>0</v>
      </c>
      <c r="DM16" s="66">
        <v>0</v>
      </c>
      <c r="DN16" s="66">
        <v>0</v>
      </c>
      <c r="DO16" s="66">
        <v>0</v>
      </c>
      <c r="DP16" s="66">
        <v>0</v>
      </c>
      <c r="DQ16" s="66">
        <v>0</v>
      </c>
      <c r="DR16" s="64">
        <v>0</v>
      </c>
      <c r="DS16" s="68">
        <v>0</v>
      </c>
      <c r="DT16" s="63">
        <v>4</v>
      </c>
      <c r="DU16" s="66">
        <v>16</v>
      </c>
      <c r="DV16" s="64">
        <v>20</v>
      </c>
      <c r="DW16" s="65">
        <v>0</v>
      </c>
      <c r="DX16" s="66">
        <v>21</v>
      </c>
      <c r="DY16" s="66">
        <v>42</v>
      </c>
      <c r="DZ16" s="66">
        <v>22</v>
      </c>
      <c r="EA16" s="66">
        <v>10</v>
      </c>
      <c r="EB16" s="66">
        <v>16</v>
      </c>
      <c r="EC16" s="64">
        <v>111</v>
      </c>
      <c r="ED16" s="68">
        <v>131</v>
      </c>
      <c r="EE16" s="63">
        <v>4</v>
      </c>
      <c r="EF16" s="66">
        <v>5</v>
      </c>
      <c r="EG16" s="64">
        <v>9</v>
      </c>
      <c r="EH16" s="65">
        <v>0</v>
      </c>
      <c r="EI16" s="66">
        <v>11</v>
      </c>
      <c r="EJ16" s="66">
        <v>9</v>
      </c>
      <c r="EK16" s="66">
        <v>9</v>
      </c>
      <c r="EL16" s="66">
        <v>8</v>
      </c>
      <c r="EM16" s="66">
        <v>7</v>
      </c>
      <c r="EN16" s="64">
        <v>44</v>
      </c>
      <c r="EO16" s="68">
        <v>53</v>
      </c>
      <c r="EP16" s="63">
        <v>6</v>
      </c>
      <c r="EQ16" s="66">
        <v>19</v>
      </c>
      <c r="ER16" s="64">
        <v>25</v>
      </c>
      <c r="ES16" s="65">
        <v>0</v>
      </c>
      <c r="ET16" s="66">
        <v>60</v>
      </c>
      <c r="EU16" s="66">
        <v>56</v>
      </c>
      <c r="EV16" s="66">
        <v>30</v>
      </c>
      <c r="EW16" s="66">
        <v>10</v>
      </c>
      <c r="EX16" s="66">
        <v>14</v>
      </c>
      <c r="EY16" s="64">
        <v>170</v>
      </c>
      <c r="EZ16" s="68">
        <v>195</v>
      </c>
    </row>
    <row r="17" spans="2:156" ht="21" customHeight="1" x14ac:dyDescent="0.2">
      <c r="B17" s="131" t="s">
        <v>15</v>
      </c>
      <c r="C17" s="63">
        <v>0</v>
      </c>
      <c r="D17" s="66">
        <v>0</v>
      </c>
      <c r="E17" s="111">
        <v>0</v>
      </c>
      <c r="F17" s="65">
        <v>0</v>
      </c>
      <c r="G17" s="66">
        <v>6</v>
      </c>
      <c r="H17" s="66">
        <v>4</v>
      </c>
      <c r="I17" s="66">
        <v>0</v>
      </c>
      <c r="J17" s="66">
        <v>3</v>
      </c>
      <c r="K17" s="66">
        <v>3</v>
      </c>
      <c r="L17" s="67">
        <v>16</v>
      </c>
      <c r="M17" s="68">
        <v>16</v>
      </c>
      <c r="N17" s="63">
        <v>0</v>
      </c>
      <c r="O17" s="66">
        <v>0</v>
      </c>
      <c r="P17" s="64">
        <v>0</v>
      </c>
      <c r="Q17" s="65">
        <v>0</v>
      </c>
      <c r="R17" s="66">
        <v>0</v>
      </c>
      <c r="S17" s="66">
        <v>1</v>
      </c>
      <c r="T17" s="66">
        <v>0</v>
      </c>
      <c r="U17" s="66">
        <v>2</v>
      </c>
      <c r="V17" s="66">
        <v>2</v>
      </c>
      <c r="W17" s="64">
        <v>5</v>
      </c>
      <c r="X17" s="68">
        <v>5</v>
      </c>
      <c r="Y17" s="63">
        <v>0</v>
      </c>
      <c r="Z17" s="66">
        <v>2</v>
      </c>
      <c r="AA17" s="64">
        <v>2</v>
      </c>
      <c r="AB17" s="65">
        <v>0</v>
      </c>
      <c r="AC17" s="66">
        <v>2</v>
      </c>
      <c r="AD17" s="66">
        <v>5</v>
      </c>
      <c r="AE17" s="66">
        <v>0</v>
      </c>
      <c r="AF17" s="66">
        <v>4</v>
      </c>
      <c r="AG17" s="66">
        <v>3</v>
      </c>
      <c r="AH17" s="64">
        <v>14</v>
      </c>
      <c r="AI17" s="68">
        <v>16</v>
      </c>
      <c r="AJ17" s="63">
        <v>0</v>
      </c>
      <c r="AK17" s="66">
        <v>0</v>
      </c>
      <c r="AL17" s="64">
        <v>0</v>
      </c>
      <c r="AM17" s="65">
        <v>0</v>
      </c>
      <c r="AN17" s="66">
        <v>0</v>
      </c>
      <c r="AO17" s="66">
        <v>1</v>
      </c>
      <c r="AP17" s="66">
        <v>0</v>
      </c>
      <c r="AQ17" s="66">
        <v>0</v>
      </c>
      <c r="AR17" s="66">
        <v>1</v>
      </c>
      <c r="AS17" s="64">
        <v>2</v>
      </c>
      <c r="AT17" s="68">
        <v>2</v>
      </c>
      <c r="AU17" s="63">
        <v>0</v>
      </c>
      <c r="AV17" s="66">
        <v>1</v>
      </c>
      <c r="AW17" s="64">
        <v>1</v>
      </c>
      <c r="AX17" s="65">
        <v>0</v>
      </c>
      <c r="AY17" s="66">
        <v>4</v>
      </c>
      <c r="AZ17" s="66">
        <v>7</v>
      </c>
      <c r="BA17" s="66">
        <v>1</v>
      </c>
      <c r="BB17" s="66">
        <v>7</v>
      </c>
      <c r="BC17" s="66">
        <v>3</v>
      </c>
      <c r="BD17" s="67">
        <v>22</v>
      </c>
      <c r="BE17" s="68">
        <v>23</v>
      </c>
      <c r="BF17" s="63">
        <v>0</v>
      </c>
      <c r="BG17" s="66">
        <v>0</v>
      </c>
      <c r="BH17" s="64">
        <v>0</v>
      </c>
      <c r="BI17" s="65">
        <v>0</v>
      </c>
      <c r="BJ17" s="66">
        <v>4</v>
      </c>
      <c r="BK17" s="66">
        <v>6</v>
      </c>
      <c r="BL17" s="66">
        <v>4</v>
      </c>
      <c r="BM17" s="66">
        <v>2</v>
      </c>
      <c r="BN17" s="66">
        <v>0</v>
      </c>
      <c r="BO17" s="64">
        <v>16</v>
      </c>
      <c r="BP17" s="68">
        <v>16</v>
      </c>
      <c r="BQ17" s="63">
        <v>0</v>
      </c>
      <c r="BR17" s="66">
        <v>0</v>
      </c>
      <c r="BS17" s="64">
        <v>0</v>
      </c>
      <c r="BT17" s="65">
        <v>0</v>
      </c>
      <c r="BU17" s="66">
        <v>1</v>
      </c>
      <c r="BV17" s="66">
        <v>3</v>
      </c>
      <c r="BW17" s="66">
        <v>1</v>
      </c>
      <c r="BX17" s="66">
        <v>2</v>
      </c>
      <c r="BY17" s="66">
        <v>1</v>
      </c>
      <c r="BZ17" s="64">
        <v>8</v>
      </c>
      <c r="CA17" s="68">
        <v>8</v>
      </c>
      <c r="CB17" s="63">
        <v>0</v>
      </c>
      <c r="CC17" s="66">
        <v>0</v>
      </c>
      <c r="CD17" s="64">
        <v>0</v>
      </c>
      <c r="CE17" s="65">
        <v>0</v>
      </c>
      <c r="CF17" s="66">
        <v>0</v>
      </c>
      <c r="CG17" s="66">
        <v>4</v>
      </c>
      <c r="CH17" s="66">
        <v>3</v>
      </c>
      <c r="CI17" s="66">
        <v>3</v>
      </c>
      <c r="CJ17" s="66">
        <v>1</v>
      </c>
      <c r="CK17" s="64">
        <v>11</v>
      </c>
      <c r="CL17" s="68">
        <v>11</v>
      </c>
      <c r="CM17" s="63">
        <v>0</v>
      </c>
      <c r="CN17" s="66">
        <v>0</v>
      </c>
      <c r="CO17" s="64">
        <v>0</v>
      </c>
      <c r="CP17" s="65">
        <v>0</v>
      </c>
      <c r="CQ17" s="66">
        <v>0</v>
      </c>
      <c r="CR17" s="66">
        <v>1</v>
      </c>
      <c r="CS17" s="66">
        <v>0</v>
      </c>
      <c r="CT17" s="66">
        <v>0</v>
      </c>
      <c r="CU17" s="66">
        <v>0</v>
      </c>
      <c r="CV17" s="64">
        <v>1</v>
      </c>
      <c r="CW17" s="68">
        <v>1</v>
      </c>
      <c r="CX17" s="63">
        <v>0</v>
      </c>
      <c r="CY17" s="66">
        <v>0</v>
      </c>
      <c r="CZ17" s="64">
        <v>0</v>
      </c>
      <c r="DA17" s="65">
        <v>0</v>
      </c>
      <c r="DB17" s="66">
        <v>0</v>
      </c>
      <c r="DC17" s="66">
        <v>0</v>
      </c>
      <c r="DD17" s="66">
        <v>0</v>
      </c>
      <c r="DE17" s="66">
        <v>0</v>
      </c>
      <c r="DF17" s="66">
        <v>0</v>
      </c>
      <c r="DG17" s="64">
        <v>0</v>
      </c>
      <c r="DH17" s="68">
        <v>0</v>
      </c>
      <c r="DI17" s="63">
        <v>0</v>
      </c>
      <c r="DJ17" s="66">
        <v>0</v>
      </c>
      <c r="DK17" s="64">
        <v>0</v>
      </c>
      <c r="DL17" s="65">
        <v>0</v>
      </c>
      <c r="DM17" s="66">
        <v>0</v>
      </c>
      <c r="DN17" s="66">
        <v>0</v>
      </c>
      <c r="DO17" s="66">
        <v>0</v>
      </c>
      <c r="DP17" s="66">
        <v>0</v>
      </c>
      <c r="DQ17" s="66">
        <v>0</v>
      </c>
      <c r="DR17" s="64">
        <v>0</v>
      </c>
      <c r="DS17" s="68">
        <v>0</v>
      </c>
      <c r="DT17" s="63">
        <v>1</v>
      </c>
      <c r="DU17" s="66">
        <v>5</v>
      </c>
      <c r="DV17" s="64">
        <v>6</v>
      </c>
      <c r="DW17" s="65">
        <v>0</v>
      </c>
      <c r="DX17" s="66">
        <v>6</v>
      </c>
      <c r="DY17" s="66">
        <v>14</v>
      </c>
      <c r="DZ17" s="66">
        <v>5</v>
      </c>
      <c r="EA17" s="66">
        <v>10</v>
      </c>
      <c r="EB17" s="66">
        <v>3</v>
      </c>
      <c r="EC17" s="64">
        <v>38</v>
      </c>
      <c r="ED17" s="68">
        <v>44</v>
      </c>
      <c r="EE17" s="63">
        <v>1</v>
      </c>
      <c r="EF17" s="66">
        <v>1</v>
      </c>
      <c r="EG17" s="64">
        <v>2</v>
      </c>
      <c r="EH17" s="65">
        <v>0</v>
      </c>
      <c r="EI17" s="66">
        <v>4</v>
      </c>
      <c r="EJ17" s="66">
        <v>3</v>
      </c>
      <c r="EK17" s="66">
        <v>1</v>
      </c>
      <c r="EL17" s="66">
        <v>3</v>
      </c>
      <c r="EM17" s="66">
        <v>2</v>
      </c>
      <c r="EN17" s="64">
        <v>13</v>
      </c>
      <c r="EO17" s="68">
        <v>15</v>
      </c>
      <c r="EP17" s="63">
        <v>1</v>
      </c>
      <c r="EQ17" s="66">
        <v>5</v>
      </c>
      <c r="ER17" s="64">
        <v>6</v>
      </c>
      <c r="ES17" s="65">
        <v>0</v>
      </c>
      <c r="ET17" s="66">
        <v>16</v>
      </c>
      <c r="EU17" s="66">
        <v>19</v>
      </c>
      <c r="EV17" s="66">
        <v>8</v>
      </c>
      <c r="EW17" s="66">
        <v>11</v>
      </c>
      <c r="EX17" s="66">
        <v>3</v>
      </c>
      <c r="EY17" s="64">
        <v>57</v>
      </c>
      <c r="EZ17" s="68">
        <v>63</v>
      </c>
    </row>
    <row r="18" spans="2:156" ht="21" customHeight="1" x14ac:dyDescent="0.2">
      <c r="B18" s="131" t="s">
        <v>16</v>
      </c>
      <c r="C18" s="63">
        <v>0</v>
      </c>
      <c r="D18" s="66">
        <v>0</v>
      </c>
      <c r="E18" s="111">
        <v>0</v>
      </c>
      <c r="F18" s="65">
        <v>0</v>
      </c>
      <c r="G18" s="66">
        <v>8</v>
      </c>
      <c r="H18" s="66">
        <v>19</v>
      </c>
      <c r="I18" s="66">
        <v>4</v>
      </c>
      <c r="J18" s="66">
        <v>3</v>
      </c>
      <c r="K18" s="66">
        <v>0</v>
      </c>
      <c r="L18" s="67">
        <v>34</v>
      </c>
      <c r="M18" s="68">
        <v>34</v>
      </c>
      <c r="N18" s="63">
        <v>0</v>
      </c>
      <c r="O18" s="66">
        <v>0</v>
      </c>
      <c r="P18" s="64">
        <v>0</v>
      </c>
      <c r="Q18" s="65">
        <v>0</v>
      </c>
      <c r="R18" s="66">
        <v>0</v>
      </c>
      <c r="S18" s="66">
        <v>0</v>
      </c>
      <c r="T18" s="66">
        <v>1</v>
      </c>
      <c r="U18" s="66">
        <v>0</v>
      </c>
      <c r="V18" s="66">
        <v>3</v>
      </c>
      <c r="W18" s="64">
        <v>4</v>
      </c>
      <c r="X18" s="68">
        <v>4</v>
      </c>
      <c r="Y18" s="63">
        <v>2</v>
      </c>
      <c r="Z18" s="66">
        <v>4</v>
      </c>
      <c r="AA18" s="64">
        <v>6</v>
      </c>
      <c r="AB18" s="65">
        <v>0</v>
      </c>
      <c r="AC18" s="66">
        <v>6</v>
      </c>
      <c r="AD18" s="66">
        <v>15</v>
      </c>
      <c r="AE18" s="66">
        <v>7</v>
      </c>
      <c r="AF18" s="66">
        <v>7</v>
      </c>
      <c r="AG18" s="66">
        <v>4</v>
      </c>
      <c r="AH18" s="64">
        <v>39</v>
      </c>
      <c r="AI18" s="68">
        <v>45</v>
      </c>
      <c r="AJ18" s="63">
        <v>0</v>
      </c>
      <c r="AK18" s="66">
        <v>1</v>
      </c>
      <c r="AL18" s="64">
        <v>1</v>
      </c>
      <c r="AM18" s="65">
        <v>0</v>
      </c>
      <c r="AN18" s="66">
        <v>0</v>
      </c>
      <c r="AO18" s="66">
        <v>1</v>
      </c>
      <c r="AP18" s="66">
        <v>1</v>
      </c>
      <c r="AQ18" s="66">
        <v>0</v>
      </c>
      <c r="AR18" s="66">
        <v>1</v>
      </c>
      <c r="AS18" s="64">
        <v>3</v>
      </c>
      <c r="AT18" s="68">
        <v>4</v>
      </c>
      <c r="AU18" s="63">
        <v>3</v>
      </c>
      <c r="AV18" s="66">
        <v>1</v>
      </c>
      <c r="AW18" s="64">
        <v>4</v>
      </c>
      <c r="AX18" s="65">
        <v>0</v>
      </c>
      <c r="AY18" s="66">
        <v>8</v>
      </c>
      <c r="AZ18" s="66">
        <v>15</v>
      </c>
      <c r="BA18" s="66">
        <v>15</v>
      </c>
      <c r="BB18" s="66">
        <v>10</v>
      </c>
      <c r="BC18" s="66">
        <v>8</v>
      </c>
      <c r="BD18" s="67">
        <v>56</v>
      </c>
      <c r="BE18" s="68">
        <v>60</v>
      </c>
      <c r="BF18" s="63">
        <v>0</v>
      </c>
      <c r="BG18" s="66">
        <v>0</v>
      </c>
      <c r="BH18" s="64">
        <v>0</v>
      </c>
      <c r="BI18" s="65">
        <v>0</v>
      </c>
      <c r="BJ18" s="66">
        <v>21</v>
      </c>
      <c r="BK18" s="66">
        <v>17</v>
      </c>
      <c r="BL18" s="66">
        <v>6</v>
      </c>
      <c r="BM18" s="66">
        <v>3</v>
      </c>
      <c r="BN18" s="66">
        <v>1</v>
      </c>
      <c r="BO18" s="64">
        <v>48</v>
      </c>
      <c r="BP18" s="68">
        <v>48</v>
      </c>
      <c r="BQ18" s="63">
        <v>2</v>
      </c>
      <c r="BR18" s="66">
        <v>4</v>
      </c>
      <c r="BS18" s="64">
        <v>6</v>
      </c>
      <c r="BT18" s="65">
        <v>0</v>
      </c>
      <c r="BU18" s="66">
        <v>8</v>
      </c>
      <c r="BV18" s="66">
        <v>15</v>
      </c>
      <c r="BW18" s="66">
        <v>6</v>
      </c>
      <c r="BX18" s="66">
        <v>1</v>
      </c>
      <c r="BY18" s="66">
        <v>1</v>
      </c>
      <c r="BZ18" s="64">
        <v>31</v>
      </c>
      <c r="CA18" s="68">
        <v>37</v>
      </c>
      <c r="CB18" s="63">
        <v>0</v>
      </c>
      <c r="CC18" s="66">
        <v>0</v>
      </c>
      <c r="CD18" s="64">
        <v>0</v>
      </c>
      <c r="CE18" s="65">
        <v>0</v>
      </c>
      <c r="CF18" s="66">
        <v>1</v>
      </c>
      <c r="CG18" s="66">
        <v>5</v>
      </c>
      <c r="CH18" s="66">
        <v>3</v>
      </c>
      <c r="CI18" s="66">
        <v>2</v>
      </c>
      <c r="CJ18" s="66">
        <v>0</v>
      </c>
      <c r="CK18" s="64">
        <v>11</v>
      </c>
      <c r="CL18" s="68">
        <v>11</v>
      </c>
      <c r="CM18" s="63">
        <v>0</v>
      </c>
      <c r="CN18" s="66">
        <v>0</v>
      </c>
      <c r="CO18" s="64">
        <v>0</v>
      </c>
      <c r="CP18" s="65">
        <v>0</v>
      </c>
      <c r="CQ18" s="66">
        <v>0</v>
      </c>
      <c r="CR18" s="66">
        <v>1</v>
      </c>
      <c r="CS18" s="66">
        <v>0</v>
      </c>
      <c r="CT18" s="66">
        <v>0</v>
      </c>
      <c r="CU18" s="66">
        <v>0</v>
      </c>
      <c r="CV18" s="64">
        <v>1</v>
      </c>
      <c r="CW18" s="68">
        <v>1</v>
      </c>
      <c r="CX18" s="63">
        <v>0</v>
      </c>
      <c r="CY18" s="66">
        <v>0</v>
      </c>
      <c r="CZ18" s="64">
        <v>0</v>
      </c>
      <c r="DA18" s="65">
        <v>0</v>
      </c>
      <c r="DB18" s="66">
        <v>0</v>
      </c>
      <c r="DC18" s="66">
        <v>0</v>
      </c>
      <c r="DD18" s="66">
        <v>0</v>
      </c>
      <c r="DE18" s="66">
        <v>0</v>
      </c>
      <c r="DF18" s="66">
        <v>0</v>
      </c>
      <c r="DG18" s="64">
        <v>0</v>
      </c>
      <c r="DH18" s="68">
        <v>0</v>
      </c>
      <c r="DI18" s="63">
        <v>0</v>
      </c>
      <c r="DJ18" s="66">
        <v>0</v>
      </c>
      <c r="DK18" s="64">
        <v>0</v>
      </c>
      <c r="DL18" s="65">
        <v>0</v>
      </c>
      <c r="DM18" s="66">
        <v>0</v>
      </c>
      <c r="DN18" s="66">
        <v>0</v>
      </c>
      <c r="DO18" s="66">
        <v>0</v>
      </c>
      <c r="DP18" s="66">
        <v>0</v>
      </c>
      <c r="DQ18" s="66">
        <v>0</v>
      </c>
      <c r="DR18" s="64">
        <v>0</v>
      </c>
      <c r="DS18" s="68">
        <v>0</v>
      </c>
      <c r="DT18" s="63">
        <v>8</v>
      </c>
      <c r="DU18" s="66">
        <v>17</v>
      </c>
      <c r="DV18" s="64">
        <v>25</v>
      </c>
      <c r="DW18" s="65">
        <v>0</v>
      </c>
      <c r="DX18" s="66">
        <v>15</v>
      </c>
      <c r="DY18" s="66">
        <v>44</v>
      </c>
      <c r="DZ18" s="66">
        <v>18</v>
      </c>
      <c r="EA18" s="66">
        <v>10</v>
      </c>
      <c r="EB18" s="66">
        <v>7</v>
      </c>
      <c r="EC18" s="64">
        <v>94</v>
      </c>
      <c r="ED18" s="68">
        <v>119</v>
      </c>
      <c r="EE18" s="63">
        <v>3</v>
      </c>
      <c r="EF18" s="66">
        <v>1</v>
      </c>
      <c r="EG18" s="64">
        <v>4</v>
      </c>
      <c r="EH18" s="65">
        <v>0</v>
      </c>
      <c r="EI18" s="66">
        <v>6</v>
      </c>
      <c r="EJ18" s="66">
        <v>6</v>
      </c>
      <c r="EK18" s="66">
        <v>12</v>
      </c>
      <c r="EL18" s="66">
        <v>9</v>
      </c>
      <c r="EM18" s="66">
        <v>5</v>
      </c>
      <c r="EN18" s="64">
        <v>38</v>
      </c>
      <c r="EO18" s="68">
        <v>42</v>
      </c>
      <c r="EP18" s="63">
        <v>11</v>
      </c>
      <c r="EQ18" s="66">
        <v>21</v>
      </c>
      <c r="ER18" s="64">
        <v>32</v>
      </c>
      <c r="ES18" s="65">
        <v>0</v>
      </c>
      <c r="ET18" s="66">
        <v>41</v>
      </c>
      <c r="EU18" s="66">
        <v>62</v>
      </c>
      <c r="EV18" s="66">
        <v>24</v>
      </c>
      <c r="EW18" s="66">
        <v>11</v>
      </c>
      <c r="EX18" s="66">
        <v>6</v>
      </c>
      <c r="EY18" s="64">
        <v>144</v>
      </c>
      <c r="EZ18" s="68">
        <v>176</v>
      </c>
    </row>
    <row r="19" spans="2:156" ht="21" customHeight="1" x14ac:dyDescent="0.2">
      <c r="B19" s="131" t="s">
        <v>17</v>
      </c>
      <c r="C19" s="63">
        <v>0</v>
      </c>
      <c r="D19" s="66">
        <v>0</v>
      </c>
      <c r="E19" s="111">
        <v>0</v>
      </c>
      <c r="F19" s="65">
        <v>0</v>
      </c>
      <c r="G19" s="66">
        <v>14</v>
      </c>
      <c r="H19" s="66">
        <v>18</v>
      </c>
      <c r="I19" s="66">
        <v>18</v>
      </c>
      <c r="J19" s="66">
        <v>5</v>
      </c>
      <c r="K19" s="66">
        <v>6</v>
      </c>
      <c r="L19" s="67">
        <v>61</v>
      </c>
      <c r="M19" s="68">
        <v>61</v>
      </c>
      <c r="N19" s="63">
        <v>0</v>
      </c>
      <c r="O19" s="66">
        <v>0</v>
      </c>
      <c r="P19" s="64">
        <v>0</v>
      </c>
      <c r="Q19" s="65">
        <v>0</v>
      </c>
      <c r="R19" s="66">
        <v>1</v>
      </c>
      <c r="S19" s="66">
        <v>0</v>
      </c>
      <c r="T19" s="66">
        <v>2</v>
      </c>
      <c r="U19" s="66">
        <v>3</v>
      </c>
      <c r="V19" s="66">
        <v>2</v>
      </c>
      <c r="W19" s="64">
        <v>8</v>
      </c>
      <c r="X19" s="68">
        <v>8</v>
      </c>
      <c r="Y19" s="63">
        <v>4</v>
      </c>
      <c r="Z19" s="66">
        <v>6</v>
      </c>
      <c r="AA19" s="64">
        <v>10</v>
      </c>
      <c r="AB19" s="65">
        <v>0</v>
      </c>
      <c r="AC19" s="66">
        <v>13</v>
      </c>
      <c r="AD19" s="66">
        <v>22</v>
      </c>
      <c r="AE19" s="66">
        <v>19</v>
      </c>
      <c r="AF19" s="66">
        <v>13</v>
      </c>
      <c r="AG19" s="66">
        <v>6</v>
      </c>
      <c r="AH19" s="64">
        <v>73</v>
      </c>
      <c r="AI19" s="68">
        <v>83</v>
      </c>
      <c r="AJ19" s="63">
        <v>0</v>
      </c>
      <c r="AK19" s="66">
        <v>0</v>
      </c>
      <c r="AL19" s="64">
        <v>0</v>
      </c>
      <c r="AM19" s="65">
        <v>0</v>
      </c>
      <c r="AN19" s="66">
        <v>0</v>
      </c>
      <c r="AO19" s="66">
        <v>4</v>
      </c>
      <c r="AP19" s="66">
        <v>4</v>
      </c>
      <c r="AQ19" s="66">
        <v>1</v>
      </c>
      <c r="AR19" s="66">
        <v>3</v>
      </c>
      <c r="AS19" s="64">
        <v>12</v>
      </c>
      <c r="AT19" s="68">
        <v>12</v>
      </c>
      <c r="AU19" s="63">
        <v>7</v>
      </c>
      <c r="AV19" s="66">
        <v>6</v>
      </c>
      <c r="AW19" s="64">
        <v>13</v>
      </c>
      <c r="AX19" s="65">
        <v>0</v>
      </c>
      <c r="AY19" s="66">
        <v>19</v>
      </c>
      <c r="AZ19" s="66">
        <v>23</v>
      </c>
      <c r="BA19" s="66">
        <v>30</v>
      </c>
      <c r="BB19" s="66">
        <v>19</v>
      </c>
      <c r="BC19" s="66">
        <v>22</v>
      </c>
      <c r="BD19" s="67">
        <v>113</v>
      </c>
      <c r="BE19" s="68">
        <v>126</v>
      </c>
      <c r="BF19" s="63">
        <v>0</v>
      </c>
      <c r="BG19" s="66">
        <v>0</v>
      </c>
      <c r="BH19" s="64">
        <v>0</v>
      </c>
      <c r="BI19" s="65">
        <v>0</v>
      </c>
      <c r="BJ19" s="66">
        <v>15</v>
      </c>
      <c r="BK19" s="66">
        <v>30</v>
      </c>
      <c r="BL19" s="66">
        <v>17</v>
      </c>
      <c r="BM19" s="66">
        <v>11</v>
      </c>
      <c r="BN19" s="66">
        <v>5</v>
      </c>
      <c r="BO19" s="64">
        <v>78</v>
      </c>
      <c r="BP19" s="68">
        <v>78</v>
      </c>
      <c r="BQ19" s="63">
        <v>6</v>
      </c>
      <c r="BR19" s="66">
        <v>4</v>
      </c>
      <c r="BS19" s="64">
        <v>10</v>
      </c>
      <c r="BT19" s="65">
        <v>0</v>
      </c>
      <c r="BU19" s="66">
        <v>5</v>
      </c>
      <c r="BV19" s="66">
        <v>13</v>
      </c>
      <c r="BW19" s="66">
        <v>5</v>
      </c>
      <c r="BX19" s="66">
        <v>3</v>
      </c>
      <c r="BY19" s="66">
        <v>2</v>
      </c>
      <c r="BZ19" s="64">
        <v>28</v>
      </c>
      <c r="CA19" s="68">
        <v>38</v>
      </c>
      <c r="CB19" s="63">
        <v>0</v>
      </c>
      <c r="CC19" s="66">
        <v>0</v>
      </c>
      <c r="CD19" s="64">
        <v>0</v>
      </c>
      <c r="CE19" s="65">
        <v>0</v>
      </c>
      <c r="CF19" s="66">
        <v>1</v>
      </c>
      <c r="CG19" s="66">
        <v>5</v>
      </c>
      <c r="CH19" s="66">
        <v>7</v>
      </c>
      <c r="CI19" s="66">
        <v>6</v>
      </c>
      <c r="CJ19" s="66">
        <v>2</v>
      </c>
      <c r="CK19" s="64">
        <v>21</v>
      </c>
      <c r="CL19" s="68">
        <v>21</v>
      </c>
      <c r="CM19" s="63">
        <v>0</v>
      </c>
      <c r="CN19" s="66">
        <v>0</v>
      </c>
      <c r="CO19" s="64">
        <v>0</v>
      </c>
      <c r="CP19" s="65">
        <v>0</v>
      </c>
      <c r="CQ19" s="66">
        <v>0</v>
      </c>
      <c r="CR19" s="66">
        <v>2</v>
      </c>
      <c r="CS19" s="66">
        <v>1</v>
      </c>
      <c r="CT19" s="66">
        <v>0</v>
      </c>
      <c r="CU19" s="66">
        <v>0</v>
      </c>
      <c r="CV19" s="64">
        <v>3</v>
      </c>
      <c r="CW19" s="68">
        <v>3</v>
      </c>
      <c r="CX19" s="63">
        <v>0</v>
      </c>
      <c r="CY19" s="66">
        <v>0</v>
      </c>
      <c r="CZ19" s="64">
        <v>0</v>
      </c>
      <c r="DA19" s="65">
        <v>0</v>
      </c>
      <c r="DB19" s="66">
        <v>0</v>
      </c>
      <c r="DC19" s="66">
        <v>0</v>
      </c>
      <c r="DD19" s="66">
        <v>0</v>
      </c>
      <c r="DE19" s="66">
        <v>0</v>
      </c>
      <c r="DF19" s="66">
        <v>0</v>
      </c>
      <c r="DG19" s="64">
        <v>0</v>
      </c>
      <c r="DH19" s="68">
        <v>0</v>
      </c>
      <c r="DI19" s="63">
        <v>0</v>
      </c>
      <c r="DJ19" s="66">
        <v>0</v>
      </c>
      <c r="DK19" s="64">
        <v>0</v>
      </c>
      <c r="DL19" s="65">
        <v>0</v>
      </c>
      <c r="DM19" s="66">
        <v>0</v>
      </c>
      <c r="DN19" s="66">
        <v>0</v>
      </c>
      <c r="DO19" s="66">
        <v>0</v>
      </c>
      <c r="DP19" s="66">
        <v>0</v>
      </c>
      <c r="DQ19" s="66">
        <v>0</v>
      </c>
      <c r="DR19" s="64">
        <v>0</v>
      </c>
      <c r="DS19" s="68">
        <v>0</v>
      </c>
      <c r="DT19" s="63">
        <v>10</v>
      </c>
      <c r="DU19" s="66">
        <v>27</v>
      </c>
      <c r="DV19" s="64">
        <v>37</v>
      </c>
      <c r="DW19" s="65">
        <v>0</v>
      </c>
      <c r="DX19" s="66">
        <v>33</v>
      </c>
      <c r="DY19" s="66">
        <v>51</v>
      </c>
      <c r="DZ19" s="66">
        <v>48</v>
      </c>
      <c r="EA19" s="66">
        <v>28</v>
      </c>
      <c r="EB19" s="66">
        <v>15</v>
      </c>
      <c r="EC19" s="64">
        <v>175</v>
      </c>
      <c r="ED19" s="68">
        <v>212</v>
      </c>
      <c r="EE19" s="63">
        <v>6</v>
      </c>
      <c r="EF19" s="66">
        <v>6</v>
      </c>
      <c r="EG19" s="64">
        <v>12</v>
      </c>
      <c r="EH19" s="65">
        <v>0</v>
      </c>
      <c r="EI19" s="66">
        <v>12</v>
      </c>
      <c r="EJ19" s="66">
        <v>11</v>
      </c>
      <c r="EK19" s="66">
        <v>7</v>
      </c>
      <c r="EL19" s="66">
        <v>10</v>
      </c>
      <c r="EM19" s="66">
        <v>7</v>
      </c>
      <c r="EN19" s="64">
        <v>47</v>
      </c>
      <c r="EO19" s="68">
        <v>59</v>
      </c>
      <c r="EP19" s="63">
        <v>18</v>
      </c>
      <c r="EQ19" s="66">
        <v>31</v>
      </c>
      <c r="ER19" s="64">
        <v>49</v>
      </c>
      <c r="ES19" s="65">
        <v>0</v>
      </c>
      <c r="ET19" s="66">
        <v>62</v>
      </c>
      <c r="EU19" s="66">
        <v>88</v>
      </c>
      <c r="EV19" s="66">
        <v>57</v>
      </c>
      <c r="EW19" s="66">
        <v>32</v>
      </c>
      <c r="EX19" s="66">
        <v>16</v>
      </c>
      <c r="EY19" s="64">
        <v>255</v>
      </c>
      <c r="EZ19" s="68">
        <v>304</v>
      </c>
    </row>
    <row r="20" spans="2:156" ht="21" customHeight="1" x14ac:dyDescent="0.2">
      <c r="B20" s="131" t="s">
        <v>18</v>
      </c>
      <c r="C20" s="63">
        <v>0</v>
      </c>
      <c r="D20" s="66">
        <v>0</v>
      </c>
      <c r="E20" s="111">
        <v>0</v>
      </c>
      <c r="F20" s="65">
        <v>0</v>
      </c>
      <c r="G20" s="66">
        <v>26</v>
      </c>
      <c r="H20" s="66">
        <v>26</v>
      </c>
      <c r="I20" s="66">
        <v>25</v>
      </c>
      <c r="J20" s="66">
        <v>15</v>
      </c>
      <c r="K20" s="66">
        <v>6</v>
      </c>
      <c r="L20" s="67">
        <v>98</v>
      </c>
      <c r="M20" s="68">
        <v>98</v>
      </c>
      <c r="N20" s="63">
        <v>0</v>
      </c>
      <c r="O20" s="66">
        <v>0</v>
      </c>
      <c r="P20" s="64">
        <v>0</v>
      </c>
      <c r="Q20" s="65">
        <v>0</v>
      </c>
      <c r="R20" s="66">
        <v>0</v>
      </c>
      <c r="S20" s="66">
        <v>0</v>
      </c>
      <c r="T20" s="66">
        <v>1</v>
      </c>
      <c r="U20" s="66">
        <v>4</v>
      </c>
      <c r="V20" s="66">
        <v>1</v>
      </c>
      <c r="W20" s="64">
        <v>6</v>
      </c>
      <c r="X20" s="68">
        <v>6</v>
      </c>
      <c r="Y20" s="63">
        <v>4</v>
      </c>
      <c r="Z20" s="66">
        <v>5</v>
      </c>
      <c r="AA20" s="64">
        <v>9</v>
      </c>
      <c r="AB20" s="65">
        <v>0</v>
      </c>
      <c r="AC20" s="66">
        <v>20</v>
      </c>
      <c r="AD20" s="66">
        <v>29</v>
      </c>
      <c r="AE20" s="66">
        <v>23</v>
      </c>
      <c r="AF20" s="66">
        <v>14</v>
      </c>
      <c r="AG20" s="66">
        <v>7</v>
      </c>
      <c r="AH20" s="64">
        <v>93</v>
      </c>
      <c r="AI20" s="68">
        <v>102</v>
      </c>
      <c r="AJ20" s="63">
        <v>1</v>
      </c>
      <c r="AK20" s="66">
        <v>1</v>
      </c>
      <c r="AL20" s="64">
        <v>2</v>
      </c>
      <c r="AM20" s="65">
        <v>0</v>
      </c>
      <c r="AN20" s="66">
        <v>1</v>
      </c>
      <c r="AO20" s="66">
        <v>2</v>
      </c>
      <c r="AP20" s="66">
        <v>2</v>
      </c>
      <c r="AQ20" s="66">
        <v>1</v>
      </c>
      <c r="AR20" s="66">
        <v>1</v>
      </c>
      <c r="AS20" s="64">
        <v>7</v>
      </c>
      <c r="AT20" s="68">
        <v>9</v>
      </c>
      <c r="AU20" s="63">
        <v>3</v>
      </c>
      <c r="AV20" s="66">
        <v>5</v>
      </c>
      <c r="AW20" s="64">
        <v>8</v>
      </c>
      <c r="AX20" s="65">
        <v>0</v>
      </c>
      <c r="AY20" s="66">
        <v>27</v>
      </c>
      <c r="AZ20" s="66">
        <v>37</v>
      </c>
      <c r="BA20" s="66">
        <v>41</v>
      </c>
      <c r="BB20" s="66">
        <v>33</v>
      </c>
      <c r="BC20" s="66">
        <v>26</v>
      </c>
      <c r="BD20" s="67">
        <v>164</v>
      </c>
      <c r="BE20" s="68">
        <v>172</v>
      </c>
      <c r="BF20" s="63">
        <v>0</v>
      </c>
      <c r="BG20" s="66">
        <v>0</v>
      </c>
      <c r="BH20" s="64">
        <v>0</v>
      </c>
      <c r="BI20" s="65">
        <v>0</v>
      </c>
      <c r="BJ20" s="66">
        <v>35</v>
      </c>
      <c r="BK20" s="66">
        <v>39</v>
      </c>
      <c r="BL20" s="66">
        <v>17</v>
      </c>
      <c r="BM20" s="66">
        <v>12</v>
      </c>
      <c r="BN20" s="66">
        <v>6</v>
      </c>
      <c r="BO20" s="64">
        <v>109</v>
      </c>
      <c r="BP20" s="68">
        <v>109</v>
      </c>
      <c r="BQ20" s="63">
        <v>7</v>
      </c>
      <c r="BR20" s="66">
        <v>6</v>
      </c>
      <c r="BS20" s="64">
        <v>13</v>
      </c>
      <c r="BT20" s="65">
        <v>0</v>
      </c>
      <c r="BU20" s="66">
        <v>11</v>
      </c>
      <c r="BV20" s="66">
        <v>14</v>
      </c>
      <c r="BW20" s="66">
        <v>8</v>
      </c>
      <c r="BX20" s="66">
        <v>6</v>
      </c>
      <c r="BY20" s="66">
        <v>1</v>
      </c>
      <c r="BZ20" s="64">
        <v>40</v>
      </c>
      <c r="CA20" s="68">
        <v>53</v>
      </c>
      <c r="CB20" s="63">
        <v>0</v>
      </c>
      <c r="CC20" s="66">
        <v>1</v>
      </c>
      <c r="CD20" s="64">
        <v>1</v>
      </c>
      <c r="CE20" s="65">
        <v>0</v>
      </c>
      <c r="CF20" s="66">
        <v>9</v>
      </c>
      <c r="CG20" s="66">
        <v>9</v>
      </c>
      <c r="CH20" s="66">
        <v>11</v>
      </c>
      <c r="CI20" s="66">
        <v>5</v>
      </c>
      <c r="CJ20" s="66">
        <v>5</v>
      </c>
      <c r="CK20" s="64">
        <v>39</v>
      </c>
      <c r="CL20" s="68">
        <v>40</v>
      </c>
      <c r="CM20" s="63">
        <v>0</v>
      </c>
      <c r="CN20" s="66">
        <v>0</v>
      </c>
      <c r="CO20" s="64">
        <v>0</v>
      </c>
      <c r="CP20" s="65">
        <v>0</v>
      </c>
      <c r="CQ20" s="66">
        <v>0</v>
      </c>
      <c r="CR20" s="66">
        <v>0</v>
      </c>
      <c r="CS20" s="66">
        <v>0</v>
      </c>
      <c r="CT20" s="66">
        <v>0</v>
      </c>
      <c r="CU20" s="66">
        <v>1</v>
      </c>
      <c r="CV20" s="64">
        <v>1</v>
      </c>
      <c r="CW20" s="68">
        <v>1</v>
      </c>
      <c r="CX20" s="63">
        <v>0</v>
      </c>
      <c r="CY20" s="66">
        <v>0</v>
      </c>
      <c r="CZ20" s="64">
        <v>0</v>
      </c>
      <c r="DA20" s="65">
        <v>0</v>
      </c>
      <c r="DB20" s="66">
        <v>0</v>
      </c>
      <c r="DC20" s="66">
        <v>0</v>
      </c>
      <c r="DD20" s="66">
        <v>0</v>
      </c>
      <c r="DE20" s="66">
        <v>0</v>
      </c>
      <c r="DF20" s="66">
        <v>0</v>
      </c>
      <c r="DG20" s="64">
        <v>0</v>
      </c>
      <c r="DH20" s="68">
        <v>0</v>
      </c>
      <c r="DI20" s="63">
        <v>0</v>
      </c>
      <c r="DJ20" s="66">
        <v>0</v>
      </c>
      <c r="DK20" s="64">
        <v>0</v>
      </c>
      <c r="DL20" s="65">
        <v>0</v>
      </c>
      <c r="DM20" s="66">
        <v>0</v>
      </c>
      <c r="DN20" s="66">
        <v>0</v>
      </c>
      <c r="DO20" s="66">
        <v>0</v>
      </c>
      <c r="DP20" s="66">
        <v>0</v>
      </c>
      <c r="DQ20" s="66">
        <v>0</v>
      </c>
      <c r="DR20" s="64">
        <v>0</v>
      </c>
      <c r="DS20" s="68">
        <v>0</v>
      </c>
      <c r="DT20" s="63">
        <v>13</v>
      </c>
      <c r="DU20" s="66">
        <v>23</v>
      </c>
      <c r="DV20" s="64">
        <v>36</v>
      </c>
      <c r="DW20" s="65">
        <v>0</v>
      </c>
      <c r="DX20" s="66">
        <v>52</v>
      </c>
      <c r="DY20" s="66">
        <v>65</v>
      </c>
      <c r="DZ20" s="66">
        <v>58</v>
      </c>
      <c r="EA20" s="66">
        <v>36</v>
      </c>
      <c r="EB20" s="66">
        <v>17</v>
      </c>
      <c r="EC20" s="64">
        <v>228</v>
      </c>
      <c r="ED20" s="68">
        <v>264</v>
      </c>
      <c r="EE20" s="63">
        <v>3</v>
      </c>
      <c r="EF20" s="66">
        <v>2</v>
      </c>
      <c r="EG20" s="64">
        <v>5</v>
      </c>
      <c r="EH20" s="65">
        <v>0</v>
      </c>
      <c r="EI20" s="66">
        <v>11</v>
      </c>
      <c r="EJ20" s="66">
        <v>11</v>
      </c>
      <c r="EK20" s="66">
        <v>10</v>
      </c>
      <c r="EL20" s="66">
        <v>12</v>
      </c>
      <c r="EM20" s="66">
        <v>15</v>
      </c>
      <c r="EN20" s="64">
        <v>59</v>
      </c>
      <c r="EO20" s="68">
        <v>64</v>
      </c>
      <c r="EP20" s="63">
        <v>22</v>
      </c>
      <c r="EQ20" s="66">
        <v>30</v>
      </c>
      <c r="ER20" s="64">
        <v>52</v>
      </c>
      <c r="ES20" s="65">
        <v>0</v>
      </c>
      <c r="ET20" s="66">
        <v>99</v>
      </c>
      <c r="EU20" s="66">
        <v>97</v>
      </c>
      <c r="EV20" s="66">
        <v>59</v>
      </c>
      <c r="EW20" s="66">
        <v>40</v>
      </c>
      <c r="EX20" s="66">
        <v>15</v>
      </c>
      <c r="EY20" s="64">
        <v>310</v>
      </c>
      <c r="EZ20" s="68">
        <v>362</v>
      </c>
    </row>
    <row r="21" spans="2:156" ht="21" customHeight="1" x14ac:dyDescent="0.2">
      <c r="B21" s="131" t="s">
        <v>19</v>
      </c>
      <c r="C21" s="63">
        <v>0</v>
      </c>
      <c r="D21" s="66">
        <v>0</v>
      </c>
      <c r="E21" s="111">
        <v>0</v>
      </c>
      <c r="F21" s="65">
        <v>0</v>
      </c>
      <c r="G21" s="66">
        <v>12</v>
      </c>
      <c r="H21" s="66">
        <v>9</v>
      </c>
      <c r="I21" s="66">
        <v>4</v>
      </c>
      <c r="J21" s="66">
        <v>2</v>
      </c>
      <c r="K21" s="66">
        <v>3</v>
      </c>
      <c r="L21" s="67">
        <v>30</v>
      </c>
      <c r="M21" s="68">
        <v>30</v>
      </c>
      <c r="N21" s="63">
        <v>0</v>
      </c>
      <c r="O21" s="66">
        <v>0</v>
      </c>
      <c r="P21" s="64">
        <v>0</v>
      </c>
      <c r="Q21" s="65">
        <v>0</v>
      </c>
      <c r="R21" s="66">
        <v>0</v>
      </c>
      <c r="S21" s="66">
        <v>0</v>
      </c>
      <c r="T21" s="66">
        <v>2</v>
      </c>
      <c r="U21" s="66">
        <v>2</v>
      </c>
      <c r="V21" s="66">
        <v>1</v>
      </c>
      <c r="W21" s="64">
        <v>5</v>
      </c>
      <c r="X21" s="68">
        <v>5</v>
      </c>
      <c r="Y21" s="63">
        <v>3</v>
      </c>
      <c r="Z21" s="66">
        <v>4</v>
      </c>
      <c r="AA21" s="64">
        <v>7</v>
      </c>
      <c r="AB21" s="65">
        <v>0</v>
      </c>
      <c r="AC21" s="66">
        <v>11</v>
      </c>
      <c r="AD21" s="66">
        <v>13</v>
      </c>
      <c r="AE21" s="66">
        <v>9</v>
      </c>
      <c r="AF21" s="66">
        <v>4</v>
      </c>
      <c r="AG21" s="66">
        <v>2</v>
      </c>
      <c r="AH21" s="64">
        <v>39</v>
      </c>
      <c r="AI21" s="68">
        <v>46</v>
      </c>
      <c r="AJ21" s="63">
        <v>0</v>
      </c>
      <c r="AK21" s="66">
        <v>0</v>
      </c>
      <c r="AL21" s="64">
        <v>0</v>
      </c>
      <c r="AM21" s="65">
        <v>0</v>
      </c>
      <c r="AN21" s="66">
        <v>2</v>
      </c>
      <c r="AO21" s="66">
        <v>0</v>
      </c>
      <c r="AP21" s="66">
        <v>0</v>
      </c>
      <c r="AQ21" s="66">
        <v>1</v>
      </c>
      <c r="AR21" s="66">
        <v>0</v>
      </c>
      <c r="AS21" s="64">
        <v>3</v>
      </c>
      <c r="AT21" s="68">
        <v>3</v>
      </c>
      <c r="AU21" s="63">
        <v>4</v>
      </c>
      <c r="AV21" s="66">
        <v>3</v>
      </c>
      <c r="AW21" s="64">
        <v>7</v>
      </c>
      <c r="AX21" s="65">
        <v>0</v>
      </c>
      <c r="AY21" s="66">
        <v>16</v>
      </c>
      <c r="AZ21" s="66">
        <v>18</v>
      </c>
      <c r="BA21" s="66">
        <v>12</v>
      </c>
      <c r="BB21" s="66">
        <v>12</v>
      </c>
      <c r="BC21" s="66">
        <v>11</v>
      </c>
      <c r="BD21" s="67">
        <v>69</v>
      </c>
      <c r="BE21" s="68">
        <v>76</v>
      </c>
      <c r="BF21" s="63">
        <v>0</v>
      </c>
      <c r="BG21" s="66">
        <v>0</v>
      </c>
      <c r="BH21" s="64">
        <v>0</v>
      </c>
      <c r="BI21" s="65">
        <v>0</v>
      </c>
      <c r="BJ21" s="66">
        <v>15</v>
      </c>
      <c r="BK21" s="66">
        <v>15</v>
      </c>
      <c r="BL21" s="66">
        <v>2</v>
      </c>
      <c r="BM21" s="66">
        <v>0</v>
      </c>
      <c r="BN21" s="66">
        <v>3</v>
      </c>
      <c r="BO21" s="64">
        <v>35</v>
      </c>
      <c r="BP21" s="68">
        <v>35</v>
      </c>
      <c r="BQ21" s="63">
        <v>2</v>
      </c>
      <c r="BR21" s="66">
        <v>1</v>
      </c>
      <c r="BS21" s="64">
        <v>3</v>
      </c>
      <c r="BT21" s="65">
        <v>0</v>
      </c>
      <c r="BU21" s="66">
        <v>15</v>
      </c>
      <c r="BV21" s="66">
        <v>4</v>
      </c>
      <c r="BW21" s="66">
        <v>6</v>
      </c>
      <c r="BX21" s="66">
        <v>3</v>
      </c>
      <c r="BY21" s="66">
        <v>1</v>
      </c>
      <c r="BZ21" s="64">
        <v>29</v>
      </c>
      <c r="CA21" s="68">
        <v>32</v>
      </c>
      <c r="CB21" s="63">
        <v>0</v>
      </c>
      <c r="CC21" s="66">
        <v>1</v>
      </c>
      <c r="CD21" s="64">
        <v>1</v>
      </c>
      <c r="CE21" s="65">
        <v>0</v>
      </c>
      <c r="CF21" s="66">
        <v>3</v>
      </c>
      <c r="CG21" s="66">
        <v>2</v>
      </c>
      <c r="CH21" s="66">
        <v>2</v>
      </c>
      <c r="CI21" s="66">
        <v>0</v>
      </c>
      <c r="CJ21" s="66">
        <v>0</v>
      </c>
      <c r="CK21" s="64">
        <v>7</v>
      </c>
      <c r="CL21" s="68">
        <v>8</v>
      </c>
      <c r="CM21" s="63">
        <v>0</v>
      </c>
      <c r="CN21" s="66">
        <v>0</v>
      </c>
      <c r="CO21" s="64">
        <v>0</v>
      </c>
      <c r="CP21" s="65">
        <v>0</v>
      </c>
      <c r="CQ21" s="66">
        <v>0</v>
      </c>
      <c r="CR21" s="66">
        <v>0</v>
      </c>
      <c r="CS21" s="66">
        <v>0</v>
      </c>
      <c r="CT21" s="66">
        <v>1</v>
      </c>
      <c r="CU21" s="66">
        <v>0</v>
      </c>
      <c r="CV21" s="64">
        <v>1</v>
      </c>
      <c r="CW21" s="68">
        <v>1</v>
      </c>
      <c r="CX21" s="63">
        <v>0</v>
      </c>
      <c r="CY21" s="66">
        <v>0</v>
      </c>
      <c r="CZ21" s="64">
        <v>0</v>
      </c>
      <c r="DA21" s="65">
        <v>0</v>
      </c>
      <c r="DB21" s="66">
        <v>0</v>
      </c>
      <c r="DC21" s="66">
        <v>0</v>
      </c>
      <c r="DD21" s="66">
        <v>0</v>
      </c>
      <c r="DE21" s="66">
        <v>0</v>
      </c>
      <c r="DF21" s="66">
        <v>0</v>
      </c>
      <c r="DG21" s="64">
        <v>0</v>
      </c>
      <c r="DH21" s="68">
        <v>0</v>
      </c>
      <c r="DI21" s="63">
        <v>0</v>
      </c>
      <c r="DJ21" s="66">
        <v>0</v>
      </c>
      <c r="DK21" s="64">
        <v>0</v>
      </c>
      <c r="DL21" s="65">
        <v>0</v>
      </c>
      <c r="DM21" s="66">
        <v>0</v>
      </c>
      <c r="DN21" s="66">
        <v>0</v>
      </c>
      <c r="DO21" s="66">
        <v>0</v>
      </c>
      <c r="DP21" s="66">
        <v>0</v>
      </c>
      <c r="DQ21" s="66">
        <v>0</v>
      </c>
      <c r="DR21" s="64">
        <v>0</v>
      </c>
      <c r="DS21" s="68">
        <v>0</v>
      </c>
      <c r="DT21" s="63">
        <v>7</v>
      </c>
      <c r="DU21" s="66">
        <v>8</v>
      </c>
      <c r="DV21" s="64">
        <v>15</v>
      </c>
      <c r="DW21" s="65">
        <v>0</v>
      </c>
      <c r="DX21" s="66">
        <v>27</v>
      </c>
      <c r="DY21" s="66">
        <v>25</v>
      </c>
      <c r="DZ21" s="66">
        <v>17</v>
      </c>
      <c r="EA21" s="66">
        <v>10</v>
      </c>
      <c r="EB21" s="66">
        <v>9</v>
      </c>
      <c r="EC21" s="64">
        <v>88</v>
      </c>
      <c r="ED21" s="68">
        <v>103</v>
      </c>
      <c r="EE21" s="63">
        <v>1</v>
      </c>
      <c r="EF21" s="66">
        <v>1</v>
      </c>
      <c r="EG21" s="64">
        <v>2</v>
      </c>
      <c r="EH21" s="65">
        <v>0</v>
      </c>
      <c r="EI21" s="66">
        <v>4</v>
      </c>
      <c r="EJ21" s="66">
        <v>7</v>
      </c>
      <c r="EK21" s="66">
        <v>5</v>
      </c>
      <c r="EL21" s="66">
        <v>5</v>
      </c>
      <c r="EM21" s="66">
        <v>3</v>
      </c>
      <c r="EN21" s="64">
        <v>24</v>
      </c>
      <c r="EO21" s="68">
        <v>26</v>
      </c>
      <c r="EP21" s="63">
        <v>12</v>
      </c>
      <c r="EQ21" s="66">
        <v>12</v>
      </c>
      <c r="ER21" s="64">
        <v>24</v>
      </c>
      <c r="ES21" s="65">
        <v>0</v>
      </c>
      <c r="ET21" s="66">
        <v>49</v>
      </c>
      <c r="EU21" s="66">
        <v>36</v>
      </c>
      <c r="EV21" s="66">
        <v>18</v>
      </c>
      <c r="EW21" s="66">
        <v>10</v>
      </c>
      <c r="EX21" s="66">
        <v>6</v>
      </c>
      <c r="EY21" s="64">
        <v>119</v>
      </c>
      <c r="EZ21" s="68">
        <v>143</v>
      </c>
    </row>
    <row r="22" spans="2:156" ht="21" customHeight="1" x14ac:dyDescent="0.2">
      <c r="B22" s="131" t="s">
        <v>20</v>
      </c>
      <c r="C22" s="63">
        <v>0</v>
      </c>
      <c r="D22" s="66">
        <v>0</v>
      </c>
      <c r="E22" s="111">
        <v>0</v>
      </c>
      <c r="F22" s="65">
        <v>0</v>
      </c>
      <c r="G22" s="66">
        <v>12</v>
      </c>
      <c r="H22" s="66">
        <v>12</v>
      </c>
      <c r="I22" s="66">
        <v>6</v>
      </c>
      <c r="J22" s="66">
        <v>5</v>
      </c>
      <c r="K22" s="66">
        <v>6</v>
      </c>
      <c r="L22" s="67">
        <v>41</v>
      </c>
      <c r="M22" s="68">
        <v>41</v>
      </c>
      <c r="N22" s="63">
        <v>0</v>
      </c>
      <c r="O22" s="66">
        <v>0</v>
      </c>
      <c r="P22" s="64">
        <v>0</v>
      </c>
      <c r="Q22" s="65">
        <v>0</v>
      </c>
      <c r="R22" s="66">
        <v>1</v>
      </c>
      <c r="S22" s="66">
        <v>0</v>
      </c>
      <c r="T22" s="66">
        <v>0</v>
      </c>
      <c r="U22" s="66">
        <v>2</v>
      </c>
      <c r="V22" s="66">
        <v>3</v>
      </c>
      <c r="W22" s="64">
        <v>6</v>
      </c>
      <c r="X22" s="68">
        <v>6</v>
      </c>
      <c r="Y22" s="63">
        <v>5</v>
      </c>
      <c r="Z22" s="66">
        <v>5</v>
      </c>
      <c r="AA22" s="64">
        <v>10</v>
      </c>
      <c r="AB22" s="65">
        <v>0</v>
      </c>
      <c r="AC22" s="66">
        <v>12</v>
      </c>
      <c r="AD22" s="66">
        <v>14</v>
      </c>
      <c r="AE22" s="66">
        <v>6</v>
      </c>
      <c r="AF22" s="66">
        <v>10</v>
      </c>
      <c r="AG22" s="66">
        <v>1</v>
      </c>
      <c r="AH22" s="64">
        <v>43</v>
      </c>
      <c r="AI22" s="68">
        <v>53</v>
      </c>
      <c r="AJ22" s="63">
        <v>0</v>
      </c>
      <c r="AK22" s="66">
        <v>4</v>
      </c>
      <c r="AL22" s="64">
        <v>4</v>
      </c>
      <c r="AM22" s="65">
        <v>0</v>
      </c>
      <c r="AN22" s="66">
        <v>4</v>
      </c>
      <c r="AO22" s="66">
        <v>3</v>
      </c>
      <c r="AP22" s="66">
        <v>2</v>
      </c>
      <c r="AQ22" s="66">
        <v>2</v>
      </c>
      <c r="AR22" s="66">
        <v>1</v>
      </c>
      <c r="AS22" s="64">
        <v>12</v>
      </c>
      <c r="AT22" s="68">
        <v>16</v>
      </c>
      <c r="AU22" s="63">
        <v>2</v>
      </c>
      <c r="AV22" s="66">
        <v>2</v>
      </c>
      <c r="AW22" s="64">
        <v>4</v>
      </c>
      <c r="AX22" s="65">
        <v>0</v>
      </c>
      <c r="AY22" s="66">
        <v>9</v>
      </c>
      <c r="AZ22" s="66">
        <v>15</v>
      </c>
      <c r="BA22" s="66">
        <v>9</v>
      </c>
      <c r="BB22" s="66">
        <v>12</v>
      </c>
      <c r="BC22" s="66">
        <v>12</v>
      </c>
      <c r="BD22" s="67">
        <v>57</v>
      </c>
      <c r="BE22" s="68">
        <v>61</v>
      </c>
      <c r="BF22" s="63">
        <v>0</v>
      </c>
      <c r="BG22" s="66">
        <v>0</v>
      </c>
      <c r="BH22" s="64">
        <v>0</v>
      </c>
      <c r="BI22" s="65">
        <v>0</v>
      </c>
      <c r="BJ22" s="66">
        <v>21</v>
      </c>
      <c r="BK22" s="66">
        <v>17</v>
      </c>
      <c r="BL22" s="66">
        <v>8</v>
      </c>
      <c r="BM22" s="66">
        <v>5</v>
      </c>
      <c r="BN22" s="66">
        <v>1</v>
      </c>
      <c r="BO22" s="64">
        <v>52</v>
      </c>
      <c r="BP22" s="68">
        <v>52</v>
      </c>
      <c r="BQ22" s="63">
        <v>0</v>
      </c>
      <c r="BR22" s="66">
        <v>3</v>
      </c>
      <c r="BS22" s="64">
        <v>3</v>
      </c>
      <c r="BT22" s="65">
        <v>0</v>
      </c>
      <c r="BU22" s="66">
        <v>4</v>
      </c>
      <c r="BV22" s="66">
        <v>11</v>
      </c>
      <c r="BW22" s="66">
        <v>5</v>
      </c>
      <c r="BX22" s="66">
        <v>5</v>
      </c>
      <c r="BY22" s="66">
        <v>1</v>
      </c>
      <c r="BZ22" s="64">
        <v>26</v>
      </c>
      <c r="CA22" s="68">
        <v>29</v>
      </c>
      <c r="CB22" s="63">
        <v>0</v>
      </c>
      <c r="CC22" s="66">
        <v>0</v>
      </c>
      <c r="CD22" s="64">
        <v>0</v>
      </c>
      <c r="CE22" s="65">
        <v>0</v>
      </c>
      <c r="CF22" s="66">
        <v>3</v>
      </c>
      <c r="CG22" s="66">
        <v>3</v>
      </c>
      <c r="CH22" s="66">
        <v>1</v>
      </c>
      <c r="CI22" s="66">
        <v>2</v>
      </c>
      <c r="CJ22" s="66">
        <v>2</v>
      </c>
      <c r="CK22" s="64">
        <v>11</v>
      </c>
      <c r="CL22" s="68">
        <v>11</v>
      </c>
      <c r="CM22" s="63">
        <v>0</v>
      </c>
      <c r="CN22" s="66">
        <v>0</v>
      </c>
      <c r="CO22" s="64">
        <v>0</v>
      </c>
      <c r="CP22" s="65">
        <v>0</v>
      </c>
      <c r="CQ22" s="66">
        <v>0</v>
      </c>
      <c r="CR22" s="66">
        <v>0</v>
      </c>
      <c r="CS22" s="66">
        <v>0</v>
      </c>
      <c r="CT22" s="66">
        <v>1</v>
      </c>
      <c r="CU22" s="66">
        <v>0</v>
      </c>
      <c r="CV22" s="64">
        <v>1</v>
      </c>
      <c r="CW22" s="68">
        <v>1</v>
      </c>
      <c r="CX22" s="63">
        <v>0</v>
      </c>
      <c r="CY22" s="66">
        <v>0</v>
      </c>
      <c r="CZ22" s="64">
        <v>0</v>
      </c>
      <c r="DA22" s="65">
        <v>0</v>
      </c>
      <c r="DB22" s="66">
        <v>0</v>
      </c>
      <c r="DC22" s="66">
        <v>0</v>
      </c>
      <c r="DD22" s="66">
        <v>0</v>
      </c>
      <c r="DE22" s="66">
        <v>0</v>
      </c>
      <c r="DF22" s="66">
        <v>0</v>
      </c>
      <c r="DG22" s="64">
        <v>0</v>
      </c>
      <c r="DH22" s="68">
        <v>0</v>
      </c>
      <c r="DI22" s="63">
        <v>0</v>
      </c>
      <c r="DJ22" s="66">
        <v>0</v>
      </c>
      <c r="DK22" s="64">
        <v>0</v>
      </c>
      <c r="DL22" s="65">
        <v>0</v>
      </c>
      <c r="DM22" s="66">
        <v>0</v>
      </c>
      <c r="DN22" s="66">
        <v>0</v>
      </c>
      <c r="DO22" s="66">
        <v>0</v>
      </c>
      <c r="DP22" s="66">
        <v>0</v>
      </c>
      <c r="DQ22" s="66">
        <v>0</v>
      </c>
      <c r="DR22" s="64">
        <v>0</v>
      </c>
      <c r="DS22" s="68">
        <v>0</v>
      </c>
      <c r="DT22" s="63">
        <v>9</v>
      </c>
      <c r="DU22" s="66">
        <v>19</v>
      </c>
      <c r="DV22" s="64">
        <v>28</v>
      </c>
      <c r="DW22" s="65">
        <v>0</v>
      </c>
      <c r="DX22" s="66">
        <v>30</v>
      </c>
      <c r="DY22" s="66">
        <v>31</v>
      </c>
      <c r="DZ22" s="66">
        <v>15</v>
      </c>
      <c r="EA22" s="66">
        <v>17</v>
      </c>
      <c r="EB22" s="66">
        <v>9</v>
      </c>
      <c r="EC22" s="64">
        <v>102</v>
      </c>
      <c r="ED22" s="68">
        <v>130</v>
      </c>
      <c r="EE22" s="63">
        <v>2</v>
      </c>
      <c r="EF22" s="66">
        <v>1</v>
      </c>
      <c r="EG22" s="64">
        <v>3</v>
      </c>
      <c r="EH22" s="65">
        <v>0</v>
      </c>
      <c r="EI22" s="66">
        <v>4</v>
      </c>
      <c r="EJ22" s="66">
        <v>5</v>
      </c>
      <c r="EK22" s="66">
        <v>4</v>
      </c>
      <c r="EL22" s="66">
        <v>6</v>
      </c>
      <c r="EM22" s="66">
        <v>4</v>
      </c>
      <c r="EN22" s="64">
        <v>23</v>
      </c>
      <c r="EO22" s="68">
        <v>26</v>
      </c>
      <c r="EP22" s="63">
        <v>12</v>
      </c>
      <c r="EQ22" s="66">
        <v>26</v>
      </c>
      <c r="ER22" s="64">
        <v>38</v>
      </c>
      <c r="ES22" s="65">
        <v>0</v>
      </c>
      <c r="ET22" s="66">
        <v>59</v>
      </c>
      <c r="EU22" s="66">
        <v>46</v>
      </c>
      <c r="EV22" s="66">
        <v>19</v>
      </c>
      <c r="EW22" s="66">
        <v>17</v>
      </c>
      <c r="EX22" s="66">
        <v>7</v>
      </c>
      <c r="EY22" s="64">
        <v>148</v>
      </c>
      <c r="EZ22" s="68">
        <v>186</v>
      </c>
    </row>
    <row r="23" spans="2:156" ht="21" customHeight="1" x14ac:dyDescent="0.2">
      <c r="B23" s="131" t="s">
        <v>21</v>
      </c>
      <c r="C23" s="63">
        <v>0</v>
      </c>
      <c r="D23" s="66">
        <v>0</v>
      </c>
      <c r="E23" s="111">
        <v>0</v>
      </c>
      <c r="F23" s="65">
        <v>0</v>
      </c>
      <c r="G23" s="66">
        <v>13</v>
      </c>
      <c r="H23" s="66">
        <v>13</v>
      </c>
      <c r="I23" s="66">
        <v>7</v>
      </c>
      <c r="J23" s="66">
        <v>5</v>
      </c>
      <c r="K23" s="66">
        <v>4</v>
      </c>
      <c r="L23" s="67">
        <v>42</v>
      </c>
      <c r="M23" s="68">
        <v>42</v>
      </c>
      <c r="N23" s="63">
        <v>0</v>
      </c>
      <c r="O23" s="66">
        <v>0</v>
      </c>
      <c r="P23" s="64">
        <v>0</v>
      </c>
      <c r="Q23" s="65">
        <v>0</v>
      </c>
      <c r="R23" s="66">
        <v>0</v>
      </c>
      <c r="S23" s="66">
        <v>1</v>
      </c>
      <c r="T23" s="66">
        <v>1</v>
      </c>
      <c r="U23" s="66">
        <v>0</v>
      </c>
      <c r="V23" s="66">
        <v>2</v>
      </c>
      <c r="W23" s="64">
        <v>4</v>
      </c>
      <c r="X23" s="68">
        <v>4</v>
      </c>
      <c r="Y23" s="63">
        <v>0</v>
      </c>
      <c r="Z23" s="66">
        <v>1</v>
      </c>
      <c r="AA23" s="64">
        <v>1</v>
      </c>
      <c r="AB23" s="65">
        <v>0</v>
      </c>
      <c r="AC23" s="66">
        <v>11</v>
      </c>
      <c r="AD23" s="66">
        <v>8</v>
      </c>
      <c r="AE23" s="66">
        <v>9</v>
      </c>
      <c r="AF23" s="66">
        <v>1</v>
      </c>
      <c r="AG23" s="66">
        <v>3</v>
      </c>
      <c r="AH23" s="64">
        <v>32</v>
      </c>
      <c r="AI23" s="68">
        <v>33</v>
      </c>
      <c r="AJ23" s="63">
        <v>0</v>
      </c>
      <c r="AK23" s="66">
        <v>1</v>
      </c>
      <c r="AL23" s="64">
        <v>1</v>
      </c>
      <c r="AM23" s="65">
        <v>0</v>
      </c>
      <c r="AN23" s="66">
        <v>0</v>
      </c>
      <c r="AO23" s="66">
        <v>0</v>
      </c>
      <c r="AP23" s="66">
        <v>0</v>
      </c>
      <c r="AQ23" s="66">
        <v>0</v>
      </c>
      <c r="AR23" s="66">
        <v>0</v>
      </c>
      <c r="AS23" s="64">
        <v>0</v>
      </c>
      <c r="AT23" s="68">
        <v>1</v>
      </c>
      <c r="AU23" s="63">
        <v>2</v>
      </c>
      <c r="AV23" s="66">
        <v>5</v>
      </c>
      <c r="AW23" s="64">
        <v>7</v>
      </c>
      <c r="AX23" s="65">
        <v>0</v>
      </c>
      <c r="AY23" s="66">
        <v>16</v>
      </c>
      <c r="AZ23" s="66">
        <v>14</v>
      </c>
      <c r="BA23" s="66">
        <v>14</v>
      </c>
      <c r="BB23" s="66">
        <v>15</v>
      </c>
      <c r="BC23" s="66">
        <v>7</v>
      </c>
      <c r="BD23" s="67">
        <v>66</v>
      </c>
      <c r="BE23" s="68">
        <v>73</v>
      </c>
      <c r="BF23" s="63">
        <v>0</v>
      </c>
      <c r="BG23" s="66">
        <v>0</v>
      </c>
      <c r="BH23" s="64">
        <v>0</v>
      </c>
      <c r="BI23" s="65">
        <v>0</v>
      </c>
      <c r="BJ23" s="66">
        <v>17</v>
      </c>
      <c r="BK23" s="66">
        <v>8</v>
      </c>
      <c r="BL23" s="66">
        <v>7</v>
      </c>
      <c r="BM23" s="66">
        <v>3</v>
      </c>
      <c r="BN23" s="66">
        <v>1</v>
      </c>
      <c r="BO23" s="64">
        <v>36</v>
      </c>
      <c r="BP23" s="68">
        <v>36</v>
      </c>
      <c r="BQ23" s="63">
        <v>0</v>
      </c>
      <c r="BR23" s="66">
        <v>1</v>
      </c>
      <c r="BS23" s="64">
        <v>1</v>
      </c>
      <c r="BT23" s="65">
        <v>0</v>
      </c>
      <c r="BU23" s="66">
        <v>3</v>
      </c>
      <c r="BV23" s="66">
        <v>2</v>
      </c>
      <c r="BW23" s="66">
        <v>2</v>
      </c>
      <c r="BX23" s="66">
        <v>1</v>
      </c>
      <c r="BY23" s="66">
        <v>0</v>
      </c>
      <c r="BZ23" s="64">
        <v>8</v>
      </c>
      <c r="CA23" s="68">
        <v>9</v>
      </c>
      <c r="CB23" s="63">
        <v>0</v>
      </c>
      <c r="CC23" s="66">
        <v>1</v>
      </c>
      <c r="CD23" s="64">
        <v>1</v>
      </c>
      <c r="CE23" s="65">
        <v>0</v>
      </c>
      <c r="CF23" s="66">
        <v>1</v>
      </c>
      <c r="CG23" s="66">
        <v>2</v>
      </c>
      <c r="CH23" s="66">
        <v>2</v>
      </c>
      <c r="CI23" s="66">
        <v>0</v>
      </c>
      <c r="CJ23" s="66">
        <v>0</v>
      </c>
      <c r="CK23" s="64">
        <v>5</v>
      </c>
      <c r="CL23" s="68">
        <v>6</v>
      </c>
      <c r="CM23" s="63">
        <v>0</v>
      </c>
      <c r="CN23" s="66">
        <v>0</v>
      </c>
      <c r="CO23" s="64">
        <v>0</v>
      </c>
      <c r="CP23" s="65">
        <v>0</v>
      </c>
      <c r="CQ23" s="66">
        <v>0</v>
      </c>
      <c r="CR23" s="66">
        <v>0</v>
      </c>
      <c r="CS23" s="66">
        <v>1</v>
      </c>
      <c r="CT23" s="66">
        <v>1</v>
      </c>
      <c r="CU23" s="66">
        <v>0</v>
      </c>
      <c r="CV23" s="64">
        <v>2</v>
      </c>
      <c r="CW23" s="68">
        <v>2</v>
      </c>
      <c r="CX23" s="63">
        <v>0</v>
      </c>
      <c r="CY23" s="66">
        <v>0</v>
      </c>
      <c r="CZ23" s="64">
        <v>0</v>
      </c>
      <c r="DA23" s="65">
        <v>0</v>
      </c>
      <c r="DB23" s="66">
        <v>0</v>
      </c>
      <c r="DC23" s="66">
        <v>0</v>
      </c>
      <c r="DD23" s="66">
        <v>0</v>
      </c>
      <c r="DE23" s="66">
        <v>0</v>
      </c>
      <c r="DF23" s="66">
        <v>0</v>
      </c>
      <c r="DG23" s="64">
        <v>0</v>
      </c>
      <c r="DH23" s="68">
        <v>0</v>
      </c>
      <c r="DI23" s="63">
        <v>0</v>
      </c>
      <c r="DJ23" s="66">
        <v>0</v>
      </c>
      <c r="DK23" s="64">
        <v>0</v>
      </c>
      <c r="DL23" s="65">
        <v>0</v>
      </c>
      <c r="DM23" s="66">
        <v>0</v>
      </c>
      <c r="DN23" s="66">
        <v>0</v>
      </c>
      <c r="DO23" s="66">
        <v>0</v>
      </c>
      <c r="DP23" s="66">
        <v>0</v>
      </c>
      <c r="DQ23" s="66">
        <v>0</v>
      </c>
      <c r="DR23" s="64">
        <v>0</v>
      </c>
      <c r="DS23" s="68">
        <v>0</v>
      </c>
      <c r="DT23" s="63">
        <v>9</v>
      </c>
      <c r="DU23" s="66">
        <v>9</v>
      </c>
      <c r="DV23" s="64">
        <v>18</v>
      </c>
      <c r="DW23" s="65">
        <v>0</v>
      </c>
      <c r="DX23" s="66">
        <v>16</v>
      </c>
      <c r="DY23" s="66">
        <v>25</v>
      </c>
      <c r="DZ23" s="66">
        <v>13</v>
      </c>
      <c r="EA23" s="66">
        <v>7</v>
      </c>
      <c r="EB23" s="66">
        <v>4</v>
      </c>
      <c r="EC23" s="64">
        <v>65</v>
      </c>
      <c r="ED23" s="68">
        <v>83</v>
      </c>
      <c r="EE23" s="63">
        <v>2</v>
      </c>
      <c r="EF23" s="66">
        <v>1</v>
      </c>
      <c r="EG23" s="64">
        <v>3</v>
      </c>
      <c r="EH23" s="65">
        <v>0</v>
      </c>
      <c r="EI23" s="66">
        <v>6</v>
      </c>
      <c r="EJ23" s="66">
        <v>4</v>
      </c>
      <c r="EK23" s="66">
        <v>7</v>
      </c>
      <c r="EL23" s="66">
        <v>9</v>
      </c>
      <c r="EM23" s="66">
        <v>2</v>
      </c>
      <c r="EN23" s="64">
        <v>28</v>
      </c>
      <c r="EO23" s="68">
        <v>31</v>
      </c>
      <c r="EP23" s="63">
        <v>10</v>
      </c>
      <c r="EQ23" s="66">
        <v>13</v>
      </c>
      <c r="ER23" s="64">
        <v>23</v>
      </c>
      <c r="ES23" s="65">
        <v>0</v>
      </c>
      <c r="ET23" s="66">
        <v>45</v>
      </c>
      <c r="EU23" s="66">
        <v>30</v>
      </c>
      <c r="EV23" s="66">
        <v>17</v>
      </c>
      <c r="EW23" s="66">
        <v>8</v>
      </c>
      <c r="EX23" s="66">
        <v>4</v>
      </c>
      <c r="EY23" s="64">
        <v>104</v>
      </c>
      <c r="EZ23" s="68">
        <v>127</v>
      </c>
    </row>
    <row r="24" spans="2:156" ht="21" customHeight="1" x14ac:dyDescent="0.2">
      <c r="B24" s="131" t="s">
        <v>22</v>
      </c>
      <c r="C24" s="63">
        <v>0</v>
      </c>
      <c r="D24" s="66">
        <v>0</v>
      </c>
      <c r="E24" s="111">
        <v>0</v>
      </c>
      <c r="F24" s="65">
        <v>0</v>
      </c>
      <c r="G24" s="66">
        <v>4</v>
      </c>
      <c r="H24" s="66">
        <v>1</v>
      </c>
      <c r="I24" s="66">
        <v>3</v>
      </c>
      <c r="J24" s="66">
        <v>1</v>
      </c>
      <c r="K24" s="66">
        <v>1</v>
      </c>
      <c r="L24" s="67">
        <v>10</v>
      </c>
      <c r="M24" s="68">
        <v>10</v>
      </c>
      <c r="N24" s="63">
        <v>0</v>
      </c>
      <c r="O24" s="66">
        <v>0</v>
      </c>
      <c r="P24" s="64">
        <v>0</v>
      </c>
      <c r="Q24" s="65">
        <v>0</v>
      </c>
      <c r="R24" s="66">
        <v>0</v>
      </c>
      <c r="S24" s="66">
        <v>0</v>
      </c>
      <c r="T24" s="66">
        <v>1</v>
      </c>
      <c r="U24" s="66">
        <v>0</v>
      </c>
      <c r="V24" s="66">
        <v>3</v>
      </c>
      <c r="W24" s="64">
        <v>4</v>
      </c>
      <c r="X24" s="68">
        <v>4</v>
      </c>
      <c r="Y24" s="63">
        <v>0</v>
      </c>
      <c r="Z24" s="66">
        <v>0</v>
      </c>
      <c r="AA24" s="64">
        <v>0</v>
      </c>
      <c r="AB24" s="65">
        <v>0</v>
      </c>
      <c r="AC24" s="66">
        <v>5</v>
      </c>
      <c r="AD24" s="66">
        <v>3</v>
      </c>
      <c r="AE24" s="66">
        <v>3</v>
      </c>
      <c r="AF24" s="66">
        <v>2</v>
      </c>
      <c r="AG24" s="66">
        <v>3</v>
      </c>
      <c r="AH24" s="64">
        <v>16</v>
      </c>
      <c r="AI24" s="68">
        <v>16</v>
      </c>
      <c r="AJ24" s="63">
        <v>0</v>
      </c>
      <c r="AK24" s="66">
        <v>0</v>
      </c>
      <c r="AL24" s="64">
        <v>0</v>
      </c>
      <c r="AM24" s="65">
        <v>0</v>
      </c>
      <c r="AN24" s="66">
        <v>2</v>
      </c>
      <c r="AO24" s="66">
        <v>2</v>
      </c>
      <c r="AP24" s="66">
        <v>0</v>
      </c>
      <c r="AQ24" s="66">
        <v>1</v>
      </c>
      <c r="AR24" s="66">
        <v>0</v>
      </c>
      <c r="AS24" s="64">
        <v>5</v>
      </c>
      <c r="AT24" s="68">
        <v>5</v>
      </c>
      <c r="AU24" s="63">
        <v>0</v>
      </c>
      <c r="AV24" s="66">
        <v>0</v>
      </c>
      <c r="AW24" s="64">
        <v>0</v>
      </c>
      <c r="AX24" s="65">
        <v>0</v>
      </c>
      <c r="AY24" s="66">
        <v>1</v>
      </c>
      <c r="AZ24" s="66">
        <v>2</v>
      </c>
      <c r="BA24" s="66">
        <v>4</v>
      </c>
      <c r="BB24" s="66">
        <v>4</v>
      </c>
      <c r="BC24" s="66">
        <v>2</v>
      </c>
      <c r="BD24" s="67">
        <v>13</v>
      </c>
      <c r="BE24" s="68">
        <v>13</v>
      </c>
      <c r="BF24" s="63">
        <v>0</v>
      </c>
      <c r="BG24" s="66">
        <v>0</v>
      </c>
      <c r="BH24" s="64">
        <v>0</v>
      </c>
      <c r="BI24" s="65">
        <v>0</v>
      </c>
      <c r="BJ24" s="66">
        <v>4</v>
      </c>
      <c r="BK24" s="66">
        <v>8</v>
      </c>
      <c r="BL24" s="66">
        <v>4</v>
      </c>
      <c r="BM24" s="66">
        <v>4</v>
      </c>
      <c r="BN24" s="66">
        <v>2</v>
      </c>
      <c r="BO24" s="64">
        <v>22</v>
      </c>
      <c r="BP24" s="68">
        <v>22</v>
      </c>
      <c r="BQ24" s="63">
        <v>3</v>
      </c>
      <c r="BR24" s="66">
        <v>1</v>
      </c>
      <c r="BS24" s="64">
        <v>4</v>
      </c>
      <c r="BT24" s="65">
        <v>0</v>
      </c>
      <c r="BU24" s="66">
        <v>1</v>
      </c>
      <c r="BV24" s="66">
        <v>5</v>
      </c>
      <c r="BW24" s="66">
        <v>1</v>
      </c>
      <c r="BX24" s="66">
        <v>1</v>
      </c>
      <c r="BY24" s="66">
        <v>0</v>
      </c>
      <c r="BZ24" s="64">
        <v>8</v>
      </c>
      <c r="CA24" s="68">
        <v>12</v>
      </c>
      <c r="CB24" s="63">
        <v>0</v>
      </c>
      <c r="CC24" s="66">
        <v>0</v>
      </c>
      <c r="CD24" s="64">
        <v>0</v>
      </c>
      <c r="CE24" s="65">
        <v>0</v>
      </c>
      <c r="CF24" s="66">
        <v>0</v>
      </c>
      <c r="CG24" s="66">
        <v>2</v>
      </c>
      <c r="CH24" s="66">
        <v>1</v>
      </c>
      <c r="CI24" s="66">
        <v>1</v>
      </c>
      <c r="CJ24" s="66">
        <v>0</v>
      </c>
      <c r="CK24" s="64">
        <v>4</v>
      </c>
      <c r="CL24" s="68">
        <v>4</v>
      </c>
      <c r="CM24" s="63">
        <v>0</v>
      </c>
      <c r="CN24" s="66">
        <v>0</v>
      </c>
      <c r="CO24" s="64">
        <v>0</v>
      </c>
      <c r="CP24" s="65">
        <v>0</v>
      </c>
      <c r="CQ24" s="66">
        <v>0</v>
      </c>
      <c r="CR24" s="66">
        <v>0</v>
      </c>
      <c r="CS24" s="66">
        <v>0</v>
      </c>
      <c r="CT24" s="66">
        <v>1</v>
      </c>
      <c r="CU24" s="66">
        <v>0</v>
      </c>
      <c r="CV24" s="64">
        <v>1</v>
      </c>
      <c r="CW24" s="68">
        <v>1</v>
      </c>
      <c r="CX24" s="63">
        <v>0</v>
      </c>
      <c r="CY24" s="66">
        <v>0</v>
      </c>
      <c r="CZ24" s="64">
        <v>0</v>
      </c>
      <c r="DA24" s="65">
        <v>0</v>
      </c>
      <c r="DB24" s="66">
        <v>0</v>
      </c>
      <c r="DC24" s="66">
        <v>0</v>
      </c>
      <c r="DD24" s="66">
        <v>0</v>
      </c>
      <c r="DE24" s="66">
        <v>0</v>
      </c>
      <c r="DF24" s="66">
        <v>0</v>
      </c>
      <c r="DG24" s="64">
        <v>0</v>
      </c>
      <c r="DH24" s="68">
        <v>0</v>
      </c>
      <c r="DI24" s="63">
        <v>0</v>
      </c>
      <c r="DJ24" s="66">
        <v>0</v>
      </c>
      <c r="DK24" s="64">
        <v>0</v>
      </c>
      <c r="DL24" s="65">
        <v>0</v>
      </c>
      <c r="DM24" s="66">
        <v>0</v>
      </c>
      <c r="DN24" s="66">
        <v>0</v>
      </c>
      <c r="DO24" s="66">
        <v>0</v>
      </c>
      <c r="DP24" s="66">
        <v>0</v>
      </c>
      <c r="DQ24" s="66">
        <v>0</v>
      </c>
      <c r="DR24" s="64">
        <v>0</v>
      </c>
      <c r="DS24" s="68">
        <v>0</v>
      </c>
      <c r="DT24" s="63">
        <v>3</v>
      </c>
      <c r="DU24" s="66">
        <v>6</v>
      </c>
      <c r="DV24" s="64">
        <v>9</v>
      </c>
      <c r="DW24" s="65">
        <v>0</v>
      </c>
      <c r="DX24" s="66">
        <v>7</v>
      </c>
      <c r="DY24" s="66">
        <v>11</v>
      </c>
      <c r="DZ24" s="66">
        <v>6</v>
      </c>
      <c r="EA24" s="66">
        <v>6</v>
      </c>
      <c r="EB24" s="66">
        <v>3</v>
      </c>
      <c r="EC24" s="64">
        <v>33</v>
      </c>
      <c r="ED24" s="68">
        <v>42</v>
      </c>
      <c r="EE24" s="63">
        <v>0</v>
      </c>
      <c r="EF24" s="66">
        <v>0</v>
      </c>
      <c r="EG24" s="64">
        <v>0</v>
      </c>
      <c r="EH24" s="65">
        <v>0</v>
      </c>
      <c r="EI24" s="66">
        <v>3</v>
      </c>
      <c r="EJ24" s="66">
        <v>2</v>
      </c>
      <c r="EK24" s="66">
        <v>2</v>
      </c>
      <c r="EL24" s="66">
        <v>1</v>
      </c>
      <c r="EM24" s="66">
        <v>2</v>
      </c>
      <c r="EN24" s="64">
        <v>10</v>
      </c>
      <c r="EO24" s="68">
        <v>10</v>
      </c>
      <c r="EP24" s="63">
        <v>6</v>
      </c>
      <c r="EQ24" s="66">
        <v>7</v>
      </c>
      <c r="ER24" s="64">
        <v>13</v>
      </c>
      <c r="ES24" s="65">
        <v>0</v>
      </c>
      <c r="ET24" s="66">
        <v>20</v>
      </c>
      <c r="EU24" s="66">
        <v>18</v>
      </c>
      <c r="EV24" s="66">
        <v>7</v>
      </c>
      <c r="EW24" s="66">
        <v>6</v>
      </c>
      <c r="EX24" s="66">
        <v>4</v>
      </c>
      <c r="EY24" s="64">
        <v>55</v>
      </c>
      <c r="EZ24" s="68">
        <v>68</v>
      </c>
    </row>
    <row r="25" spans="2:156" ht="21" customHeight="1" x14ac:dyDescent="0.2">
      <c r="B25" s="131" t="s">
        <v>23</v>
      </c>
      <c r="C25" s="63">
        <v>0</v>
      </c>
      <c r="D25" s="66">
        <v>0</v>
      </c>
      <c r="E25" s="111">
        <v>0</v>
      </c>
      <c r="F25" s="65">
        <v>0</v>
      </c>
      <c r="G25" s="66">
        <v>2</v>
      </c>
      <c r="H25" s="66">
        <v>6</v>
      </c>
      <c r="I25" s="66">
        <v>7</v>
      </c>
      <c r="J25" s="66">
        <v>2</v>
      </c>
      <c r="K25" s="66">
        <v>0</v>
      </c>
      <c r="L25" s="67">
        <v>17</v>
      </c>
      <c r="M25" s="68">
        <v>17</v>
      </c>
      <c r="N25" s="63">
        <v>0</v>
      </c>
      <c r="O25" s="66">
        <v>0</v>
      </c>
      <c r="P25" s="64">
        <v>0</v>
      </c>
      <c r="Q25" s="65">
        <v>0</v>
      </c>
      <c r="R25" s="66">
        <v>0</v>
      </c>
      <c r="S25" s="66">
        <v>1</v>
      </c>
      <c r="T25" s="66">
        <v>1</v>
      </c>
      <c r="U25" s="66">
        <v>0</v>
      </c>
      <c r="V25" s="66">
        <v>0</v>
      </c>
      <c r="W25" s="64">
        <v>2</v>
      </c>
      <c r="X25" s="68">
        <v>2</v>
      </c>
      <c r="Y25" s="63">
        <v>4</v>
      </c>
      <c r="Z25" s="66">
        <v>3</v>
      </c>
      <c r="AA25" s="64">
        <v>7</v>
      </c>
      <c r="AB25" s="65">
        <v>0</v>
      </c>
      <c r="AC25" s="66">
        <v>5</v>
      </c>
      <c r="AD25" s="66">
        <v>12</v>
      </c>
      <c r="AE25" s="66">
        <v>7</v>
      </c>
      <c r="AF25" s="66">
        <v>2</v>
      </c>
      <c r="AG25" s="66">
        <v>2</v>
      </c>
      <c r="AH25" s="64">
        <v>28</v>
      </c>
      <c r="AI25" s="68">
        <v>35</v>
      </c>
      <c r="AJ25" s="63">
        <v>1</v>
      </c>
      <c r="AK25" s="66">
        <v>1</v>
      </c>
      <c r="AL25" s="64">
        <v>2</v>
      </c>
      <c r="AM25" s="65">
        <v>0</v>
      </c>
      <c r="AN25" s="66">
        <v>0</v>
      </c>
      <c r="AO25" s="66">
        <v>1</v>
      </c>
      <c r="AP25" s="66">
        <v>0</v>
      </c>
      <c r="AQ25" s="66">
        <v>0</v>
      </c>
      <c r="AR25" s="66">
        <v>0</v>
      </c>
      <c r="AS25" s="64">
        <v>1</v>
      </c>
      <c r="AT25" s="68">
        <v>3</v>
      </c>
      <c r="AU25" s="63">
        <v>0</v>
      </c>
      <c r="AV25" s="66">
        <v>0</v>
      </c>
      <c r="AW25" s="64">
        <v>0</v>
      </c>
      <c r="AX25" s="65">
        <v>0</v>
      </c>
      <c r="AY25" s="66">
        <v>8</v>
      </c>
      <c r="AZ25" s="66">
        <v>7</v>
      </c>
      <c r="BA25" s="66">
        <v>10</v>
      </c>
      <c r="BB25" s="66">
        <v>10</v>
      </c>
      <c r="BC25" s="66">
        <v>7</v>
      </c>
      <c r="BD25" s="67">
        <v>42</v>
      </c>
      <c r="BE25" s="68">
        <v>42</v>
      </c>
      <c r="BF25" s="63">
        <v>0</v>
      </c>
      <c r="BG25" s="66">
        <v>0</v>
      </c>
      <c r="BH25" s="64">
        <v>0</v>
      </c>
      <c r="BI25" s="65">
        <v>0</v>
      </c>
      <c r="BJ25" s="66">
        <v>8</v>
      </c>
      <c r="BK25" s="66">
        <v>11</v>
      </c>
      <c r="BL25" s="66">
        <v>7</v>
      </c>
      <c r="BM25" s="66">
        <v>5</v>
      </c>
      <c r="BN25" s="66">
        <v>0</v>
      </c>
      <c r="BO25" s="64">
        <v>31</v>
      </c>
      <c r="BP25" s="68">
        <v>31</v>
      </c>
      <c r="BQ25" s="63">
        <v>0</v>
      </c>
      <c r="BR25" s="66">
        <v>0</v>
      </c>
      <c r="BS25" s="64">
        <v>0</v>
      </c>
      <c r="BT25" s="65">
        <v>0</v>
      </c>
      <c r="BU25" s="66">
        <v>3</v>
      </c>
      <c r="BV25" s="66">
        <v>2</v>
      </c>
      <c r="BW25" s="66">
        <v>2</v>
      </c>
      <c r="BX25" s="66">
        <v>2</v>
      </c>
      <c r="BY25" s="66">
        <v>0</v>
      </c>
      <c r="BZ25" s="64">
        <v>9</v>
      </c>
      <c r="CA25" s="68">
        <v>9</v>
      </c>
      <c r="CB25" s="63">
        <v>0</v>
      </c>
      <c r="CC25" s="66">
        <v>0</v>
      </c>
      <c r="CD25" s="64">
        <v>0</v>
      </c>
      <c r="CE25" s="65">
        <v>0</v>
      </c>
      <c r="CF25" s="66">
        <v>3</v>
      </c>
      <c r="CG25" s="66">
        <v>1</v>
      </c>
      <c r="CH25" s="66">
        <v>3</v>
      </c>
      <c r="CI25" s="66">
        <v>2</v>
      </c>
      <c r="CJ25" s="66">
        <v>1</v>
      </c>
      <c r="CK25" s="64">
        <v>10</v>
      </c>
      <c r="CL25" s="68">
        <v>10</v>
      </c>
      <c r="CM25" s="63">
        <v>0</v>
      </c>
      <c r="CN25" s="66">
        <v>0</v>
      </c>
      <c r="CO25" s="64">
        <v>0</v>
      </c>
      <c r="CP25" s="65">
        <v>0</v>
      </c>
      <c r="CQ25" s="66">
        <v>0</v>
      </c>
      <c r="CR25" s="66">
        <v>0</v>
      </c>
      <c r="CS25" s="66">
        <v>1</v>
      </c>
      <c r="CT25" s="66">
        <v>0</v>
      </c>
      <c r="CU25" s="66">
        <v>0</v>
      </c>
      <c r="CV25" s="64">
        <v>1</v>
      </c>
      <c r="CW25" s="68">
        <v>1</v>
      </c>
      <c r="CX25" s="63">
        <v>0</v>
      </c>
      <c r="CY25" s="66">
        <v>0</v>
      </c>
      <c r="CZ25" s="64">
        <v>0</v>
      </c>
      <c r="DA25" s="65">
        <v>0</v>
      </c>
      <c r="DB25" s="66">
        <v>0</v>
      </c>
      <c r="DC25" s="66">
        <v>0</v>
      </c>
      <c r="DD25" s="66">
        <v>0</v>
      </c>
      <c r="DE25" s="66">
        <v>0</v>
      </c>
      <c r="DF25" s="66">
        <v>0</v>
      </c>
      <c r="DG25" s="64">
        <v>0</v>
      </c>
      <c r="DH25" s="68">
        <v>0</v>
      </c>
      <c r="DI25" s="63">
        <v>0</v>
      </c>
      <c r="DJ25" s="66">
        <v>0</v>
      </c>
      <c r="DK25" s="64">
        <v>0</v>
      </c>
      <c r="DL25" s="65">
        <v>0</v>
      </c>
      <c r="DM25" s="66">
        <v>0</v>
      </c>
      <c r="DN25" s="66">
        <v>0</v>
      </c>
      <c r="DO25" s="66">
        <v>0</v>
      </c>
      <c r="DP25" s="66">
        <v>0</v>
      </c>
      <c r="DQ25" s="66">
        <v>0</v>
      </c>
      <c r="DR25" s="64">
        <v>0</v>
      </c>
      <c r="DS25" s="68">
        <v>0</v>
      </c>
      <c r="DT25" s="63">
        <v>5</v>
      </c>
      <c r="DU25" s="66">
        <v>6</v>
      </c>
      <c r="DV25" s="64">
        <v>11</v>
      </c>
      <c r="DW25" s="65">
        <v>0</v>
      </c>
      <c r="DX25" s="66">
        <v>13</v>
      </c>
      <c r="DY25" s="66">
        <v>20</v>
      </c>
      <c r="DZ25" s="66">
        <v>13</v>
      </c>
      <c r="EA25" s="66">
        <v>7</v>
      </c>
      <c r="EB25" s="66">
        <v>3</v>
      </c>
      <c r="EC25" s="64">
        <v>56</v>
      </c>
      <c r="ED25" s="68">
        <v>67</v>
      </c>
      <c r="EE25" s="63">
        <v>0</v>
      </c>
      <c r="EF25" s="66">
        <v>0</v>
      </c>
      <c r="EG25" s="64">
        <v>0</v>
      </c>
      <c r="EH25" s="65">
        <v>0</v>
      </c>
      <c r="EI25" s="66">
        <v>3</v>
      </c>
      <c r="EJ25" s="66">
        <v>2</v>
      </c>
      <c r="EK25" s="66">
        <v>0</v>
      </c>
      <c r="EL25" s="66">
        <v>7</v>
      </c>
      <c r="EM25" s="66">
        <v>5</v>
      </c>
      <c r="EN25" s="64">
        <v>17</v>
      </c>
      <c r="EO25" s="68">
        <v>17</v>
      </c>
      <c r="EP25" s="63">
        <v>8</v>
      </c>
      <c r="EQ25" s="66">
        <v>7</v>
      </c>
      <c r="ER25" s="64">
        <v>15</v>
      </c>
      <c r="ES25" s="65">
        <v>0</v>
      </c>
      <c r="ET25" s="66">
        <v>20</v>
      </c>
      <c r="EU25" s="66">
        <v>28</v>
      </c>
      <c r="EV25" s="66">
        <v>19</v>
      </c>
      <c r="EW25" s="66">
        <v>7</v>
      </c>
      <c r="EX25" s="66">
        <v>4</v>
      </c>
      <c r="EY25" s="64">
        <v>78</v>
      </c>
      <c r="EZ25" s="68">
        <v>93</v>
      </c>
    </row>
    <row r="26" spans="2:156" ht="21" customHeight="1" x14ac:dyDescent="0.2">
      <c r="B26" s="131" t="s">
        <v>24</v>
      </c>
      <c r="C26" s="63">
        <v>0</v>
      </c>
      <c r="D26" s="66">
        <v>0</v>
      </c>
      <c r="E26" s="111">
        <v>0</v>
      </c>
      <c r="F26" s="65">
        <v>0</v>
      </c>
      <c r="G26" s="66">
        <v>8</v>
      </c>
      <c r="H26" s="66">
        <v>8</v>
      </c>
      <c r="I26" s="66">
        <v>3</v>
      </c>
      <c r="J26" s="66">
        <v>4</v>
      </c>
      <c r="K26" s="66">
        <v>3</v>
      </c>
      <c r="L26" s="67">
        <v>26</v>
      </c>
      <c r="M26" s="68">
        <v>26</v>
      </c>
      <c r="N26" s="63">
        <v>0</v>
      </c>
      <c r="O26" s="66">
        <v>0</v>
      </c>
      <c r="P26" s="64">
        <v>0</v>
      </c>
      <c r="Q26" s="65">
        <v>0</v>
      </c>
      <c r="R26" s="66">
        <v>1</v>
      </c>
      <c r="S26" s="66">
        <v>0</v>
      </c>
      <c r="T26" s="66">
        <v>1</v>
      </c>
      <c r="U26" s="66">
        <v>1</v>
      </c>
      <c r="V26" s="66">
        <v>3</v>
      </c>
      <c r="W26" s="64">
        <v>6</v>
      </c>
      <c r="X26" s="68">
        <v>6</v>
      </c>
      <c r="Y26" s="63">
        <v>4</v>
      </c>
      <c r="Z26" s="66">
        <v>2</v>
      </c>
      <c r="AA26" s="64">
        <v>6</v>
      </c>
      <c r="AB26" s="65">
        <v>0</v>
      </c>
      <c r="AC26" s="66">
        <v>6</v>
      </c>
      <c r="AD26" s="66">
        <v>5</v>
      </c>
      <c r="AE26" s="66">
        <v>4</v>
      </c>
      <c r="AF26" s="66">
        <v>5</v>
      </c>
      <c r="AG26" s="66">
        <v>5</v>
      </c>
      <c r="AH26" s="64">
        <v>25</v>
      </c>
      <c r="AI26" s="68">
        <v>31</v>
      </c>
      <c r="AJ26" s="63">
        <v>0</v>
      </c>
      <c r="AK26" s="66">
        <v>0</v>
      </c>
      <c r="AL26" s="64">
        <v>0</v>
      </c>
      <c r="AM26" s="65">
        <v>0</v>
      </c>
      <c r="AN26" s="66">
        <v>0</v>
      </c>
      <c r="AO26" s="66">
        <v>0</v>
      </c>
      <c r="AP26" s="66">
        <v>0</v>
      </c>
      <c r="AQ26" s="66">
        <v>0</v>
      </c>
      <c r="AR26" s="66">
        <v>1</v>
      </c>
      <c r="AS26" s="64">
        <v>1</v>
      </c>
      <c r="AT26" s="68">
        <v>1</v>
      </c>
      <c r="AU26" s="63">
        <v>1</v>
      </c>
      <c r="AV26" s="66">
        <v>2</v>
      </c>
      <c r="AW26" s="64">
        <v>3</v>
      </c>
      <c r="AX26" s="65">
        <v>0</v>
      </c>
      <c r="AY26" s="66">
        <v>12</v>
      </c>
      <c r="AZ26" s="66">
        <v>10</v>
      </c>
      <c r="BA26" s="66">
        <v>6</v>
      </c>
      <c r="BB26" s="66">
        <v>11</v>
      </c>
      <c r="BC26" s="66">
        <v>14</v>
      </c>
      <c r="BD26" s="67">
        <v>53</v>
      </c>
      <c r="BE26" s="68">
        <v>56</v>
      </c>
      <c r="BF26" s="63">
        <v>0</v>
      </c>
      <c r="BG26" s="66">
        <v>0</v>
      </c>
      <c r="BH26" s="64">
        <v>0</v>
      </c>
      <c r="BI26" s="65">
        <v>0</v>
      </c>
      <c r="BJ26" s="66">
        <v>12</v>
      </c>
      <c r="BK26" s="66">
        <v>7</v>
      </c>
      <c r="BL26" s="66">
        <v>1</v>
      </c>
      <c r="BM26" s="66">
        <v>0</v>
      </c>
      <c r="BN26" s="66">
        <v>1</v>
      </c>
      <c r="BO26" s="64">
        <v>21</v>
      </c>
      <c r="BP26" s="68">
        <v>21</v>
      </c>
      <c r="BQ26" s="63">
        <v>2</v>
      </c>
      <c r="BR26" s="66">
        <v>1</v>
      </c>
      <c r="BS26" s="64">
        <v>3</v>
      </c>
      <c r="BT26" s="65">
        <v>0</v>
      </c>
      <c r="BU26" s="66">
        <v>6</v>
      </c>
      <c r="BV26" s="66">
        <v>1</v>
      </c>
      <c r="BW26" s="66">
        <v>1</v>
      </c>
      <c r="BX26" s="66">
        <v>1</v>
      </c>
      <c r="BY26" s="66">
        <v>2</v>
      </c>
      <c r="BZ26" s="64">
        <v>11</v>
      </c>
      <c r="CA26" s="68">
        <v>14</v>
      </c>
      <c r="CB26" s="63">
        <v>0</v>
      </c>
      <c r="CC26" s="66">
        <v>0</v>
      </c>
      <c r="CD26" s="64">
        <v>0</v>
      </c>
      <c r="CE26" s="65">
        <v>0</v>
      </c>
      <c r="CF26" s="66">
        <v>0</v>
      </c>
      <c r="CG26" s="66">
        <v>0</v>
      </c>
      <c r="CH26" s="66">
        <v>1</v>
      </c>
      <c r="CI26" s="66">
        <v>0</v>
      </c>
      <c r="CJ26" s="66">
        <v>1</v>
      </c>
      <c r="CK26" s="64">
        <v>2</v>
      </c>
      <c r="CL26" s="68">
        <v>2</v>
      </c>
      <c r="CM26" s="63">
        <v>0</v>
      </c>
      <c r="CN26" s="66">
        <v>0</v>
      </c>
      <c r="CO26" s="64">
        <v>0</v>
      </c>
      <c r="CP26" s="65">
        <v>0</v>
      </c>
      <c r="CQ26" s="66">
        <v>0</v>
      </c>
      <c r="CR26" s="66">
        <v>0</v>
      </c>
      <c r="CS26" s="66">
        <v>0</v>
      </c>
      <c r="CT26" s="66">
        <v>0</v>
      </c>
      <c r="CU26" s="66">
        <v>0</v>
      </c>
      <c r="CV26" s="64">
        <v>0</v>
      </c>
      <c r="CW26" s="68">
        <v>0</v>
      </c>
      <c r="CX26" s="63">
        <v>0</v>
      </c>
      <c r="CY26" s="66">
        <v>0</v>
      </c>
      <c r="CZ26" s="64">
        <v>0</v>
      </c>
      <c r="DA26" s="65">
        <v>0</v>
      </c>
      <c r="DB26" s="66">
        <v>0</v>
      </c>
      <c r="DC26" s="66">
        <v>0</v>
      </c>
      <c r="DD26" s="66">
        <v>0</v>
      </c>
      <c r="DE26" s="66">
        <v>0</v>
      </c>
      <c r="DF26" s="66">
        <v>0</v>
      </c>
      <c r="DG26" s="64">
        <v>0</v>
      </c>
      <c r="DH26" s="68">
        <v>0</v>
      </c>
      <c r="DI26" s="63">
        <v>0</v>
      </c>
      <c r="DJ26" s="66">
        <v>0</v>
      </c>
      <c r="DK26" s="64">
        <v>0</v>
      </c>
      <c r="DL26" s="65">
        <v>0</v>
      </c>
      <c r="DM26" s="66">
        <v>0</v>
      </c>
      <c r="DN26" s="66">
        <v>0</v>
      </c>
      <c r="DO26" s="66">
        <v>0</v>
      </c>
      <c r="DP26" s="66">
        <v>0</v>
      </c>
      <c r="DQ26" s="66">
        <v>0</v>
      </c>
      <c r="DR26" s="64">
        <v>0</v>
      </c>
      <c r="DS26" s="68">
        <v>0</v>
      </c>
      <c r="DT26" s="63">
        <v>4</v>
      </c>
      <c r="DU26" s="66">
        <v>13</v>
      </c>
      <c r="DV26" s="64">
        <v>17</v>
      </c>
      <c r="DW26" s="65">
        <v>0</v>
      </c>
      <c r="DX26" s="66">
        <v>12</v>
      </c>
      <c r="DY26" s="66">
        <v>13</v>
      </c>
      <c r="DZ26" s="66">
        <v>7</v>
      </c>
      <c r="EA26" s="66">
        <v>10</v>
      </c>
      <c r="EB26" s="66">
        <v>6</v>
      </c>
      <c r="EC26" s="64">
        <v>48</v>
      </c>
      <c r="ED26" s="68">
        <v>65</v>
      </c>
      <c r="EE26" s="63">
        <v>2</v>
      </c>
      <c r="EF26" s="66">
        <v>3</v>
      </c>
      <c r="EG26" s="64">
        <v>5</v>
      </c>
      <c r="EH26" s="65">
        <v>0</v>
      </c>
      <c r="EI26" s="66">
        <v>7</v>
      </c>
      <c r="EJ26" s="66">
        <v>7</v>
      </c>
      <c r="EK26" s="66">
        <v>3</v>
      </c>
      <c r="EL26" s="66">
        <v>6</v>
      </c>
      <c r="EM26" s="66">
        <v>5</v>
      </c>
      <c r="EN26" s="64">
        <v>28</v>
      </c>
      <c r="EO26" s="68">
        <v>33</v>
      </c>
      <c r="EP26" s="63">
        <v>8</v>
      </c>
      <c r="EQ26" s="66">
        <v>14</v>
      </c>
      <c r="ER26" s="64">
        <v>22</v>
      </c>
      <c r="ES26" s="65">
        <v>0</v>
      </c>
      <c r="ET26" s="66">
        <v>20</v>
      </c>
      <c r="EU26" s="66">
        <v>17</v>
      </c>
      <c r="EV26" s="66">
        <v>6</v>
      </c>
      <c r="EW26" s="66">
        <v>8</v>
      </c>
      <c r="EX26" s="66">
        <v>5</v>
      </c>
      <c r="EY26" s="64">
        <v>56</v>
      </c>
      <c r="EZ26" s="68">
        <v>78</v>
      </c>
    </row>
    <row r="27" spans="2:156" ht="21" customHeight="1" x14ac:dyDescent="0.2">
      <c r="B27" s="131" t="s">
        <v>25</v>
      </c>
      <c r="C27" s="63">
        <v>0</v>
      </c>
      <c r="D27" s="66">
        <v>0</v>
      </c>
      <c r="E27" s="111">
        <v>0</v>
      </c>
      <c r="F27" s="65">
        <v>0</v>
      </c>
      <c r="G27" s="66">
        <v>3</v>
      </c>
      <c r="H27" s="66">
        <v>2</v>
      </c>
      <c r="I27" s="66">
        <v>2</v>
      </c>
      <c r="J27" s="66">
        <v>1</v>
      </c>
      <c r="K27" s="66">
        <v>1</v>
      </c>
      <c r="L27" s="67">
        <v>9</v>
      </c>
      <c r="M27" s="68">
        <v>9</v>
      </c>
      <c r="N27" s="63">
        <v>0</v>
      </c>
      <c r="O27" s="66">
        <v>0</v>
      </c>
      <c r="P27" s="64">
        <v>0</v>
      </c>
      <c r="Q27" s="65">
        <v>0</v>
      </c>
      <c r="R27" s="66">
        <v>1</v>
      </c>
      <c r="S27" s="66">
        <v>0</v>
      </c>
      <c r="T27" s="66">
        <v>0</v>
      </c>
      <c r="U27" s="66">
        <v>0</v>
      </c>
      <c r="V27" s="66">
        <v>1</v>
      </c>
      <c r="W27" s="64">
        <v>2</v>
      </c>
      <c r="X27" s="68">
        <v>2</v>
      </c>
      <c r="Y27" s="63">
        <v>1</v>
      </c>
      <c r="Z27" s="66">
        <v>4</v>
      </c>
      <c r="AA27" s="64">
        <v>5</v>
      </c>
      <c r="AB27" s="65">
        <v>0</v>
      </c>
      <c r="AC27" s="66">
        <v>3</v>
      </c>
      <c r="AD27" s="66">
        <v>1</v>
      </c>
      <c r="AE27" s="66">
        <v>1</v>
      </c>
      <c r="AF27" s="66">
        <v>0</v>
      </c>
      <c r="AG27" s="66">
        <v>1</v>
      </c>
      <c r="AH27" s="64">
        <v>6</v>
      </c>
      <c r="AI27" s="68">
        <v>11</v>
      </c>
      <c r="AJ27" s="63">
        <v>0</v>
      </c>
      <c r="AK27" s="66">
        <v>0</v>
      </c>
      <c r="AL27" s="64">
        <v>0</v>
      </c>
      <c r="AM27" s="65">
        <v>0</v>
      </c>
      <c r="AN27" s="66">
        <v>0</v>
      </c>
      <c r="AO27" s="66">
        <v>0</v>
      </c>
      <c r="AP27" s="66">
        <v>0</v>
      </c>
      <c r="AQ27" s="66">
        <v>0</v>
      </c>
      <c r="AR27" s="66">
        <v>0</v>
      </c>
      <c r="AS27" s="64">
        <v>0</v>
      </c>
      <c r="AT27" s="68">
        <v>0</v>
      </c>
      <c r="AU27" s="63">
        <v>2</v>
      </c>
      <c r="AV27" s="66">
        <v>1</v>
      </c>
      <c r="AW27" s="64">
        <v>3</v>
      </c>
      <c r="AX27" s="65">
        <v>0</v>
      </c>
      <c r="AY27" s="66">
        <v>1</v>
      </c>
      <c r="AZ27" s="66">
        <v>2</v>
      </c>
      <c r="BA27" s="66">
        <v>3</v>
      </c>
      <c r="BB27" s="66">
        <v>2</v>
      </c>
      <c r="BC27" s="66">
        <v>3</v>
      </c>
      <c r="BD27" s="67">
        <v>11</v>
      </c>
      <c r="BE27" s="68">
        <v>14</v>
      </c>
      <c r="BF27" s="63">
        <v>0</v>
      </c>
      <c r="BG27" s="66">
        <v>0</v>
      </c>
      <c r="BH27" s="64">
        <v>0</v>
      </c>
      <c r="BI27" s="65">
        <v>0</v>
      </c>
      <c r="BJ27" s="66">
        <v>3</v>
      </c>
      <c r="BK27" s="66">
        <v>4</v>
      </c>
      <c r="BL27" s="66">
        <v>1</v>
      </c>
      <c r="BM27" s="66">
        <v>0</v>
      </c>
      <c r="BN27" s="66">
        <v>0</v>
      </c>
      <c r="BO27" s="64">
        <v>8</v>
      </c>
      <c r="BP27" s="68">
        <v>8</v>
      </c>
      <c r="BQ27" s="63">
        <v>1</v>
      </c>
      <c r="BR27" s="66">
        <v>0</v>
      </c>
      <c r="BS27" s="64">
        <v>1</v>
      </c>
      <c r="BT27" s="65">
        <v>0</v>
      </c>
      <c r="BU27" s="66">
        <v>2</v>
      </c>
      <c r="BV27" s="66">
        <v>1</v>
      </c>
      <c r="BW27" s="66">
        <v>1</v>
      </c>
      <c r="BX27" s="66">
        <v>0</v>
      </c>
      <c r="BY27" s="66">
        <v>1</v>
      </c>
      <c r="BZ27" s="64">
        <v>5</v>
      </c>
      <c r="CA27" s="68">
        <v>6</v>
      </c>
      <c r="CB27" s="63">
        <v>0</v>
      </c>
      <c r="CC27" s="66">
        <v>0</v>
      </c>
      <c r="CD27" s="64">
        <v>0</v>
      </c>
      <c r="CE27" s="65">
        <v>0</v>
      </c>
      <c r="CF27" s="66">
        <v>1</v>
      </c>
      <c r="CG27" s="66">
        <v>0</v>
      </c>
      <c r="CH27" s="66">
        <v>2</v>
      </c>
      <c r="CI27" s="66">
        <v>0</v>
      </c>
      <c r="CJ27" s="66">
        <v>0</v>
      </c>
      <c r="CK27" s="64">
        <v>3</v>
      </c>
      <c r="CL27" s="68">
        <v>3</v>
      </c>
      <c r="CM27" s="63">
        <v>0</v>
      </c>
      <c r="CN27" s="66">
        <v>0</v>
      </c>
      <c r="CO27" s="64">
        <v>0</v>
      </c>
      <c r="CP27" s="65">
        <v>0</v>
      </c>
      <c r="CQ27" s="66">
        <v>0</v>
      </c>
      <c r="CR27" s="66">
        <v>0</v>
      </c>
      <c r="CS27" s="66">
        <v>0</v>
      </c>
      <c r="CT27" s="66">
        <v>0</v>
      </c>
      <c r="CU27" s="66">
        <v>0</v>
      </c>
      <c r="CV27" s="64">
        <v>0</v>
      </c>
      <c r="CW27" s="68">
        <v>0</v>
      </c>
      <c r="CX27" s="63">
        <v>0</v>
      </c>
      <c r="CY27" s="66">
        <v>0</v>
      </c>
      <c r="CZ27" s="64">
        <v>0</v>
      </c>
      <c r="DA27" s="65">
        <v>0</v>
      </c>
      <c r="DB27" s="66">
        <v>0</v>
      </c>
      <c r="DC27" s="66">
        <v>0</v>
      </c>
      <c r="DD27" s="66">
        <v>0</v>
      </c>
      <c r="DE27" s="66">
        <v>0</v>
      </c>
      <c r="DF27" s="66">
        <v>0</v>
      </c>
      <c r="DG27" s="64">
        <v>0</v>
      </c>
      <c r="DH27" s="68">
        <v>0</v>
      </c>
      <c r="DI27" s="63">
        <v>0</v>
      </c>
      <c r="DJ27" s="66">
        <v>0</v>
      </c>
      <c r="DK27" s="64">
        <v>0</v>
      </c>
      <c r="DL27" s="65">
        <v>0</v>
      </c>
      <c r="DM27" s="66">
        <v>0</v>
      </c>
      <c r="DN27" s="66">
        <v>0</v>
      </c>
      <c r="DO27" s="66">
        <v>0</v>
      </c>
      <c r="DP27" s="66">
        <v>0</v>
      </c>
      <c r="DQ27" s="66">
        <v>0</v>
      </c>
      <c r="DR27" s="64">
        <v>0</v>
      </c>
      <c r="DS27" s="68">
        <v>0</v>
      </c>
      <c r="DT27" s="63">
        <v>5</v>
      </c>
      <c r="DU27" s="66">
        <v>8</v>
      </c>
      <c r="DV27" s="64">
        <v>13</v>
      </c>
      <c r="DW27" s="65">
        <v>0</v>
      </c>
      <c r="DX27" s="66">
        <v>6</v>
      </c>
      <c r="DY27" s="66">
        <v>7</v>
      </c>
      <c r="DZ27" s="66">
        <v>3</v>
      </c>
      <c r="EA27" s="66">
        <v>1</v>
      </c>
      <c r="EB27" s="66">
        <v>4</v>
      </c>
      <c r="EC27" s="64">
        <v>21</v>
      </c>
      <c r="ED27" s="68">
        <v>34</v>
      </c>
      <c r="EE27" s="63">
        <v>0</v>
      </c>
      <c r="EF27" s="66">
        <v>0</v>
      </c>
      <c r="EG27" s="64">
        <v>0</v>
      </c>
      <c r="EH27" s="65">
        <v>0</v>
      </c>
      <c r="EI27" s="66">
        <v>0</v>
      </c>
      <c r="EJ27" s="66">
        <v>2</v>
      </c>
      <c r="EK27" s="66">
        <v>2</v>
      </c>
      <c r="EL27" s="66">
        <v>1</v>
      </c>
      <c r="EM27" s="66">
        <v>1</v>
      </c>
      <c r="EN27" s="64">
        <v>6</v>
      </c>
      <c r="EO27" s="68">
        <v>6</v>
      </c>
      <c r="EP27" s="63">
        <v>7</v>
      </c>
      <c r="EQ27" s="66">
        <v>10</v>
      </c>
      <c r="ER27" s="64">
        <v>17</v>
      </c>
      <c r="ES27" s="65">
        <v>0</v>
      </c>
      <c r="ET27" s="66">
        <v>11</v>
      </c>
      <c r="EU27" s="66">
        <v>10</v>
      </c>
      <c r="EV27" s="66">
        <v>6</v>
      </c>
      <c r="EW27" s="66">
        <v>1</v>
      </c>
      <c r="EX27" s="66">
        <v>4</v>
      </c>
      <c r="EY27" s="64">
        <v>32</v>
      </c>
      <c r="EZ27" s="68">
        <v>49</v>
      </c>
    </row>
    <row r="28" spans="2:156" ht="21" customHeight="1" x14ac:dyDescent="0.2">
      <c r="B28" s="131" t="s">
        <v>26</v>
      </c>
      <c r="C28" s="63">
        <v>0</v>
      </c>
      <c r="D28" s="66">
        <v>0</v>
      </c>
      <c r="E28" s="111">
        <v>0</v>
      </c>
      <c r="F28" s="65">
        <v>0</v>
      </c>
      <c r="G28" s="66">
        <v>5</v>
      </c>
      <c r="H28" s="66">
        <v>5</v>
      </c>
      <c r="I28" s="66">
        <v>1</v>
      </c>
      <c r="J28" s="66">
        <v>1</v>
      </c>
      <c r="K28" s="66">
        <v>4</v>
      </c>
      <c r="L28" s="67">
        <v>16</v>
      </c>
      <c r="M28" s="68">
        <v>16</v>
      </c>
      <c r="N28" s="63">
        <v>0</v>
      </c>
      <c r="O28" s="66">
        <v>0</v>
      </c>
      <c r="P28" s="64">
        <v>0</v>
      </c>
      <c r="Q28" s="65">
        <v>0</v>
      </c>
      <c r="R28" s="66">
        <v>0</v>
      </c>
      <c r="S28" s="66">
        <v>0</v>
      </c>
      <c r="T28" s="66">
        <v>0</v>
      </c>
      <c r="U28" s="66">
        <v>0</v>
      </c>
      <c r="V28" s="66">
        <v>3</v>
      </c>
      <c r="W28" s="64">
        <v>3</v>
      </c>
      <c r="X28" s="68">
        <v>3</v>
      </c>
      <c r="Y28" s="63">
        <v>0</v>
      </c>
      <c r="Z28" s="66">
        <v>2</v>
      </c>
      <c r="AA28" s="64">
        <v>2</v>
      </c>
      <c r="AB28" s="65">
        <v>0</v>
      </c>
      <c r="AC28" s="66">
        <v>5</v>
      </c>
      <c r="AD28" s="66">
        <v>5</v>
      </c>
      <c r="AE28" s="66">
        <v>0</v>
      </c>
      <c r="AF28" s="66">
        <v>2</v>
      </c>
      <c r="AG28" s="66">
        <v>5</v>
      </c>
      <c r="AH28" s="64">
        <v>17</v>
      </c>
      <c r="AI28" s="68">
        <v>19</v>
      </c>
      <c r="AJ28" s="63">
        <v>1</v>
      </c>
      <c r="AK28" s="66">
        <v>1</v>
      </c>
      <c r="AL28" s="64">
        <v>2</v>
      </c>
      <c r="AM28" s="65">
        <v>0</v>
      </c>
      <c r="AN28" s="66">
        <v>1</v>
      </c>
      <c r="AO28" s="66">
        <v>0</v>
      </c>
      <c r="AP28" s="66">
        <v>0</v>
      </c>
      <c r="AQ28" s="66">
        <v>0</v>
      </c>
      <c r="AR28" s="66">
        <v>0</v>
      </c>
      <c r="AS28" s="64">
        <v>1</v>
      </c>
      <c r="AT28" s="68">
        <v>3</v>
      </c>
      <c r="AU28" s="63">
        <v>2</v>
      </c>
      <c r="AV28" s="66">
        <v>0</v>
      </c>
      <c r="AW28" s="64">
        <v>2</v>
      </c>
      <c r="AX28" s="65">
        <v>0</v>
      </c>
      <c r="AY28" s="66">
        <v>7</v>
      </c>
      <c r="AZ28" s="66">
        <v>5</v>
      </c>
      <c r="BA28" s="66">
        <v>5</v>
      </c>
      <c r="BB28" s="66">
        <v>5</v>
      </c>
      <c r="BC28" s="66">
        <v>3</v>
      </c>
      <c r="BD28" s="67">
        <v>25</v>
      </c>
      <c r="BE28" s="68">
        <v>27</v>
      </c>
      <c r="BF28" s="63">
        <v>0</v>
      </c>
      <c r="BG28" s="66">
        <v>0</v>
      </c>
      <c r="BH28" s="64">
        <v>0</v>
      </c>
      <c r="BI28" s="65">
        <v>0</v>
      </c>
      <c r="BJ28" s="66">
        <v>8</v>
      </c>
      <c r="BK28" s="66">
        <v>3</v>
      </c>
      <c r="BL28" s="66">
        <v>1</v>
      </c>
      <c r="BM28" s="66">
        <v>1</v>
      </c>
      <c r="BN28" s="66">
        <v>0</v>
      </c>
      <c r="BO28" s="64">
        <v>13</v>
      </c>
      <c r="BP28" s="68">
        <v>13</v>
      </c>
      <c r="BQ28" s="63">
        <v>0</v>
      </c>
      <c r="BR28" s="66">
        <v>0</v>
      </c>
      <c r="BS28" s="64">
        <v>0</v>
      </c>
      <c r="BT28" s="65">
        <v>0</v>
      </c>
      <c r="BU28" s="66">
        <v>2</v>
      </c>
      <c r="BV28" s="66">
        <v>3</v>
      </c>
      <c r="BW28" s="66">
        <v>0</v>
      </c>
      <c r="BX28" s="66">
        <v>0</v>
      </c>
      <c r="BY28" s="66">
        <v>0</v>
      </c>
      <c r="BZ28" s="64">
        <v>5</v>
      </c>
      <c r="CA28" s="68">
        <v>5</v>
      </c>
      <c r="CB28" s="63">
        <v>0</v>
      </c>
      <c r="CC28" s="66">
        <v>0</v>
      </c>
      <c r="CD28" s="64">
        <v>0</v>
      </c>
      <c r="CE28" s="65">
        <v>0</v>
      </c>
      <c r="CF28" s="66">
        <v>2</v>
      </c>
      <c r="CG28" s="66">
        <v>1</v>
      </c>
      <c r="CH28" s="66">
        <v>2</v>
      </c>
      <c r="CI28" s="66">
        <v>0</v>
      </c>
      <c r="CJ28" s="66">
        <v>0</v>
      </c>
      <c r="CK28" s="64">
        <v>5</v>
      </c>
      <c r="CL28" s="68">
        <v>5</v>
      </c>
      <c r="CM28" s="63">
        <v>0</v>
      </c>
      <c r="CN28" s="66">
        <v>0</v>
      </c>
      <c r="CO28" s="64">
        <v>0</v>
      </c>
      <c r="CP28" s="65">
        <v>0</v>
      </c>
      <c r="CQ28" s="66">
        <v>0</v>
      </c>
      <c r="CR28" s="66">
        <v>0</v>
      </c>
      <c r="CS28" s="66">
        <v>0</v>
      </c>
      <c r="CT28" s="66">
        <v>0</v>
      </c>
      <c r="CU28" s="66">
        <v>0</v>
      </c>
      <c r="CV28" s="64">
        <v>0</v>
      </c>
      <c r="CW28" s="68">
        <v>0</v>
      </c>
      <c r="CX28" s="63">
        <v>0</v>
      </c>
      <c r="CY28" s="66">
        <v>0</v>
      </c>
      <c r="CZ28" s="64">
        <v>0</v>
      </c>
      <c r="DA28" s="65">
        <v>0</v>
      </c>
      <c r="DB28" s="66">
        <v>0</v>
      </c>
      <c r="DC28" s="66">
        <v>0</v>
      </c>
      <c r="DD28" s="66">
        <v>0</v>
      </c>
      <c r="DE28" s="66">
        <v>0</v>
      </c>
      <c r="DF28" s="66">
        <v>0</v>
      </c>
      <c r="DG28" s="64">
        <v>0</v>
      </c>
      <c r="DH28" s="68">
        <v>0</v>
      </c>
      <c r="DI28" s="63">
        <v>0</v>
      </c>
      <c r="DJ28" s="66">
        <v>0</v>
      </c>
      <c r="DK28" s="64">
        <v>0</v>
      </c>
      <c r="DL28" s="65">
        <v>0</v>
      </c>
      <c r="DM28" s="66">
        <v>0</v>
      </c>
      <c r="DN28" s="66">
        <v>0</v>
      </c>
      <c r="DO28" s="66">
        <v>0</v>
      </c>
      <c r="DP28" s="66">
        <v>0</v>
      </c>
      <c r="DQ28" s="66">
        <v>0</v>
      </c>
      <c r="DR28" s="64">
        <v>0</v>
      </c>
      <c r="DS28" s="68">
        <v>0</v>
      </c>
      <c r="DT28" s="63">
        <v>1</v>
      </c>
      <c r="DU28" s="66">
        <v>5</v>
      </c>
      <c r="DV28" s="64">
        <v>6</v>
      </c>
      <c r="DW28" s="65">
        <v>0</v>
      </c>
      <c r="DX28" s="66">
        <v>7</v>
      </c>
      <c r="DY28" s="66">
        <v>12</v>
      </c>
      <c r="DZ28" s="66">
        <v>2</v>
      </c>
      <c r="EA28" s="66">
        <v>2</v>
      </c>
      <c r="EB28" s="66">
        <v>7</v>
      </c>
      <c r="EC28" s="64">
        <v>30</v>
      </c>
      <c r="ED28" s="68">
        <v>36</v>
      </c>
      <c r="EE28" s="63">
        <v>1</v>
      </c>
      <c r="EF28" s="66">
        <v>1</v>
      </c>
      <c r="EG28" s="64">
        <v>2</v>
      </c>
      <c r="EH28" s="65">
        <v>0</v>
      </c>
      <c r="EI28" s="66">
        <v>6</v>
      </c>
      <c r="EJ28" s="66">
        <v>3</v>
      </c>
      <c r="EK28" s="66">
        <v>3</v>
      </c>
      <c r="EL28" s="66">
        <v>3</v>
      </c>
      <c r="EM28" s="66">
        <v>1</v>
      </c>
      <c r="EN28" s="64">
        <v>16</v>
      </c>
      <c r="EO28" s="68">
        <v>18</v>
      </c>
      <c r="EP28" s="63">
        <v>2</v>
      </c>
      <c r="EQ28" s="66">
        <v>8</v>
      </c>
      <c r="ER28" s="64">
        <v>10</v>
      </c>
      <c r="ES28" s="65">
        <v>0</v>
      </c>
      <c r="ET28" s="66">
        <v>23</v>
      </c>
      <c r="EU28" s="66">
        <v>13</v>
      </c>
      <c r="EV28" s="66">
        <v>3</v>
      </c>
      <c r="EW28" s="66">
        <v>2</v>
      </c>
      <c r="EX28" s="66">
        <v>7</v>
      </c>
      <c r="EY28" s="64">
        <v>48</v>
      </c>
      <c r="EZ28" s="68">
        <v>58</v>
      </c>
    </row>
    <row r="29" spans="2:156" ht="21" customHeight="1" x14ac:dyDescent="0.2">
      <c r="B29" s="131" t="s">
        <v>27</v>
      </c>
      <c r="C29" s="63">
        <v>0</v>
      </c>
      <c r="D29" s="66">
        <v>0</v>
      </c>
      <c r="E29" s="111">
        <v>0</v>
      </c>
      <c r="F29" s="65">
        <v>0</v>
      </c>
      <c r="G29" s="66">
        <v>1</v>
      </c>
      <c r="H29" s="66">
        <v>3</v>
      </c>
      <c r="I29" s="66">
        <v>5</v>
      </c>
      <c r="J29" s="66">
        <v>0</v>
      </c>
      <c r="K29" s="66">
        <v>0</v>
      </c>
      <c r="L29" s="67">
        <v>9</v>
      </c>
      <c r="M29" s="68">
        <v>9</v>
      </c>
      <c r="N29" s="63">
        <v>0</v>
      </c>
      <c r="O29" s="66">
        <v>0</v>
      </c>
      <c r="P29" s="64">
        <v>0</v>
      </c>
      <c r="Q29" s="65">
        <v>0</v>
      </c>
      <c r="R29" s="66">
        <v>0</v>
      </c>
      <c r="S29" s="66">
        <v>0</v>
      </c>
      <c r="T29" s="66">
        <v>1</v>
      </c>
      <c r="U29" s="66">
        <v>1</v>
      </c>
      <c r="V29" s="66">
        <v>0</v>
      </c>
      <c r="W29" s="64">
        <v>2</v>
      </c>
      <c r="X29" s="68">
        <v>2</v>
      </c>
      <c r="Y29" s="63">
        <v>0</v>
      </c>
      <c r="Z29" s="66">
        <v>3</v>
      </c>
      <c r="AA29" s="64">
        <v>3</v>
      </c>
      <c r="AB29" s="65">
        <v>0</v>
      </c>
      <c r="AC29" s="66">
        <v>0</v>
      </c>
      <c r="AD29" s="66">
        <v>3</v>
      </c>
      <c r="AE29" s="66">
        <v>5</v>
      </c>
      <c r="AF29" s="66">
        <v>2</v>
      </c>
      <c r="AG29" s="66">
        <v>0</v>
      </c>
      <c r="AH29" s="64">
        <v>10</v>
      </c>
      <c r="AI29" s="68">
        <v>13</v>
      </c>
      <c r="AJ29" s="63">
        <v>0</v>
      </c>
      <c r="AK29" s="66">
        <v>0</v>
      </c>
      <c r="AL29" s="64">
        <v>0</v>
      </c>
      <c r="AM29" s="65">
        <v>0</v>
      </c>
      <c r="AN29" s="66">
        <v>0</v>
      </c>
      <c r="AO29" s="66">
        <v>0</v>
      </c>
      <c r="AP29" s="66">
        <v>0</v>
      </c>
      <c r="AQ29" s="66">
        <v>0</v>
      </c>
      <c r="AR29" s="66">
        <v>0</v>
      </c>
      <c r="AS29" s="64">
        <v>0</v>
      </c>
      <c r="AT29" s="68">
        <v>0</v>
      </c>
      <c r="AU29" s="63">
        <v>0</v>
      </c>
      <c r="AV29" s="66">
        <v>0</v>
      </c>
      <c r="AW29" s="64">
        <v>0</v>
      </c>
      <c r="AX29" s="65">
        <v>0</v>
      </c>
      <c r="AY29" s="66">
        <v>2</v>
      </c>
      <c r="AZ29" s="66">
        <v>3</v>
      </c>
      <c r="BA29" s="66">
        <v>8</v>
      </c>
      <c r="BB29" s="66">
        <v>2</v>
      </c>
      <c r="BC29" s="66">
        <v>3</v>
      </c>
      <c r="BD29" s="67">
        <v>18</v>
      </c>
      <c r="BE29" s="68">
        <v>18</v>
      </c>
      <c r="BF29" s="63">
        <v>0</v>
      </c>
      <c r="BG29" s="66">
        <v>0</v>
      </c>
      <c r="BH29" s="64">
        <v>0</v>
      </c>
      <c r="BI29" s="65">
        <v>0</v>
      </c>
      <c r="BJ29" s="66">
        <v>5</v>
      </c>
      <c r="BK29" s="66">
        <v>3</v>
      </c>
      <c r="BL29" s="66">
        <v>3</v>
      </c>
      <c r="BM29" s="66">
        <v>2</v>
      </c>
      <c r="BN29" s="66">
        <v>0</v>
      </c>
      <c r="BO29" s="64">
        <v>13</v>
      </c>
      <c r="BP29" s="68">
        <v>13</v>
      </c>
      <c r="BQ29" s="63">
        <v>1</v>
      </c>
      <c r="BR29" s="66">
        <v>0</v>
      </c>
      <c r="BS29" s="64">
        <v>1</v>
      </c>
      <c r="BT29" s="65">
        <v>0</v>
      </c>
      <c r="BU29" s="66">
        <v>1</v>
      </c>
      <c r="BV29" s="66">
        <v>1</v>
      </c>
      <c r="BW29" s="66">
        <v>1</v>
      </c>
      <c r="BX29" s="66">
        <v>0</v>
      </c>
      <c r="BY29" s="66">
        <v>0</v>
      </c>
      <c r="BZ29" s="64">
        <v>3</v>
      </c>
      <c r="CA29" s="68">
        <v>4</v>
      </c>
      <c r="CB29" s="63">
        <v>0</v>
      </c>
      <c r="CC29" s="66">
        <v>0</v>
      </c>
      <c r="CD29" s="64">
        <v>0</v>
      </c>
      <c r="CE29" s="65">
        <v>0</v>
      </c>
      <c r="CF29" s="66">
        <v>1</v>
      </c>
      <c r="CG29" s="66">
        <v>0</v>
      </c>
      <c r="CH29" s="66">
        <v>1</v>
      </c>
      <c r="CI29" s="66">
        <v>2</v>
      </c>
      <c r="CJ29" s="66">
        <v>0</v>
      </c>
      <c r="CK29" s="64">
        <v>4</v>
      </c>
      <c r="CL29" s="68">
        <v>4</v>
      </c>
      <c r="CM29" s="63">
        <v>0</v>
      </c>
      <c r="CN29" s="66">
        <v>0</v>
      </c>
      <c r="CO29" s="64">
        <v>0</v>
      </c>
      <c r="CP29" s="65">
        <v>0</v>
      </c>
      <c r="CQ29" s="66">
        <v>0</v>
      </c>
      <c r="CR29" s="66">
        <v>0</v>
      </c>
      <c r="CS29" s="66">
        <v>0</v>
      </c>
      <c r="CT29" s="66">
        <v>0</v>
      </c>
      <c r="CU29" s="66">
        <v>0</v>
      </c>
      <c r="CV29" s="64">
        <v>0</v>
      </c>
      <c r="CW29" s="68">
        <v>0</v>
      </c>
      <c r="CX29" s="63">
        <v>0</v>
      </c>
      <c r="CY29" s="66">
        <v>0</v>
      </c>
      <c r="CZ29" s="64">
        <v>0</v>
      </c>
      <c r="DA29" s="65">
        <v>0</v>
      </c>
      <c r="DB29" s="66">
        <v>0</v>
      </c>
      <c r="DC29" s="66">
        <v>0</v>
      </c>
      <c r="DD29" s="66">
        <v>0</v>
      </c>
      <c r="DE29" s="66">
        <v>0</v>
      </c>
      <c r="DF29" s="66">
        <v>0</v>
      </c>
      <c r="DG29" s="64">
        <v>0</v>
      </c>
      <c r="DH29" s="68">
        <v>0</v>
      </c>
      <c r="DI29" s="63">
        <v>0</v>
      </c>
      <c r="DJ29" s="66">
        <v>0</v>
      </c>
      <c r="DK29" s="64">
        <v>0</v>
      </c>
      <c r="DL29" s="65">
        <v>0</v>
      </c>
      <c r="DM29" s="66">
        <v>0</v>
      </c>
      <c r="DN29" s="66">
        <v>0</v>
      </c>
      <c r="DO29" s="66">
        <v>0</v>
      </c>
      <c r="DP29" s="66">
        <v>0</v>
      </c>
      <c r="DQ29" s="66">
        <v>0</v>
      </c>
      <c r="DR29" s="64">
        <v>0</v>
      </c>
      <c r="DS29" s="68">
        <v>0</v>
      </c>
      <c r="DT29" s="63">
        <v>4</v>
      </c>
      <c r="DU29" s="66">
        <v>9</v>
      </c>
      <c r="DV29" s="64">
        <v>13</v>
      </c>
      <c r="DW29" s="65">
        <v>0</v>
      </c>
      <c r="DX29" s="66">
        <v>1</v>
      </c>
      <c r="DY29" s="66">
        <v>9</v>
      </c>
      <c r="DZ29" s="66">
        <v>12</v>
      </c>
      <c r="EA29" s="66">
        <v>2</v>
      </c>
      <c r="EB29" s="66">
        <v>0</v>
      </c>
      <c r="EC29" s="64">
        <v>24</v>
      </c>
      <c r="ED29" s="68">
        <v>37</v>
      </c>
      <c r="EE29" s="63">
        <v>0</v>
      </c>
      <c r="EF29" s="66">
        <v>0</v>
      </c>
      <c r="EG29" s="64">
        <v>0</v>
      </c>
      <c r="EH29" s="65">
        <v>0</v>
      </c>
      <c r="EI29" s="66">
        <v>4</v>
      </c>
      <c r="EJ29" s="66">
        <v>2</v>
      </c>
      <c r="EK29" s="66">
        <v>4</v>
      </c>
      <c r="EL29" s="66">
        <v>0</v>
      </c>
      <c r="EM29" s="66">
        <v>3</v>
      </c>
      <c r="EN29" s="64">
        <v>13</v>
      </c>
      <c r="EO29" s="68">
        <v>13</v>
      </c>
      <c r="EP29" s="63">
        <v>5</v>
      </c>
      <c r="EQ29" s="66">
        <v>11</v>
      </c>
      <c r="ER29" s="64">
        <v>16</v>
      </c>
      <c r="ES29" s="65">
        <v>0</v>
      </c>
      <c r="ET29" s="66">
        <v>9</v>
      </c>
      <c r="EU29" s="66">
        <v>12</v>
      </c>
      <c r="EV29" s="66">
        <v>13</v>
      </c>
      <c r="EW29" s="66">
        <v>2</v>
      </c>
      <c r="EX29" s="66">
        <v>0</v>
      </c>
      <c r="EY29" s="64">
        <v>36</v>
      </c>
      <c r="EZ29" s="68">
        <v>52</v>
      </c>
    </row>
    <row r="30" spans="2:156" ht="21" customHeight="1" x14ac:dyDescent="0.2">
      <c r="B30" s="131" t="s">
        <v>28</v>
      </c>
      <c r="C30" s="63">
        <v>0</v>
      </c>
      <c r="D30" s="66">
        <v>0</v>
      </c>
      <c r="E30" s="111">
        <v>0</v>
      </c>
      <c r="F30" s="65">
        <v>0</v>
      </c>
      <c r="G30" s="66">
        <v>1</v>
      </c>
      <c r="H30" s="66">
        <v>1</v>
      </c>
      <c r="I30" s="66">
        <v>0</v>
      </c>
      <c r="J30" s="66">
        <v>1</v>
      </c>
      <c r="K30" s="66">
        <v>0</v>
      </c>
      <c r="L30" s="67">
        <v>3</v>
      </c>
      <c r="M30" s="68">
        <v>3</v>
      </c>
      <c r="N30" s="63">
        <v>0</v>
      </c>
      <c r="O30" s="66">
        <v>0</v>
      </c>
      <c r="P30" s="64">
        <v>0</v>
      </c>
      <c r="Q30" s="65">
        <v>0</v>
      </c>
      <c r="R30" s="66">
        <v>0</v>
      </c>
      <c r="S30" s="66">
        <v>0</v>
      </c>
      <c r="T30" s="66">
        <v>0</v>
      </c>
      <c r="U30" s="66">
        <v>0</v>
      </c>
      <c r="V30" s="66">
        <v>0</v>
      </c>
      <c r="W30" s="64">
        <v>0</v>
      </c>
      <c r="X30" s="68">
        <v>0</v>
      </c>
      <c r="Y30" s="63">
        <v>0</v>
      </c>
      <c r="Z30" s="66">
        <v>0</v>
      </c>
      <c r="AA30" s="64">
        <v>0</v>
      </c>
      <c r="AB30" s="65">
        <v>0</v>
      </c>
      <c r="AC30" s="66">
        <v>0</v>
      </c>
      <c r="AD30" s="66">
        <v>1</v>
      </c>
      <c r="AE30" s="66">
        <v>1</v>
      </c>
      <c r="AF30" s="66">
        <v>0</v>
      </c>
      <c r="AG30" s="66">
        <v>0</v>
      </c>
      <c r="AH30" s="64">
        <v>2</v>
      </c>
      <c r="AI30" s="68">
        <v>2</v>
      </c>
      <c r="AJ30" s="63">
        <v>0</v>
      </c>
      <c r="AK30" s="66">
        <v>0</v>
      </c>
      <c r="AL30" s="64">
        <v>0</v>
      </c>
      <c r="AM30" s="65">
        <v>0</v>
      </c>
      <c r="AN30" s="66">
        <v>0</v>
      </c>
      <c r="AO30" s="66">
        <v>0</v>
      </c>
      <c r="AP30" s="66">
        <v>0</v>
      </c>
      <c r="AQ30" s="66">
        <v>0</v>
      </c>
      <c r="AR30" s="66">
        <v>0</v>
      </c>
      <c r="AS30" s="64">
        <v>0</v>
      </c>
      <c r="AT30" s="68">
        <v>0</v>
      </c>
      <c r="AU30" s="63">
        <v>0</v>
      </c>
      <c r="AV30" s="66">
        <v>0</v>
      </c>
      <c r="AW30" s="64">
        <v>0</v>
      </c>
      <c r="AX30" s="65">
        <v>0</v>
      </c>
      <c r="AY30" s="66">
        <v>1</v>
      </c>
      <c r="AZ30" s="66">
        <v>2</v>
      </c>
      <c r="BA30" s="66">
        <v>1</v>
      </c>
      <c r="BB30" s="66">
        <v>2</v>
      </c>
      <c r="BC30" s="66">
        <v>1</v>
      </c>
      <c r="BD30" s="67">
        <v>7</v>
      </c>
      <c r="BE30" s="68">
        <v>7</v>
      </c>
      <c r="BF30" s="63">
        <v>0</v>
      </c>
      <c r="BG30" s="66">
        <v>0</v>
      </c>
      <c r="BH30" s="64">
        <v>0</v>
      </c>
      <c r="BI30" s="65">
        <v>0</v>
      </c>
      <c r="BJ30" s="66">
        <v>0</v>
      </c>
      <c r="BK30" s="66">
        <v>2</v>
      </c>
      <c r="BL30" s="66">
        <v>2</v>
      </c>
      <c r="BM30" s="66">
        <v>0</v>
      </c>
      <c r="BN30" s="66">
        <v>0</v>
      </c>
      <c r="BO30" s="64">
        <v>4</v>
      </c>
      <c r="BP30" s="68">
        <v>4</v>
      </c>
      <c r="BQ30" s="63">
        <v>0</v>
      </c>
      <c r="BR30" s="66">
        <v>0</v>
      </c>
      <c r="BS30" s="64">
        <v>0</v>
      </c>
      <c r="BT30" s="65">
        <v>0</v>
      </c>
      <c r="BU30" s="66">
        <v>0</v>
      </c>
      <c r="BV30" s="66">
        <v>0</v>
      </c>
      <c r="BW30" s="66">
        <v>1</v>
      </c>
      <c r="BX30" s="66">
        <v>0</v>
      </c>
      <c r="BY30" s="66">
        <v>0</v>
      </c>
      <c r="BZ30" s="64">
        <v>1</v>
      </c>
      <c r="CA30" s="68">
        <v>1</v>
      </c>
      <c r="CB30" s="63">
        <v>0</v>
      </c>
      <c r="CC30" s="66">
        <v>0</v>
      </c>
      <c r="CD30" s="64">
        <v>0</v>
      </c>
      <c r="CE30" s="65">
        <v>0</v>
      </c>
      <c r="CF30" s="66">
        <v>0</v>
      </c>
      <c r="CG30" s="66">
        <v>0</v>
      </c>
      <c r="CH30" s="66">
        <v>1</v>
      </c>
      <c r="CI30" s="66">
        <v>0</v>
      </c>
      <c r="CJ30" s="66">
        <v>0</v>
      </c>
      <c r="CK30" s="64">
        <v>1</v>
      </c>
      <c r="CL30" s="68">
        <v>1</v>
      </c>
      <c r="CM30" s="63">
        <v>0</v>
      </c>
      <c r="CN30" s="66">
        <v>0</v>
      </c>
      <c r="CO30" s="64">
        <v>0</v>
      </c>
      <c r="CP30" s="65">
        <v>0</v>
      </c>
      <c r="CQ30" s="66">
        <v>0</v>
      </c>
      <c r="CR30" s="66">
        <v>0</v>
      </c>
      <c r="CS30" s="66">
        <v>0</v>
      </c>
      <c r="CT30" s="66">
        <v>0</v>
      </c>
      <c r="CU30" s="66">
        <v>0</v>
      </c>
      <c r="CV30" s="64">
        <v>0</v>
      </c>
      <c r="CW30" s="68">
        <v>0</v>
      </c>
      <c r="CX30" s="63">
        <v>0</v>
      </c>
      <c r="CY30" s="66">
        <v>0</v>
      </c>
      <c r="CZ30" s="64">
        <v>0</v>
      </c>
      <c r="DA30" s="65">
        <v>0</v>
      </c>
      <c r="DB30" s="66">
        <v>0</v>
      </c>
      <c r="DC30" s="66">
        <v>0</v>
      </c>
      <c r="DD30" s="66">
        <v>0</v>
      </c>
      <c r="DE30" s="66">
        <v>0</v>
      </c>
      <c r="DF30" s="66">
        <v>0</v>
      </c>
      <c r="DG30" s="64">
        <v>0</v>
      </c>
      <c r="DH30" s="68">
        <v>0</v>
      </c>
      <c r="DI30" s="63">
        <v>0</v>
      </c>
      <c r="DJ30" s="66">
        <v>0</v>
      </c>
      <c r="DK30" s="64">
        <v>0</v>
      </c>
      <c r="DL30" s="65">
        <v>0</v>
      </c>
      <c r="DM30" s="66">
        <v>0</v>
      </c>
      <c r="DN30" s="66">
        <v>0</v>
      </c>
      <c r="DO30" s="66">
        <v>0</v>
      </c>
      <c r="DP30" s="66">
        <v>0</v>
      </c>
      <c r="DQ30" s="66">
        <v>0</v>
      </c>
      <c r="DR30" s="64">
        <v>0</v>
      </c>
      <c r="DS30" s="68">
        <v>0</v>
      </c>
      <c r="DT30" s="63">
        <v>0</v>
      </c>
      <c r="DU30" s="66">
        <v>1</v>
      </c>
      <c r="DV30" s="64">
        <v>1</v>
      </c>
      <c r="DW30" s="65">
        <v>0</v>
      </c>
      <c r="DX30" s="66">
        <v>1</v>
      </c>
      <c r="DY30" s="66">
        <v>3</v>
      </c>
      <c r="DZ30" s="66">
        <v>2</v>
      </c>
      <c r="EA30" s="66">
        <v>1</v>
      </c>
      <c r="EB30" s="66">
        <v>0</v>
      </c>
      <c r="EC30" s="64">
        <v>7</v>
      </c>
      <c r="ED30" s="68">
        <v>8</v>
      </c>
      <c r="EE30" s="63">
        <v>0</v>
      </c>
      <c r="EF30" s="66">
        <v>0</v>
      </c>
      <c r="EG30" s="64">
        <v>0</v>
      </c>
      <c r="EH30" s="65">
        <v>0</v>
      </c>
      <c r="EI30" s="66">
        <v>0</v>
      </c>
      <c r="EJ30" s="66">
        <v>0</v>
      </c>
      <c r="EK30" s="66">
        <v>0</v>
      </c>
      <c r="EL30" s="66">
        <v>1</v>
      </c>
      <c r="EM30" s="66">
        <v>1</v>
      </c>
      <c r="EN30" s="64">
        <v>2</v>
      </c>
      <c r="EO30" s="68">
        <v>2</v>
      </c>
      <c r="EP30" s="63">
        <v>0</v>
      </c>
      <c r="EQ30" s="66">
        <v>1</v>
      </c>
      <c r="ER30" s="64">
        <v>1</v>
      </c>
      <c r="ES30" s="65">
        <v>0</v>
      </c>
      <c r="ET30" s="66">
        <v>6</v>
      </c>
      <c r="EU30" s="66">
        <v>4</v>
      </c>
      <c r="EV30" s="66">
        <v>3</v>
      </c>
      <c r="EW30" s="66">
        <v>1</v>
      </c>
      <c r="EX30" s="66">
        <v>0</v>
      </c>
      <c r="EY30" s="64">
        <v>14</v>
      </c>
      <c r="EZ30" s="68">
        <v>15</v>
      </c>
    </row>
    <row r="31" spans="2:156" ht="21" customHeight="1" x14ac:dyDescent="0.2">
      <c r="B31" s="131" t="s">
        <v>29</v>
      </c>
      <c r="C31" s="63">
        <v>0</v>
      </c>
      <c r="D31" s="66">
        <v>0</v>
      </c>
      <c r="E31" s="111">
        <v>0</v>
      </c>
      <c r="F31" s="65">
        <v>0</v>
      </c>
      <c r="G31" s="66">
        <v>2</v>
      </c>
      <c r="H31" s="66">
        <v>2</v>
      </c>
      <c r="I31" s="66">
        <v>0</v>
      </c>
      <c r="J31" s="66">
        <v>1</v>
      </c>
      <c r="K31" s="66">
        <v>0</v>
      </c>
      <c r="L31" s="67">
        <v>5</v>
      </c>
      <c r="M31" s="68">
        <v>5</v>
      </c>
      <c r="N31" s="63">
        <v>0</v>
      </c>
      <c r="O31" s="66">
        <v>0</v>
      </c>
      <c r="P31" s="64">
        <v>0</v>
      </c>
      <c r="Q31" s="65">
        <v>0</v>
      </c>
      <c r="R31" s="66">
        <v>0</v>
      </c>
      <c r="S31" s="66">
        <v>0</v>
      </c>
      <c r="T31" s="66">
        <v>0</v>
      </c>
      <c r="U31" s="66">
        <v>0</v>
      </c>
      <c r="V31" s="66">
        <v>0</v>
      </c>
      <c r="W31" s="64">
        <v>0</v>
      </c>
      <c r="X31" s="68">
        <v>0</v>
      </c>
      <c r="Y31" s="63">
        <v>0</v>
      </c>
      <c r="Z31" s="66">
        <v>2</v>
      </c>
      <c r="AA31" s="64">
        <v>2</v>
      </c>
      <c r="AB31" s="65">
        <v>0</v>
      </c>
      <c r="AC31" s="66">
        <v>3</v>
      </c>
      <c r="AD31" s="66">
        <v>2</v>
      </c>
      <c r="AE31" s="66">
        <v>3</v>
      </c>
      <c r="AF31" s="66">
        <v>0</v>
      </c>
      <c r="AG31" s="66">
        <v>0</v>
      </c>
      <c r="AH31" s="64">
        <v>8</v>
      </c>
      <c r="AI31" s="68">
        <v>10</v>
      </c>
      <c r="AJ31" s="63">
        <v>0</v>
      </c>
      <c r="AK31" s="66">
        <v>0</v>
      </c>
      <c r="AL31" s="64">
        <v>0</v>
      </c>
      <c r="AM31" s="65">
        <v>0</v>
      </c>
      <c r="AN31" s="66">
        <v>0</v>
      </c>
      <c r="AO31" s="66">
        <v>0</v>
      </c>
      <c r="AP31" s="66">
        <v>0</v>
      </c>
      <c r="AQ31" s="66">
        <v>1</v>
      </c>
      <c r="AR31" s="66">
        <v>0</v>
      </c>
      <c r="AS31" s="64">
        <v>1</v>
      </c>
      <c r="AT31" s="68">
        <v>1</v>
      </c>
      <c r="AU31" s="63">
        <v>0</v>
      </c>
      <c r="AV31" s="66">
        <v>0</v>
      </c>
      <c r="AW31" s="64">
        <v>0</v>
      </c>
      <c r="AX31" s="65">
        <v>0</v>
      </c>
      <c r="AY31" s="66">
        <v>3</v>
      </c>
      <c r="AZ31" s="66">
        <v>2</v>
      </c>
      <c r="BA31" s="66">
        <v>0</v>
      </c>
      <c r="BB31" s="66">
        <v>1</v>
      </c>
      <c r="BC31" s="66">
        <v>0</v>
      </c>
      <c r="BD31" s="67">
        <v>6</v>
      </c>
      <c r="BE31" s="68">
        <v>6</v>
      </c>
      <c r="BF31" s="63">
        <v>0</v>
      </c>
      <c r="BG31" s="66">
        <v>0</v>
      </c>
      <c r="BH31" s="64">
        <v>0</v>
      </c>
      <c r="BI31" s="65">
        <v>0</v>
      </c>
      <c r="BJ31" s="66">
        <v>2</v>
      </c>
      <c r="BK31" s="66">
        <v>1</v>
      </c>
      <c r="BL31" s="66">
        <v>0</v>
      </c>
      <c r="BM31" s="66">
        <v>0</v>
      </c>
      <c r="BN31" s="66">
        <v>0</v>
      </c>
      <c r="BO31" s="64">
        <v>3</v>
      </c>
      <c r="BP31" s="68">
        <v>3</v>
      </c>
      <c r="BQ31" s="63">
        <v>0</v>
      </c>
      <c r="BR31" s="66">
        <v>0</v>
      </c>
      <c r="BS31" s="64">
        <v>0</v>
      </c>
      <c r="BT31" s="65">
        <v>0</v>
      </c>
      <c r="BU31" s="66">
        <v>2</v>
      </c>
      <c r="BV31" s="66">
        <v>0</v>
      </c>
      <c r="BW31" s="66">
        <v>1</v>
      </c>
      <c r="BX31" s="66">
        <v>1</v>
      </c>
      <c r="BY31" s="66">
        <v>0</v>
      </c>
      <c r="BZ31" s="64">
        <v>4</v>
      </c>
      <c r="CA31" s="68">
        <v>4</v>
      </c>
      <c r="CB31" s="63">
        <v>0</v>
      </c>
      <c r="CC31" s="66">
        <v>0</v>
      </c>
      <c r="CD31" s="64">
        <v>0</v>
      </c>
      <c r="CE31" s="65">
        <v>0</v>
      </c>
      <c r="CF31" s="66">
        <v>0</v>
      </c>
      <c r="CG31" s="66">
        <v>0</v>
      </c>
      <c r="CH31" s="66">
        <v>0</v>
      </c>
      <c r="CI31" s="66">
        <v>0</v>
      </c>
      <c r="CJ31" s="66">
        <v>0</v>
      </c>
      <c r="CK31" s="64">
        <v>0</v>
      </c>
      <c r="CL31" s="68">
        <v>0</v>
      </c>
      <c r="CM31" s="63">
        <v>0</v>
      </c>
      <c r="CN31" s="66">
        <v>0</v>
      </c>
      <c r="CO31" s="64">
        <v>0</v>
      </c>
      <c r="CP31" s="65">
        <v>0</v>
      </c>
      <c r="CQ31" s="66">
        <v>0</v>
      </c>
      <c r="CR31" s="66">
        <v>0</v>
      </c>
      <c r="CS31" s="66">
        <v>0</v>
      </c>
      <c r="CT31" s="66">
        <v>0</v>
      </c>
      <c r="CU31" s="66">
        <v>0</v>
      </c>
      <c r="CV31" s="64">
        <v>0</v>
      </c>
      <c r="CW31" s="68">
        <v>0</v>
      </c>
      <c r="CX31" s="63">
        <v>0</v>
      </c>
      <c r="CY31" s="66">
        <v>0</v>
      </c>
      <c r="CZ31" s="64">
        <v>0</v>
      </c>
      <c r="DA31" s="65">
        <v>0</v>
      </c>
      <c r="DB31" s="66">
        <v>0</v>
      </c>
      <c r="DC31" s="66">
        <v>0</v>
      </c>
      <c r="DD31" s="66">
        <v>0</v>
      </c>
      <c r="DE31" s="66">
        <v>0</v>
      </c>
      <c r="DF31" s="66">
        <v>0</v>
      </c>
      <c r="DG31" s="64">
        <v>0</v>
      </c>
      <c r="DH31" s="68">
        <v>0</v>
      </c>
      <c r="DI31" s="63">
        <v>0</v>
      </c>
      <c r="DJ31" s="66">
        <v>0</v>
      </c>
      <c r="DK31" s="64">
        <v>0</v>
      </c>
      <c r="DL31" s="65">
        <v>0</v>
      </c>
      <c r="DM31" s="66">
        <v>0</v>
      </c>
      <c r="DN31" s="66">
        <v>0</v>
      </c>
      <c r="DO31" s="66">
        <v>0</v>
      </c>
      <c r="DP31" s="66">
        <v>0</v>
      </c>
      <c r="DQ31" s="66">
        <v>0</v>
      </c>
      <c r="DR31" s="64">
        <v>0</v>
      </c>
      <c r="DS31" s="68">
        <v>0</v>
      </c>
      <c r="DT31" s="63">
        <v>0</v>
      </c>
      <c r="DU31" s="66">
        <v>3</v>
      </c>
      <c r="DV31" s="64">
        <v>3</v>
      </c>
      <c r="DW31" s="65">
        <v>0</v>
      </c>
      <c r="DX31" s="66">
        <v>2</v>
      </c>
      <c r="DY31" s="66">
        <v>2</v>
      </c>
      <c r="DZ31" s="66">
        <v>2</v>
      </c>
      <c r="EA31" s="66">
        <v>2</v>
      </c>
      <c r="EB31" s="66">
        <v>0</v>
      </c>
      <c r="EC31" s="64">
        <v>8</v>
      </c>
      <c r="ED31" s="68">
        <v>11</v>
      </c>
      <c r="EE31" s="63">
        <v>0</v>
      </c>
      <c r="EF31" s="66">
        <v>0</v>
      </c>
      <c r="EG31" s="64">
        <v>0</v>
      </c>
      <c r="EH31" s="65">
        <v>0</v>
      </c>
      <c r="EI31" s="66">
        <v>0</v>
      </c>
      <c r="EJ31" s="66">
        <v>1</v>
      </c>
      <c r="EK31" s="66">
        <v>0</v>
      </c>
      <c r="EL31" s="66">
        <v>1</v>
      </c>
      <c r="EM31" s="66">
        <v>1</v>
      </c>
      <c r="EN31" s="64">
        <v>3</v>
      </c>
      <c r="EO31" s="68">
        <v>3</v>
      </c>
      <c r="EP31" s="63">
        <v>0</v>
      </c>
      <c r="EQ31" s="66">
        <v>4</v>
      </c>
      <c r="ER31" s="64">
        <v>4</v>
      </c>
      <c r="ES31" s="65">
        <v>0</v>
      </c>
      <c r="ET31" s="66">
        <v>7</v>
      </c>
      <c r="EU31" s="66">
        <v>2</v>
      </c>
      <c r="EV31" s="66">
        <v>3</v>
      </c>
      <c r="EW31" s="66">
        <v>2</v>
      </c>
      <c r="EX31" s="66">
        <v>0</v>
      </c>
      <c r="EY31" s="64">
        <v>14</v>
      </c>
      <c r="EZ31" s="68">
        <v>18</v>
      </c>
    </row>
    <row r="32" spans="2:156" ht="21" customHeight="1" x14ac:dyDescent="0.2">
      <c r="B32" s="131" t="s">
        <v>30</v>
      </c>
      <c r="C32" s="63">
        <v>0</v>
      </c>
      <c r="D32" s="66">
        <v>0</v>
      </c>
      <c r="E32" s="111">
        <v>0</v>
      </c>
      <c r="F32" s="65">
        <v>0</v>
      </c>
      <c r="G32" s="66">
        <v>2</v>
      </c>
      <c r="H32" s="66">
        <v>2</v>
      </c>
      <c r="I32" s="66">
        <v>1</v>
      </c>
      <c r="J32" s="66">
        <v>1</v>
      </c>
      <c r="K32" s="66">
        <v>0</v>
      </c>
      <c r="L32" s="67">
        <v>6</v>
      </c>
      <c r="M32" s="68">
        <v>6</v>
      </c>
      <c r="N32" s="63">
        <v>0</v>
      </c>
      <c r="O32" s="66">
        <v>0</v>
      </c>
      <c r="P32" s="64">
        <v>0</v>
      </c>
      <c r="Q32" s="65">
        <v>0</v>
      </c>
      <c r="R32" s="66">
        <v>1</v>
      </c>
      <c r="S32" s="66">
        <v>1</v>
      </c>
      <c r="T32" s="66">
        <v>1</v>
      </c>
      <c r="U32" s="66">
        <v>0</v>
      </c>
      <c r="V32" s="66">
        <v>0</v>
      </c>
      <c r="W32" s="64">
        <v>3</v>
      </c>
      <c r="X32" s="68">
        <v>3</v>
      </c>
      <c r="Y32" s="63">
        <v>0</v>
      </c>
      <c r="Z32" s="66">
        <v>0</v>
      </c>
      <c r="AA32" s="64">
        <v>0</v>
      </c>
      <c r="AB32" s="65">
        <v>0</v>
      </c>
      <c r="AC32" s="66">
        <v>1</v>
      </c>
      <c r="AD32" s="66">
        <v>1</v>
      </c>
      <c r="AE32" s="66">
        <v>1</v>
      </c>
      <c r="AF32" s="66">
        <v>0</v>
      </c>
      <c r="AG32" s="66">
        <v>0</v>
      </c>
      <c r="AH32" s="64">
        <v>3</v>
      </c>
      <c r="AI32" s="68">
        <v>3</v>
      </c>
      <c r="AJ32" s="63">
        <v>0</v>
      </c>
      <c r="AK32" s="66">
        <v>0</v>
      </c>
      <c r="AL32" s="64">
        <v>0</v>
      </c>
      <c r="AM32" s="65">
        <v>0</v>
      </c>
      <c r="AN32" s="66">
        <v>0</v>
      </c>
      <c r="AO32" s="66">
        <v>1</v>
      </c>
      <c r="AP32" s="66">
        <v>0</v>
      </c>
      <c r="AQ32" s="66">
        <v>0</v>
      </c>
      <c r="AR32" s="66">
        <v>0</v>
      </c>
      <c r="AS32" s="64">
        <v>1</v>
      </c>
      <c r="AT32" s="68">
        <v>1</v>
      </c>
      <c r="AU32" s="63">
        <v>0</v>
      </c>
      <c r="AV32" s="66">
        <v>0</v>
      </c>
      <c r="AW32" s="64">
        <v>0</v>
      </c>
      <c r="AX32" s="65">
        <v>0</v>
      </c>
      <c r="AY32" s="66">
        <v>4</v>
      </c>
      <c r="AZ32" s="66">
        <v>2</v>
      </c>
      <c r="BA32" s="66">
        <v>2</v>
      </c>
      <c r="BB32" s="66">
        <v>0</v>
      </c>
      <c r="BC32" s="66">
        <v>0</v>
      </c>
      <c r="BD32" s="67">
        <v>8</v>
      </c>
      <c r="BE32" s="68">
        <v>8</v>
      </c>
      <c r="BF32" s="63">
        <v>0</v>
      </c>
      <c r="BG32" s="66">
        <v>0</v>
      </c>
      <c r="BH32" s="64">
        <v>0</v>
      </c>
      <c r="BI32" s="65">
        <v>0</v>
      </c>
      <c r="BJ32" s="66">
        <v>1</v>
      </c>
      <c r="BK32" s="66">
        <v>1</v>
      </c>
      <c r="BL32" s="66">
        <v>1</v>
      </c>
      <c r="BM32" s="66">
        <v>0</v>
      </c>
      <c r="BN32" s="66">
        <v>0</v>
      </c>
      <c r="BO32" s="64">
        <v>3</v>
      </c>
      <c r="BP32" s="68">
        <v>3</v>
      </c>
      <c r="BQ32" s="63">
        <v>0</v>
      </c>
      <c r="BR32" s="66">
        <v>0</v>
      </c>
      <c r="BS32" s="64">
        <v>0</v>
      </c>
      <c r="BT32" s="65">
        <v>0</v>
      </c>
      <c r="BU32" s="66">
        <v>1</v>
      </c>
      <c r="BV32" s="66">
        <v>0</v>
      </c>
      <c r="BW32" s="66">
        <v>0</v>
      </c>
      <c r="BX32" s="66">
        <v>2</v>
      </c>
      <c r="BY32" s="66">
        <v>0</v>
      </c>
      <c r="BZ32" s="64">
        <v>3</v>
      </c>
      <c r="CA32" s="68">
        <v>3</v>
      </c>
      <c r="CB32" s="63">
        <v>0</v>
      </c>
      <c r="CC32" s="66">
        <v>0</v>
      </c>
      <c r="CD32" s="64">
        <v>0</v>
      </c>
      <c r="CE32" s="65">
        <v>0</v>
      </c>
      <c r="CF32" s="66">
        <v>0</v>
      </c>
      <c r="CG32" s="66">
        <v>0</v>
      </c>
      <c r="CH32" s="66">
        <v>0</v>
      </c>
      <c r="CI32" s="66">
        <v>1</v>
      </c>
      <c r="CJ32" s="66">
        <v>0</v>
      </c>
      <c r="CK32" s="64">
        <v>1</v>
      </c>
      <c r="CL32" s="68">
        <v>1</v>
      </c>
      <c r="CM32" s="63">
        <v>0</v>
      </c>
      <c r="CN32" s="66">
        <v>0</v>
      </c>
      <c r="CO32" s="64">
        <v>0</v>
      </c>
      <c r="CP32" s="65">
        <v>0</v>
      </c>
      <c r="CQ32" s="66">
        <v>1</v>
      </c>
      <c r="CR32" s="66">
        <v>0</v>
      </c>
      <c r="CS32" s="66">
        <v>0</v>
      </c>
      <c r="CT32" s="66">
        <v>0</v>
      </c>
      <c r="CU32" s="66">
        <v>0</v>
      </c>
      <c r="CV32" s="64">
        <v>1</v>
      </c>
      <c r="CW32" s="68">
        <v>1</v>
      </c>
      <c r="CX32" s="63">
        <v>0</v>
      </c>
      <c r="CY32" s="66">
        <v>0</v>
      </c>
      <c r="CZ32" s="64">
        <v>0</v>
      </c>
      <c r="DA32" s="65">
        <v>0</v>
      </c>
      <c r="DB32" s="66">
        <v>0</v>
      </c>
      <c r="DC32" s="66">
        <v>0</v>
      </c>
      <c r="DD32" s="66">
        <v>0</v>
      </c>
      <c r="DE32" s="66">
        <v>0</v>
      </c>
      <c r="DF32" s="66">
        <v>0</v>
      </c>
      <c r="DG32" s="64">
        <v>0</v>
      </c>
      <c r="DH32" s="68">
        <v>0</v>
      </c>
      <c r="DI32" s="63">
        <v>0</v>
      </c>
      <c r="DJ32" s="66">
        <v>0</v>
      </c>
      <c r="DK32" s="64">
        <v>0</v>
      </c>
      <c r="DL32" s="65">
        <v>0</v>
      </c>
      <c r="DM32" s="66">
        <v>0</v>
      </c>
      <c r="DN32" s="66">
        <v>0</v>
      </c>
      <c r="DO32" s="66">
        <v>0</v>
      </c>
      <c r="DP32" s="66">
        <v>0</v>
      </c>
      <c r="DQ32" s="66">
        <v>0</v>
      </c>
      <c r="DR32" s="64">
        <v>0</v>
      </c>
      <c r="DS32" s="68">
        <v>0</v>
      </c>
      <c r="DT32" s="63">
        <v>2</v>
      </c>
      <c r="DU32" s="66">
        <v>0</v>
      </c>
      <c r="DV32" s="64">
        <v>2</v>
      </c>
      <c r="DW32" s="65">
        <v>0</v>
      </c>
      <c r="DX32" s="66">
        <v>1</v>
      </c>
      <c r="DY32" s="66">
        <v>3</v>
      </c>
      <c r="DZ32" s="66">
        <v>1</v>
      </c>
      <c r="EA32" s="66">
        <v>2</v>
      </c>
      <c r="EB32" s="66">
        <v>0</v>
      </c>
      <c r="EC32" s="64">
        <v>7</v>
      </c>
      <c r="ED32" s="68">
        <v>9</v>
      </c>
      <c r="EE32" s="63">
        <v>0</v>
      </c>
      <c r="EF32" s="66">
        <v>0</v>
      </c>
      <c r="EG32" s="64">
        <v>0</v>
      </c>
      <c r="EH32" s="65">
        <v>0</v>
      </c>
      <c r="EI32" s="66">
        <v>1</v>
      </c>
      <c r="EJ32" s="66">
        <v>1</v>
      </c>
      <c r="EK32" s="66">
        <v>3</v>
      </c>
      <c r="EL32" s="66">
        <v>1</v>
      </c>
      <c r="EM32" s="66">
        <v>0</v>
      </c>
      <c r="EN32" s="64">
        <v>6</v>
      </c>
      <c r="EO32" s="68">
        <v>6</v>
      </c>
      <c r="EP32" s="63">
        <v>2</v>
      </c>
      <c r="EQ32" s="66">
        <v>0</v>
      </c>
      <c r="ER32" s="64">
        <v>2</v>
      </c>
      <c r="ES32" s="65">
        <v>0</v>
      </c>
      <c r="ET32" s="66">
        <v>4</v>
      </c>
      <c r="EU32" s="66">
        <v>3</v>
      </c>
      <c r="EV32" s="66">
        <v>2</v>
      </c>
      <c r="EW32" s="66">
        <v>2</v>
      </c>
      <c r="EX32" s="66">
        <v>0</v>
      </c>
      <c r="EY32" s="64">
        <v>11</v>
      </c>
      <c r="EZ32" s="68">
        <v>13</v>
      </c>
    </row>
    <row r="33" spans="2:156" ht="21" customHeight="1" x14ac:dyDescent="0.2">
      <c r="B33" s="131" t="s">
        <v>31</v>
      </c>
      <c r="C33" s="63">
        <v>0</v>
      </c>
      <c r="D33" s="66">
        <v>0</v>
      </c>
      <c r="E33" s="111">
        <v>0</v>
      </c>
      <c r="F33" s="65">
        <v>0</v>
      </c>
      <c r="G33" s="66">
        <v>1</v>
      </c>
      <c r="H33" s="66">
        <v>0</v>
      </c>
      <c r="I33" s="66">
        <v>0</v>
      </c>
      <c r="J33" s="66">
        <v>0</v>
      </c>
      <c r="K33" s="66">
        <v>0</v>
      </c>
      <c r="L33" s="67">
        <v>1</v>
      </c>
      <c r="M33" s="68">
        <v>1</v>
      </c>
      <c r="N33" s="63">
        <v>0</v>
      </c>
      <c r="O33" s="66">
        <v>0</v>
      </c>
      <c r="P33" s="64">
        <v>0</v>
      </c>
      <c r="Q33" s="65">
        <v>0</v>
      </c>
      <c r="R33" s="66">
        <v>0</v>
      </c>
      <c r="S33" s="66">
        <v>0</v>
      </c>
      <c r="T33" s="66">
        <v>0</v>
      </c>
      <c r="U33" s="66">
        <v>0</v>
      </c>
      <c r="V33" s="66">
        <v>1</v>
      </c>
      <c r="W33" s="64">
        <v>1</v>
      </c>
      <c r="X33" s="68">
        <v>1</v>
      </c>
      <c r="Y33" s="63">
        <v>0</v>
      </c>
      <c r="Z33" s="66">
        <v>0</v>
      </c>
      <c r="AA33" s="64">
        <v>0</v>
      </c>
      <c r="AB33" s="65">
        <v>0</v>
      </c>
      <c r="AC33" s="66">
        <v>2</v>
      </c>
      <c r="AD33" s="66">
        <v>1</v>
      </c>
      <c r="AE33" s="66">
        <v>2</v>
      </c>
      <c r="AF33" s="66">
        <v>0</v>
      </c>
      <c r="AG33" s="66">
        <v>1</v>
      </c>
      <c r="AH33" s="64">
        <v>6</v>
      </c>
      <c r="AI33" s="68">
        <v>6</v>
      </c>
      <c r="AJ33" s="63">
        <v>0</v>
      </c>
      <c r="AK33" s="66">
        <v>0</v>
      </c>
      <c r="AL33" s="64">
        <v>0</v>
      </c>
      <c r="AM33" s="65">
        <v>0</v>
      </c>
      <c r="AN33" s="66">
        <v>0</v>
      </c>
      <c r="AO33" s="66">
        <v>0</v>
      </c>
      <c r="AP33" s="66">
        <v>0</v>
      </c>
      <c r="AQ33" s="66">
        <v>0</v>
      </c>
      <c r="AR33" s="66">
        <v>0</v>
      </c>
      <c r="AS33" s="64">
        <v>0</v>
      </c>
      <c r="AT33" s="68">
        <v>0</v>
      </c>
      <c r="AU33" s="63">
        <v>0</v>
      </c>
      <c r="AV33" s="66">
        <v>0</v>
      </c>
      <c r="AW33" s="64">
        <v>0</v>
      </c>
      <c r="AX33" s="65">
        <v>0</v>
      </c>
      <c r="AY33" s="66">
        <v>0</v>
      </c>
      <c r="AZ33" s="66">
        <v>0</v>
      </c>
      <c r="BA33" s="66">
        <v>0</v>
      </c>
      <c r="BB33" s="66">
        <v>0</v>
      </c>
      <c r="BC33" s="66">
        <v>0</v>
      </c>
      <c r="BD33" s="67">
        <v>0</v>
      </c>
      <c r="BE33" s="68">
        <v>0</v>
      </c>
      <c r="BF33" s="63">
        <v>0</v>
      </c>
      <c r="BG33" s="66">
        <v>0</v>
      </c>
      <c r="BH33" s="64">
        <v>0</v>
      </c>
      <c r="BI33" s="65">
        <v>0</v>
      </c>
      <c r="BJ33" s="66">
        <v>2</v>
      </c>
      <c r="BK33" s="66">
        <v>1</v>
      </c>
      <c r="BL33" s="66">
        <v>3</v>
      </c>
      <c r="BM33" s="66">
        <v>0</v>
      </c>
      <c r="BN33" s="66">
        <v>0</v>
      </c>
      <c r="BO33" s="64">
        <v>6</v>
      </c>
      <c r="BP33" s="68">
        <v>6</v>
      </c>
      <c r="BQ33" s="63">
        <v>0</v>
      </c>
      <c r="BR33" s="66">
        <v>0</v>
      </c>
      <c r="BS33" s="64">
        <v>0</v>
      </c>
      <c r="BT33" s="65">
        <v>0</v>
      </c>
      <c r="BU33" s="66">
        <v>2</v>
      </c>
      <c r="BV33" s="66">
        <v>0</v>
      </c>
      <c r="BW33" s="66">
        <v>1</v>
      </c>
      <c r="BX33" s="66">
        <v>0</v>
      </c>
      <c r="BY33" s="66">
        <v>0</v>
      </c>
      <c r="BZ33" s="64">
        <v>3</v>
      </c>
      <c r="CA33" s="68">
        <v>3</v>
      </c>
      <c r="CB33" s="63">
        <v>0</v>
      </c>
      <c r="CC33" s="66">
        <v>0</v>
      </c>
      <c r="CD33" s="64">
        <v>0</v>
      </c>
      <c r="CE33" s="65">
        <v>0</v>
      </c>
      <c r="CF33" s="66">
        <v>0</v>
      </c>
      <c r="CG33" s="66">
        <v>0</v>
      </c>
      <c r="CH33" s="66">
        <v>0</v>
      </c>
      <c r="CI33" s="66">
        <v>0</v>
      </c>
      <c r="CJ33" s="66">
        <v>0</v>
      </c>
      <c r="CK33" s="64">
        <v>0</v>
      </c>
      <c r="CL33" s="68">
        <v>0</v>
      </c>
      <c r="CM33" s="63">
        <v>0</v>
      </c>
      <c r="CN33" s="66">
        <v>0</v>
      </c>
      <c r="CO33" s="64">
        <v>0</v>
      </c>
      <c r="CP33" s="65">
        <v>0</v>
      </c>
      <c r="CQ33" s="66">
        <v>0</v>
      </c>
      <c r="CR33" s="66">
        <v>0</v>
      </c>
      <c r="CS33" s="66">
        <v>0</v>
      </c>
      <c r="CT33" s="66">
        <v>0</v>
      </c>
      <c r="CU33" s="66">
        <v>0</v>
      </c>
      <c r="CV33" s="64">
        <v>0</v>
      </c>
      <c r="CW33" s="68">
        <v>0</v>
      </c>
      <c r="CX33" s="63">
        <v>0</v>
      </c>
      <c r="CY33" s="66">
        <v>0</v>
      </c>
      <c r="CZ33" s="64">
        <v>0</v>
      </c>
      <c r="DA33" s="65">
        <v>0</v>
      </c>
      <c r="DB33" s="66">
        <v>0</v>
      </c>
      <c r="DC33" s="66">
        <v>0</v>
      </c>
      <c r="DD33" s="66">
        <v>0</v>
      </c>
      <c r="DE33" s="66">
        <v>0</v>
      </c>
      <c r="DF33" s="66">
        <v>0</v>
      </c>
      <c r="DG33" s="64">
        <v>0</v>
      </c>
      <c r="DH33" s="68">
        <v>0</v>
      </c>
      <c r="DI33" s="63">
        <v>0</v>
      </c>
      <c r="DJ33" s="66">
        <v>0</v>
      </c>
      <c r="DK33" s="64">
        <v>0</v>
      </c>
      <c r="DL33" s="65">
        <v>0</v>
      </c>
      <c r="DM33" s="66">
        <v>0</v>
      </c>
      <c r="DN33" s="66">
        <v>0</v>
      </c>
      <c r="DO33" s="66">
        <v>0</v>
      </c>
      <c r="DP33" s="66">
        <v>0</v>
      </c>
      <c r="DQ33" s="66">
        <v>0</v>
      </c>
      <c r="DR33" s="64">
        <v>0</v>
      </c>
      <c r="DS33" s="68">
        <v>0</v>
      </c>
      <c r="DT33" s="63">
        <v>1</v>
      </c>
      <c r="DU33" s="66">
        <v>1</v>
      </c>
      <c r="DV33" s="64">
        <v>2</v>
      </c>
      <c r="DW33" s="65">
        <v>0</v>
      </c>
      <c r="DX33" s="66">
        <v>1</v>
      </c>
      <c r="DY33" s="66">
        <v>3</v>
      </c>
      <c r="DZ33" s="66">
        <v>4</v>
      </c>
      <c r="EA33" s="66">
        <v>0</v>
      </c>
      <c r="EB33" s="66">
        <v>1</v>
      </c>
      <c r="EC33" s="64">
        <v>9</v>
      </c>
      <c r="ED33" s="68">
        <v>11</v>
      </c>
      <c r="EE33" s="63">
        <v>0</v>
      </c>
      <c r="EF33" s="66">
        <v>0</v>
      </c>
      <c r="EG33" s="64">
        <v>0</v>
      </c>
      <c r="EH33" s="65">
        <v>0</v>
      </c>
      <c r="EI33" s="66">
        <v>0</v>
      </c>
      <c r="EJ33" s="66">
        <v>0</v>
      </c>
      <c r="EK33" s="66">
        <v>0</v>
      </c>
      <c r="EL33" s="66">
        <v>0</v>
      </c>
      <c r="EM33" s="66">
        <v>0</v>
      </c>
      <c r="EN33" s="64">
        <v>0</v>
      </c>
      <c r="EO33" s="68">
        <v>0</v>
      </c>
      <c r="EP33" s="63">
        <v>1</v>
      </c>
      <c r="EQ33" s="66">
        <v>1</v>
      </c>
      <c r="ER33" s="64">
        <v>2</v>
      </c>
      <c r="ES33" s="65">
        <v>0</v>
      </c>
      <c r="ET33" s="66">
        <v>7</v>
      </c>
      <c r="EU33" s="66">
        <v>3</v>
      </c>
      <c r="EV33" s="66">
        <v>5</v>
      </c>
      <c r="EW33" s="66">
        <v>0</v>
      </c>
      <c r="EX33" s="66">
        <v>1</v>
      </c>
      <c r="EY33" s="64">
        <v>16</v>
      </c>
      <c r="EZ33" s="68">
        <v>18</v>
      </c>
    </row>
    <row r="34" spans="2:156" ht="21" customHeight="1" x14ac:dyDescent="0.2">
      <c r="B34" s="131" t="s">
        <v>32</v>
      </c>
      <c r="C34" s="63">
        <v>0</v>
      </c>
      <c r="D34" s="66">
        <v>0</v>
      </c>
      <c r="E34" s="111">
        <v>0</v>
      </c>
      <c r="F34" s="65">
        <v>0</v>
      </c>
      <c r="G34" s="66">
        <v>1</v>
      </c>
      <c r="H34" s="66">
        <v>1</v>
      </c>
      <c r="I34" s="66">
        <v>1</v>
      </c>
      <c r="J34" s="66">
        <v>0</v>
      </c>
      <c r="K34" s="66">
        <v>0</v>
      </c>
      <c r="L34" s="67">
        <v>3</v>
      </c>
      <c r="M34" s="68">
        <v>3</v>
      </c>
      <c r="N34" s="63">
        <v>0</v>
      </c>
      <c r="O34" s="66">
        <v>0</v>
      </c>
      <c r="P34" s="64">
        <v>0</v>
      </c>
      <c r="Q34" s="65">
        <v>0</v>
      </c>
      <c r="R34" s="66">
        <v>0</v>
      </c>
      <c r="S34" s="66">
        <v>0</v>
      </c>
      <c r="T34" s="66">
        <v>0</v>
      </c>
      <c r="U34" s="66">
        <v>0</v>
      </c>
      <c r="V34" s="66">
        <v>0</v>
      </c>
      <c r="W34" s="64">
        <v>0</v>
      </c>
      <c r="X34" s="68">
        <v>0</v>
      </c>
      <c r="Y34" s="63">
        <v>0</v>
      </c>
      <c r="Z34" s="66">
        <v>1</v>
      </c>
      <c r="AA34" s="64">
        <v>1</v>
      </c>
      <c r="AB34" s="65">
        <v>0</v>
      </c>
      <c r="AC34" s="66">
        <v>3</v>
      </c>
      <c r="AD34" s="66">
        <v>2</v>
      </c>
      <c r="AE34" s="66">
        <v>0</v>
      </c>
      <c r="AF34" s="66">
        <v>0</v>
      </c>
      <c r="AG34" s="66">
        <v>1</v>
      </c>
      <c r="AH34" s="64">
        <v>6</v>
      </c>
      <c r="AI34" s="68">
        <v>7</v>
      </c>
      <c r="AJ34" s="63">
        <v>0</v>
      </c>
      <c r="AK34" s="66">
        <v>0</v>
      </c>
      <c r="AL34" s="64">
        <v>0</v>
      </c>
      <c r="AM34" s="65">
        <v>0</v>
      </c>
      <c r="AN34" s="66">
        <v>0</v>
      </c>
      <c r="AO34" s="66">
        <v>1</v>
      </c>
      <c r="AP34" s="66">
        <v>0</v>
      </c>
      <c r="AQ34" s="66">
        <v>1</v>
      </c>
      <c r="AR34" s="66">
        <v>0</v>
      </c>
      <c r="AS34" s="64">
        <v>2</v>
      </c>
      <c r="AT34" s="68">
        <v>2</v>
      </c>
      <c r="AU34" s="63">
        <v>0</v>
      </c>
      <c r="AV34" s="66">
        <v>0</v>
      </c>
      <c r="AW34" s="64">
        <v>0</v>
      </c>
      <c r="AX34" s="65">
        <v>0</v>
      </c>
      <c r="AY34" s="66">
        <v>2</v>
      </c>
      <c r="AZ34" s="66">
        <v>3</v>
      </c>
      <c r="BA34" s="66">
        <v>2</v>
      </c>
      <c r="BB34" s="66">
        <v>3</v>
      </c>
      <c r="BC34" s="66">
        <v>2</v>
      </c>
      <c r="BD34" s="67">
        <v>12</v>
      </c>
      <c r="BE34" s="68">
        <v>12</v>
      </c>
      <c r="BF34" s="63">
        <v>0</v>
      </c>
      <c r="BG34" s="66">
        <v>0</v>
      </c>
      <c r="BH34" s="64">
        <v>0</v>
      </c>
      <c r="BI34" s="65">
        <v>0</v>
      </c>
      <c r="BJ34" s="66">
        <v>3</v>
      </c>
      <c r="BK34" s="66">
        <v>4</v>
      </c>
      <c r="BL34" s="66">
        <v>0</v>
      </c>
      <c r="BM34" s="66">
        <v>2</v>
      </c>
      <c r="BN34" s="66">
        <v>2</v>
      </c>
      <c r="BO34" s="64">
        <v>11</v>
      </c>
      <c r="BP34" s="68">
        <v>11</v>
      </c>
      <c r="BQ34" s="63">
        <v>0</v>
      </c>
      <c r="BR34" s="66">
        <v>0</v>
      </c>
      <c r="BS34" s="64">
        <v>0</v>
      </c>
      <c r="BT34" s="65">
        <v>0</v>
      </c>
      <c r="BU34" s="66">
        <v>0</v>
      </c>
      <c r="BV34" s="66">
        <v>1</v>
      </c>
      <c r="BW34" s="66">
        <v>0</v>
      </c>
      <c r="BX34" s="66">
        <v>2</v>
      </c>
      <c r="BY34" s="66">
        <v>1</v>
      </c>
      <c r="BZ34" s="64">
        <v>4</v>
      </c>
      <c r="CA34" s="68">
        <v>4</v>
      </c>
      <c r="CB34" s="63">
        <v>0</v>
      </c>
      <c r="CC34" s="66">
        <v>0</v>
      </c>
      <c r="CD34" s="64">
        <v>0</v>
      </c>
      <c r="CE34" s="65">
        <v>0</v>
      </c>
      <c r="CF34" s="66">
        <v>0</v>
      </c>
      <c r="CG34" s="66">
        <v>2</v>
      </c>
      <c r="CH34" s="66">
        <v>0</v>
      </c>
      <c r="CI34" s="66">
        <v>1</v>
      </c>
      <c r="CJ34" s="66">
        <v>1</v>
      </c>
      <c r="CK34" s="64">
        <v>4</v>
      </c>
      <c r="CL34" s="68">
        <v>4</v>
      </c>
      <c r="CM34" s="63">
        <v>0</v>
      </c>
      <c r="CN34" s="66">
        <v>0</v>
      </c>
      <c r="CO34" s="64">
        <v>0</v>
      </c>
      <c r="CP34" s="65">
        <v>0</v>
      </c>
      <c r="CQ34" s="66">
        <v>0</v>
      </c>
      <c r="CR34" s="66">
        <v>0</v>
      </c>
      <c r="CS34" s="66">
        <v>0</v>
      </c>
      <c r="CT34" s="66">
        <v>0</v>
      </c>
      <c r="CU34" s="66">
        <v>1</v>
      </c>
      <c r="CV34" s="64">
        <v>1</v>
      </c>
      <c r="CW34" s="68">
        <v>1</v>
      </c>
      <c r="CX34" s="63">
        <v>0</v>
      </c>
      <c r="CY34" s="66">
        <v>0</v>
      </c>
      <c r="CZ34" s="64">
        <v>0</v>
      </c>
      <c r="DA34" s="65">
        <v>0</v>
      </c>
      <c r="DB34" s="66">
        <v>0</v>
      </c>
      <c r="DC34" s="66">
        <v>0</v>
      </c>
      <c r="DD34" s="66">
        <v>0</v>
      </c>
      <c r="DE34" s="66">
        <v>0</v>
      </c>
      <c r="DF34" s="66">
        <v>0</v>
      </c>
      <c r="DG34" s="64">
        <v>0</v>
      </c>
      <c r="DH34" s="68">
        <v>0</v>
      </c>
      <c r="DI34" s="63">
        <v>0</v>
      </c>
      <c r="DJ34" s="66">
        <v>0</v>
      </c>
      <c r="DK34" s="64">
        <v>0</v>
      </c>
      <c r="DL34" s="65">
        <v>0</v>
      </c>
      <c r="DM34" s="66">
        <v>0</v>
      </c>
      <c r="DN34" s="66">
        <v>0</v>
      </c>
      <c r="DO34" s="66">
        <v>0</v>
      </c>
      <c r="DP34" s="66">
        <v>0</v>
      </c>
      <c r="DQ34" s="66">
        <v>0</v>
      </c>
      <c r="DR34" s="64">
        <v>0</v>
      </c>
      <c r="DS34" s="68">
        <v>0</v>
      </c>
      <c r="DT34" s="63">
        <v>2</v>
      </c>
      <c r="DU34" s="66">
        <v>2</v>
      </c>
      <c r="DV34" s="64">
        <v>4</v>
      </c>
      <c r="DW34" s="65">
        <v>0</v>
      </c>
      <c r="DX34" s="66">
        <v>3</v>
      </c>
      <c r="DY34" s="66">
        <v>6</v>
      </c>
      <c r="DZ34" s="66">
        <v>2</v>
      </c>
      <c r="EA34" s="66">
        <v>2</v>
      </c>
      <c r="EB34" s="66">
        <v>2</v>
      </c>
      <c r="EC34" s="64">
        <v>15</v>
      </c>
      <c r="ED34" s="68">
        <v>19</v>
      </c>
      <c r="EE34" s="63">
        <v>0</v>
      </c>
      <c r="EF34" s="66">
        <v>0</v>
      </c>
      <c r="EG34" s="64">
        <v>0</v>
      </c>
      <c r="EH34" s="65">
        <v>0</v>
      </c>
      <c r="EI34" s="66">
        <v>2</v>
      </c>
      <c r="EJ34" s="66">
        <v>0</v>
      </c>
      <c r="EK34" s="66">
        <v>1</v>
      </c>
      <c r="EL34" s="66">
        <v>1</v>
      </c>
      <c r="EM34" s="66">
        <v>1</v>
      </c>
      <c r="EN34" s="64">
        <v>5</v>
      </c>
      <c r="EO34" s="68">
        <v>5</v>
      </c>
      <c r="EP34" s="63">
        <v>2</v>
      </c>
      <c r="EQ34" s="66">
        <v>2</v>
      </c>
      <c r="ER34" s="64">
        <v>4</v>
      </c>
      <c r="ES34" s="65">
        <v>0</v>
      </c>
      <c r="ET34" s="66">
        <v>10</v>
      </c>
      <c r="EU34" s="66">
        <v>7</v>
      </c>
      <c r="EV34" s="66">
        <v>1</v>
      </c>
      <c r="EW34" s="66">
        <v>2</v>
      </c>
      <c r="EX34" s="66">
        <v>2</v>
      </c>
      <c r="EY34" s="64">
        <v>22</v>
      </c>
      <c r="EZ34" s="68">
        <v>26</v>
      </c>
    </row>
    <row r="35" spans="2:156" ht="21" customHeight="1" x14ac:dyDescent="0.2">
      <c r="B35" s="131" t="s">
        <v>33</v>
      </c>
      <c r="C35" s="63">
        <v>0</v>
      </c>
      <c r="D35" s="66">
        <v>0</v>
      </c>
      <c r="E35" s="111">
        <v>0</v>
      </c>
      <c r="F35" s="65">
        <v>0</v>
      </c>
      <c r="G35" s="66">
        <v>1</v>
      </c>
      <c r="H35" s="66">
        <v>0</v>
      </c>
      <c r="I35" s="66">
        <v>0</v>
      </c>
      <c r="J35" s="66">
        <v>0</v>
      </c>
      <c r="K35" s="66">
        <v>1</v>
      </c>
      <c r="L35" s="67">
        <v>2</v>
      </c>
      <c r="M35" s="68">
        <v>2</v>
      </c>
      <c r="N35" s="63">
        <v>0</v>
      </c>
      <c r="O35" s="66">
        <v>0</v>
      </c>
      <c r="P35" s="64">
        <v>0</v>
      </c>
      <c r="Q35" s="65">
        <v>0</v>
      </c>
      <c r="R35" s="66">
        <v>0</v>
      </c>
      <c r="S35" s="66">
        <v>0</v>
      </c>
      <c r="T35" s="66">
        <v>0</v>
      </c>
      <c r="U35" s="66">
        <v>0</v>
      </c>
      <c r="V35" s="66">
        <v>0</v>
      </c>
      <c r="W35" s="64">
        <v>0</v>
      </c>
      <c r="X35" s="68">
        <v>0</v>
      </c>
      <c r="Y35" s="63">
        <v>0</v>
      </c>
      <c r="Z35" s="66">
        <v>0</v>
      </c>
      <c r="AA35" s="64">
        <v>0</v>
      </c>
      <c r="AB35" s="65">
        <v>0</v>
      </c>
      <c r="AC35" s="66">
        <v>1</v>
      </c>
      <c r="AD35" s="66">
        <v>2</v>
      </c>
      <c r="AE35" s="66">
        <v>0</v>
      </c>
      <c r="AF35" s="66">
        <v>0</v>
      </c>
      <c r="AG35" s="66">
        <v>1</v>
      </c>
      <c r="AH35" s="64">
        <v>4</v>
      </c>
      <c r="AI35" s="68">
        <v>4</v>
      </c>
      <c r="AJ35" s="63">
        <v>0</v>
      </c>
      <c r="AK35" s="66">
        <v>1</v>
      </c>
      <c r="AL35" s="64">
        <v>1</v>
      </c>
      <c r="AM35" s="65">
        <v>0</v>
      </c>
      <c r="AN35" s="66">
        <v>2</v>
      </c>
      <c r="AO35" s="66">
        <v>1</v>
      </c>
      <c r="AP35" s="66">
        <v>1</v>
      </c>
      <c r="AQ35" s="66">
        <v>1</v>
      </c>
      <c r="AR35" s="66">
        <v>0</v>
      </c>
      <c r="AS35" s="64">
        <v>5</v>
      </c>
      <c r="AT35" s="68">
        <v>6</v>
      </c>
      <c r="AU35" s="63">
        <v>0</v>
      </c>
      <c r="AV35" s="66">
        <v>1</v>
      </c>
      <c r="AW35" s="64">
        <v>1</v>
      </c>
      <c r="AX35" s="65">
        <v>0</v>
      </c>
      <c r="AY35" s="66">
        <v>1</v>
      </c>
      <c r="AZ35" s="66">
        <v>1</v>
      </c>
      <c r="BA35" s="66">
        <v>5</v>
      </c>
      <c r="BB35" s="66">
        <v>2</v>
      </c>
      <c r="BC35" s="66">
        <v>2</v>
      </c>
      <c r="BD35" s="67">
        <v>11</v>
      </c>
      <c r="BE35" s="68">
        <v>12</v>
      </c>
      <c r="BF35" s="63">
        <v>0</v>
      </c>
      <c r="BG35" s="66">
        <v>0</v>
      </c>
      <c r="BH35" s="64">
        <v>0</v>
      </c>
      <c r="BI35" s="65">
        <v>0</v>
      </c>
      <c r="BJ35" s="66">
        <v>2</v>
      </c>
      <c r="BK35" s="66">
        <v>0</v>
      </c>
      <c r="BL35" s="66">
        <v>0</v>
      </c>
      <c r="BM35" s="66">
        <v>0</v>
      </c>
      <c r="BN35" s="66">
        <v>1</v>
      </c>
      <c r="BO35" s="64">
        <v>3</v>
      </c>
      <c r="BP35" s="68">
        <v>3</v>
      </c>
      <c r="BQ35" s="63">
        <v>1</v>
      </c>
      <c r="BR35" s="66">
        <v>0</v>
      </c>
      <c r="BS35" s="64">
        <v>1</v>
      </c>
      <c r="BT35" s="65">
        <v>0</v>
      </c>
      <c r="BU35" s="66">
        <v>0</v>
      </c>
      <c r="BV35" s="66">
        <v>0</v>
      </c>
      <c r="BW35" s="66">
        <v>1</v>
      </c>
      <c r="BX35" s="66">
        <v>0</v>
      </c>
      <c r="BY35" s="66">
        <v>0</v>
      </c>
      <c r="BZ35" s="64">
        <v>1</v>
      </c>
      <c r="CA35" s="68">
        <v>2</v>
      </c>
      <c r="CB35" s="63">
        <v>0</v>
      </c>
      <c r="CC35" s="66">
        <v>0</v>
      </c>
      <c r="CD35" s="64">
        <v>0</v>
      </c>
      <c r="CE35" s="65">
        <v>0</v>
      </c>
      <c r="CF35" s="66">
        <v>1</v>
      </c>
      <c r="CG35" s="66">
        <v>0</v>
      </c>
      <c r="CH35" s="66">
        <v>1</v>
      </c>
      <c r="CI35" s="66">
        <v>1</v>
      </c>
      <c r="CJ35" s="66">
        <v>0</v>
      </c>
      <c r="CK35" s="64">
        <v>3</v>
      </c>
      <c r="CL35" s="68">
        <v>3</v>
      </c>
      <c r="CM35" s="63">
        <v>0</v>
      </c>
      <c r="CN35" s="66">
        <v>0</v>
      </c>
      <c r="CO35" s="64">
        <v>0</v>
      </c>
      <c r="CP35" s="65">
        <v>0</v>
      </c>
      <c r="CQ35" s="66">
        <v>2</v>
      </c>
      <c r="CR35" s="66">
        <v>0</v>
      </c>
      <c r="CS35" s="66">
        <v>0</v>
      </c>
      <c r="CT35" s="66">
        <v>0</v>
      </c>
      <c r="CU35" s="66">
        <v>0</v>
      </c>
      <c r="CV35" s="64">
        <v>2</v>
      </c>
      <c r="CW35" s="68">
        <v>2</v>
      </c>
      <c r="CX35" s="63">
        <v>0</v>
      </c>
      <c r="CY35" s="66">
        <v>0</v>
      </c>
      <c r="CZ35" s="64">
        <v>0</v>
      </c>
      <c r="DA35" s="65">
        <v>0</v>
      </c>
      <c r="DB35" s="66">
        <v>0</v>
      </c>
      <c r="DC35" s="66">
        <v>0</v>
      </c>
      <c r="DD35" s="66">
        <v>0</v>
      </c>
      <c r="DE35" s="66">
        <v>0</v>
      </c>
      <c r="DF35" s="66">
        <v>0</v>
      </c>
      <c r="DG35" s="64">
        <v>0</v>
      </c>
      <c r="DH35" s="68">
        <v>0</v>
      </c>
      <c r="DI35" s="63">
        <v>0</v>
      </c>
      <c r="DJ35" s="66">
        <v>0</v>
      </c>
      <c r="DK35" s="64">
        <v>0</v>
      </c>
      <c r="DL35" s="65">
        <v>0</v>
      </c>
      <c r="DM35" s="66">
        <v>0</v>
      </c>
      <c r="DN35" s="66">
        <v>0</v>
      </c>
      <c r="DO35" s="66">
        <v>0</v>
      </c>
      <c r="DP35" s="66">
        <v>0</v>
      </c>
      <c r="DQ35" s="66">
        <v>0</v>
      </c>
      <c r="DR35" s="64">
        <v>0</v>
      </c>
      <c r="DS35" s="68">
        <v>0</v>
      </c>
      <c r="DT35" s="63">
        <v>0</v>
      </c>
      <c r="DU35" s="66">
        <v>1</v>
      </c>
      <c r="DV35" s="64">
        <v>1</v>
      </c>
      <c r="DW35" s="65">
        <v>0</v>
      </c>
      <c r="DX35" s="66">
        <v>4</v>
      </c>
      <c r="DY35" s="66">
        <v>2</v>
      </c>
      <c r="DZ35" s="66">
        <v>2</v>
      </c>
      <c r="EA35" s="66">
        <v>2</v>
      </c>
      <c r="EB35" s="66">
        <v>2</v>
      </c>
      <c r="EC35" s="64">
        <v>12</v>
      </c>
      <c r="ED35" s="68">
        <v>13</v>
      </c>
      <c r="EE35" s="63">
        <v>0</v>
      </c>
      <c r="EF35" s="66">
        <v>2</v>
      </c>
      <c r="EG35" s="64">
        <v>2</v>
      </c>
      <c r="EH35" s="65">
        <v>0</v>
      </c>
      <c r="EI35" s="66">
        <v>1</v>
      </c>
      <c r="EJ35" s="66">
        <v>0</v>
      </c>
      <c r="EK35" s="66">
        <v>4</v>
      </c>
      <c r="EL35" s="66">
        <v>2</v>
      </c>
      <c r="EM35" s="66">
        <v>1</v>
      </c>
      <c r="EN35" s="64">
        <v>8</v>
      </c>
      <c r="EO35" s="68">
        <v>10</v>
      </c>
      <c r="EP35" s="63">
        <v>1</v>
      </c>
      <c r="EQ35" s="66">
        <v>2</v>
      </c>
      <c r="ER35" s="64">
        <v>3</v>
      </c>
      <c r="ES35" s="65">
        <v>0</v>
      </c>
      <c r="ET35" s="66">
        <v>9</v>
      </c>
      <c r="EU35" s="66">
        <v>2</v>
      </c>
      <c r="EV35" s="66">
        <v>2</v>
      </c>
      <c r="EW35" s="66">
        <v>2</v>
      </c>
      <c r="EX35" s="66">
        <v>1</v>
      </c>
      <c r="EY35" s="64">
        <v>16</v>
      </c>
      <c r="EZ35" s="68">
        <v>19</v>
      </c>
    </row>
    <row r="36" spans="2:156" ht="21" customHeight="1" x14ac:dyDescent="0.2">
      <c r="B36" s="131" t="s">
        <v>34</v>
      </c>
      <c r="C36" s="63">
        <v>0</v>
      </c>
      <c r="D36" s="66">
        <v>0</v>
      </c>
      <c r="E36" s="111">
        <v>0</v>
      </c>
      <c r="F36" s="65">
        <v>0</v>
      </c>
      <c r="G36" s="66">
        <v>1</v>
      </c>
      <c r="H36" s="66">
        <v>0</v>
      </c>
      <c r="I36" s="66">
        <v>0</v>
      </c>
      <c r="J36" s="66">
        <v>0</v>
      </c>
      <c r="K36" s="66">
        <v>0</v>
      </c>
      <c r="L36" s="67">
        <v>1</v>
      </c>
      <c r="M36" s="68">
        <v>1</v>
      </c>
      <c r="N36" s="63">
        <v>0</v>
      </c>
      <c r="O36" s="66">
        <v>0</v>
      </c>
      <c r="P36" s="64">
        <v>0</v>
      </c>
      <c r="Q36" s="65">
        <v>0</v>
      </c>
      <c r="R36" s="66">
        <v>0</v>
      </c>
      <c r="S36" s="66">
        <v>0</v>
      </c>
      <c r="T36" s="66">
        <v>0</v>
      </c>
      <c r="U36" s="66">
        <v>0</v>
      </c>
      <c r="V36" s="66">
        <v>0</v>
      </c>
      <c r="W36" s="64">
        <v>0</v>
      </c>
      <c r="X36" s="68">
        <v>0</v>
      </c>
      <c r="Y36" s="63">
        <v>0</v>
      </c>
      <c r="Z36" s="66">
        <v>1</v>
      </c>
      <c r="AA36" s="64">
        <v>1</v>
      </c>
      <c r="AB36" s="65">
        <v>0</v>
      </c>
      <c r="AC36" s="66">
        <v>0</v>
      </c>
      <c r="AD36" s="66">
        <v>0</v>
      </c>
      <c r="AE36" s="66">
        <v>0</v>
      </c>
      <c r="AF36" s="66">
        <v>0</v>
      </c>
      <c r="AG36" s="66">
        <v>0</v>
      </c>
      <c r="AH36" s="64">
        <v>0</v>
      </c>
      <c r="AI36" s="68">
        <v>1</v>
      </c>
      <c r="AJ36" s="63">
        <v>0</v>
      </c>
      <c r="AK36" s="66">
        <v>0</v>
      </c>
      <c r="AL36" s="64">
        <v>0</v>
      </c>
      <c r="AM36" s="65">
        <v>0</v>
      </c>
      <c r="AN36" s="66">
        <v>0</v>
      </c>
      <c r="AO36" s="66">
        <v>1</v>
      </c>
      <c r="AP36" s="66">
        <v>0</v>
      </c>
      <c r="AQ36" s="66">
        <v>0</v>
      </c>
      <c r="AR36" s="66">
        <v>0</v>
      </c>
      <c r="AS36" s="64">
        <v>1</v>
      </c>
      <c r="AT36" s="68">
        <v>1</v>
      </c>
      <c r="AU36" s="63">
        <v>0</v>
      </c>
      <c r="AV36" s="66">
        <v>0</v>
      </c>
      <c r="AW36" s="64">
        <v>0</v>
      </c>
      <c r="AX36" s="65">
        <v>0</v>
      </c>
      <c r="AY36" s="66">
        <v>2</v>
      </c>
      <c r="AZ36" s="66">
        <v>0</v>
      </c>
      <c r="BA36" s="66">
        <v>1</v>
      </c>
      <c r="BB36" s="66">
        <v>0</v>
      </c>
      <c r="BC36" s="66">
        <v>0</v>
      </c>
      <c r="BD36" s="67">
        <v>3</v>
      </c>
      <c r="BE36" s="68">
        <v>3</v>
      </c>
      <c r="BF36" s="63">
        <v>0</v>
      </c>
      <c r="BG36" s="66">
        <v>0</v>
      </c>
      <c r="BH36" s="64">
        <v>0</v>
      </c>
      <c r="BI36" s="65">
        <v>0</v>
      </c>
      <c r="BJ36" s="66">
        <v>0</v>
      </c>
      <c r="BK36" s="66">
        <v>2</v>
      </c>
      <c r="BL36" s="66">
        <v>1</v>
      </c>
      <c r="BM36" s="66">
        <v>0</v>
      </c>
      <c r="BN36" s="66">
        <v>0</v>
      </c>
      <c r="BO36" s="64">
        <v>3</v>
      </c>
      <c r="BP36" s="68">
        <v>3</v>
      </c>
      <c r="BQ36" s="63">
        <v>0</v>
      </c>
      <c r="BR36" s="66">
        <v>0</v>
      </c>
      <c r="BS36" s="64">
        <v>0</v>
      </c>
      <c r="BT36" s="65">
        <v>0</v>
      </c>
      <c r="BU36" s="66">
        <v>0</v>
      </c>
      <c r="BV36" s="66">
        <v>0</v>
      </c>
      <c r="BW36" s="66">
        <v>0</v>
      </c>
      <c r="BX36" s="66">
        <v>0</v>
      </c>
      <c r="BY36" s="66">
        <v>0</v>
      </c>
      <c r="BZ36" s="64">
        <v>0</v>
      </c>
      <c r="CA36" s="68">
        <v>0</v>
      </c>
      <c r="CB36" s="63">
        <v>0</v>
      </c>
      <c r="CC36" s="66">
        <v>0</v>
      </c>
      <c r="CD36" s="64">
        <v>0</v>
      </c>
      <c r="CE36" s="65">
        <v>0</v>
      </c>
      <c r="CF36" s="66">
        <v>0</v>
      </c>
      <c r="CG36" s="66">
        <v>0</v>
      </c>
      <c r="CH36" s="66">
        <v>1</v>
      </c>
      <c r="CI36" s="66">
        <v>0</v>
      </c>
      <c r="CJ36" s="66">
        <v>0</v>
      </c>
      <c r="CK36" s="64">
        <v>1</v>
      </c>
      <c r="CL36" s="68">
        <v>1</v>
      </c>
      <c r="CM36" s="63">
        <v>0</v>
      </c>
      <c r="CN36" s="66">
        <v>0</v>
      </c>
      <c r="CO36" s="64">
        <v>0</v>
      </c>
      <c r="CP36" s="65">
        <v>0</v>
      </c>
      <c r="CQ36" s="66">
        <v>0</v>
      </c>
      <c r="CR36" s="66">
        <v>0</v>
      </c>
      <c r="CS36" s="66">
        <v>0</v>
      </c>
      <c r="CT36" s="66">
        <v>0</v>
      </c>
      <c r="CU36" s="66">
        <v>0</v>
      </c>
      <c r="CV36" s="64">
        <v>0</v>
      </c>
      <c r="CW36" s="68">
        <v>0</v>
      </c>
      <c r="CX36" s="63">
        <v>0</v>
      </c>
      <c r="CY36" s="66">
        <v>0</v>
      </c>
      <c r="CZ36" s="64">
        <v>0</v>
      </c>
      <c r="DA36" s="65">
        <v>0</v>
      </c>
      <c r="DB36" s="66">
        <v>0</v>
      </c>
      <c r="DC36" s="66">
        <v>0</v>
      </c>
      <c r="DD36" s="66">
        <v>0</v>
      </c>
      <c r="DE36" s="66">
        <v>0</v>
      </c>
      <c r="DF36" s="66">
        <v>0</v>
      </c>
      <c r="DG36" s="64">
        <v>0</v>
      </c>
      <c r="DH36" s="68">
        <v>0</v>
      </c>
      <c r="DI36" s="63">
        <v>0</v>
      </c>
      <c r="DJ36" s="66">
        <v>0</v>
      </c>
      <c r="DK36" s="64">
        <v>0</v>
      </c>
      <c r="DL36" s="65">
        <v>0</v>
      </c>
      <c r="DM36" s="66">
        <v>0</v>
      </c>
      <c r="DN36" s="66">
        <v>0</v>
      </c>
      <c r="DO36" s="66">
        <v>0</v>
      </c>
      <c r="DP36" s="66">
        <v>0</v>
      </c>
      <c r="DQ36" s="66">
        <v>0</v>
      </c>
      <c r="DR36" s="64">
        <v>0</v>
      </c>
      <c r="DS36" s="68">
        <v>0</v>
      </c>
      <c r="DT36" s="63">
        <v>0</v>
      </c>
      <c r="DU36" s="66">
        <v>1</v>
      </c>
      <c r="DV36" s="64">
        <v>1</v>
      </c>
      <c r="DW36" s="65">
        <v>0</v>
      </c>
      <c r="DX36" s="66">
        <v>1</v>
      </c>
      <c r="DY36" s="66">
        <v>2</v>
      </c>
      <c r="DZ36" s="66">
        <v>0</v>
      </c>
      <c r="EA36" s="66">
        <v>0</v>
      </c>
      <c r="EB36" s="66">
        <v>0</v>
      </c>
      <c r="EC36" s="64">
        <v>3</v>
      </c>
      <c r="ED36" s="68">
        <v>4</v>
      </c>
      <c r="EE36" s="63">
        <v>0</v>
      </c>
      <c r="EF36" s="66">
        <v>0</v>
      </c>
      <c r="EG36" s="64">
        <v>0</v>
      </c>
      <c r="EH36" s="65">
        <v>0</v>
      </c>
      <c r="EI36" s="66">
        <v>0</v>
      </c>
      <c r="EJ36" s="66">
        <v>0</v>
      </c>
      <c r="EK36" s="66">
        <v>2</v>
      </c>
      <c r="EL36" s="66">
        <v>0</v>
      </c>
      <c r="EM36" s="66">
        <v>0</v>
      </c>
      <c r="EN36" s="64">
        <v>2</v>
      </c>
      <c r="EO36" s="68">
        <v>2</v>
      </c>
      <c r="EP36" s="63">
        <v>0</v>
      </c>
      <c r="EQ36" s="66">
        <v>1</v>
      </c>
      <c r="ER36" s="64">
        <v>1</v>
      </c>
      <c r="ES36" s="65">
        <v>0</v>
      </c>
      <c r="ET36" s="66">
        <v>1</v>
      </c>
      <c r="EU36" s="66">
        <v>2</v>
      </c>
      <c r="EV36" s="66">
        <v>1</v>
      </c>
      <c r="EW36" s="66">
        <v>0</v>
      </c>
      <c r="EX36" s="66">
        <v>0</v>
      </c>
      <c r="EY36" s="64">
        <v>4</v>
      </c>
      <c r="EZ36" s="68">
        <v>5</v>
      </c>
    </row>
    <row r="37" spans="2:156" ht="21" customHeight="1" x14ac:dyDescent="0.2">
      <c r="B37" s="131" t="s">
        <v>35</v>
      </c>
      <c r="C37" s="63">
        <v>0</v>
      </c>
      <c r="D37" s="66">
        <v>0</v>
      </c>
      <c r="E37" s="111">
        <v>0</v>
      </c>
      <c r="F37" s="65">
        <v>0</v>
      </c>
      <c r="G37" s="66">
        <v>2</v>
      </c>
      <c r="H37" s="66">
        <v>3</v>
      </c>
      <c r="I37" s="66">
        <v>2</v>
      </c>
      <c r="J37" s="66">
        <v>0</v>
      </c>
      <c r="K37" s="66">
        <v>0</v>
      </c>
      <c r="L37" s="67">
        <v>7</v>
      </c>
      <c r="M37" s="68">
        <v>7</v>
      </c>
      <c r="N37" s="63">
        <v>0</v>
      </c>
      <c r="O37" s="66">
        <v>0</v>
      </c>
      <c r="P37" s="64">
        <v>0</v>
      </c>
      <c r="Q37" s="65">
        <v>0</v>
      </c>
      <c r="R37" s="66">
        <v>0</v>
      </c>
      <c r="S37" s="66">
        <v>0</v>
      </c>
      <c r="T37" s="66">
        <v>0</v>
      </c>
      <c r="U37" s="66">
        <v>0</v>
      </c>
      <c r="V37" s="66">
        <v>0</v>
      </c>
      <c r="W37" s="64">
        <v>0</v>
      </c>
      <c r="X37" s="68">
        <v>0</v>
      </c>
      <c r="Y37" s="63">
        <v>0</v>
      </c>
      <c r="Z37" s="66">
        <v>3</v>
      </c>
      <c r="AA37" s="64">
        <v>3</v>
      </c>
      <c r="AB37" s="65">
        <v>0</v>
      </c>
      <c r="AC37" s="66">
        <v>3</v>
      </c>
      <c r="AD37" s="66">
        <v>2</v>
      </c>
      <c r="AE37" s="66">
        <v>3</v>
      </c>
      <c r="AF37" s="66">
        <v>0</v>
      </c>
      <c r="AG37" s="66">
        <v>0</v>
      </c>
      <c r="AH37" s="64">
        <v>8</v>
      </c>
      <c r="AI37" s="68">
        <v>11</v>
      </c>
      <c r="AJ37" s="63">
        <v>1</v>
      </c>
      <c r="AK37" s="66">
        <v>1</v>
      </c>
      <c r="AL37" s="64">
        <v>2</v>
      </c>
      <c r="AM37" s="65">
        <v>0</v>
      </c>
      <c r="AN37" s="66">
        <v>1</v>
      </c>
      <c r="AO37" s="66">
        <v>0</v>
      </c>
      <c r="AP37" s="66">
        <v>0</v>
      </c>
      <c r="AQ37" s="66">
        <v>1</v>
      </c>
      <c r="AR37" s="66">
        <v>0</v>
      </c>
      <c r="AS37" s="64">
        <v>2</v>
      </c>
      <c r="AT37" s="68">
        <v>4</v>
      </c>
      <c r="AU37" s="63">
        <v>3</v>
      </c>
      <c r="AV37" s="66">
        <v>4</v>
      </c>
      <c r="AW37" s="64">
        <v>7</v>
      </c>
      <c r="AX37" s="65">
        <v>0</v>
      </c>
      <c r="AY37" s="66">
        <v>4</v>
      </c>
      <c r="AZ37" s="66">
        <v>2</v>
      </c>
      <c r="BA37" s="66">
        <v>6</v>
      </c>
      <c r="BB37" s="66">
        <v>2</v>
      </c>
      <c r="BC37" s="66">
        <v>1</v>
      </c>
      <c r="BD37" s="67">
        <v>15</v>
      </c>
      <c r="BE37" s="68">
        <v>22</v>
      </c>
      <c r="BF37" s="63">
        <v>0</v>
      </c>
      <c r="BG37" s="66">
        <v>0</v>
      </c>
      <c r="BH37" s="64">
        <v>0</v>
      </c>
      <c r="BI37" s="65">
        <v>0</v>
      </c>
      <c r="BJ37" s="66">
        <v>1</v>
      </c>
      <c r="BK37" s="66">
        <v>1</v>
      </c>
      <c r="BL37" s="66">
        <v>1</v>
      </c>
      <c r="BM37" s="66">
        <v>1</v>
      </c>
      <c r="BN37" s="66">
        <v>1</v>
      </c>
      <c r="BO37" s="64">
        <v>5</v>
      </c>
      <c r="BP37" s="68">
        <v>5</v>
      </c>
      <c r="BQ37" s="63">
        <v>0</v>
      </c>
      <c r="BR37" s="66">
        <v>3</v>
      </c>
      <c r="BS37" s="64">
        <v>3</v>
      </c>
      <c r="BT37" s="65">
        <v>0</v>
      </c>
      <c r="BU37" s="66">
        <v>3</v>
      </c>
      <c r="BV37" s="66">
        <v>2</v>
      </c>
      <c r="BW37" s="66">
        <v>2</v>
      </c>
      <c r="BX37" s="66">
        <v>0</v>
      </c>
      <c r="BY37" s="66">
        <v>0</v>
      </c>
      <c r="BZ37" s="64">
        <v>7</v>
      </c>
      <c r="CA37" s="68">
        <v>10</v>
      </c>
      <c r="CB37" s="63">
        <v>0</v>
      </c>
      <c r="CC37" s="66">
        <v>0</v>
      </c>
      <c r="CD37" s="64">
        <v>0</v>
      </c>
      <c r="CE37" s="65">
        <v>0</v>
      </c>
      <c r="CF37" s="66">
        <v>0</v>
      </c>
      <c r="CG37" s="66">
        <v>0</v>
      </c>
      <c r="CH37" s="66">
        <v>0</v>
      </c>
      <c r="CI37" s="66">
        <v>0</v>
      </c>
      <c r="CJ37" s="66">
        <v>1</v>
      </c>
      <c r="CK37" s="64">
        <v>1</v>
      </c>
      <c r="CL37" s="68">
        <v>1</v>
      </c>
      <c r="CM37" s="63">
        <v>0</v>
      </c>
      <c r="CN37" s="66">
        <v>0</v>
      </c>
      <c r="CO37" s="64">
        <v>0</v>
      </c>
      <c r="CP37" s="65">
        <v>0</v>
      </c>
      <c r="CQ37" s="66">
        <v>0</v>
      </c>
      <c r="CR37" s="66">
        <v>0</v>
      </c>
      <c r="CS37" s="66">
        <v>0</v>
      </c>
      <c r="CT37" s="66">
        <v>0</v>
      </c>
      <c r="CU37" s="66">
        <v>0</v>
      </c>
      <c r="CV37" s="64">
        <v>0</v>
      </c>
      <c r="CW37" s="68">
        <v>0</v>
      </c>
      <c r="CX37" s="63">
        <v>0</v>
      </c>
      <c r="CY37" s="66">
        <v>0</v>
      </c>
      <c r="CZ37" s="64">
        <v>0</v>
      </c>
      <c r="DA37" s="65">
        <v>0</v>
      </c>
      <c r="DB37" s="66">
        <v>0</v>
      </c>
      <c r="DC37" s="66">
        <v>0</v>
      </c>
      <c r="DD37" s="66">
        <v>0</v>
      </c>
      <c r="DE37" s="66">
        <v>0</v>
      </c>
      <c r="DF37" s="66">
        <v>0</v>
      </c>
      <c r="DG37" s="64">
        <v>0</v>
      </c>
      <c r="DH37" s="68">
        <v>0</v>
      </c>
      <c r="DI37" s="63">
        <v>0</v>
      </c>
      <c r="DJ37" s="66">
        <v>0</v>
      </c>
      <c r="DK37" s="64">
        <v>0</v>
      </c>
      <c r="DL37" s="65">
        <v>0</v>
      </c>
      <c r="DM37" s="66">
        <v>0</v>
      </c>
      <c r="DN37" s="66">
        <v>0</v>
      </c>
      <c r="DO37" s="66">
        <v>0</v>
      </c>
      <c r="DP37" s="66">
        <v>0</v>
      </c>
      <c r="DQ37" s="66">
        <v>0</v>
      </c>
      <c r="DR37" s="64">
        <v>0</v>
      </c>
      <c r="DS37" s="68">
        <v>0</v>
      </c>
      <c r="DT37" s="63">
        <v>3</v>
      </c>
      <c r="DU37" s="66">
        <v>7</v>
      </c>
      <c r="DV37" s="64">
        <v>10</v>
      </c>
      <c r="DW37" s="65">
        <v>0</v>
      </c>
      <c r="DX37" s="66">
        <v>5</v>
      </c>
      <c r="DY37" s="66">
        <v>6</v>
      </c>
      <c r="DZ37" s="66">
        <v>4</v>
      </c>
      <c r="EA37" s="66">
        <v>1</v>
      </c>
      <c r="EB37" s="66">
        <v>1</v>
      </c>
      <c r="EC37" s="64">
        <v>17</v>
      </c>
      <c r="ED37" s="68">
        <v>27</v>
      </c>
      <c r="EE37" s="63">
        <v>4</v>
      </c>
      <c r="EF37" s="66">
        <v>1</v>
      </c>
      <c r="EG37" s="64">
        <v>5</v>
      </c>
      <c r="EH37" s="65">
        <v>0</v>
      </c>
      <c r="EI37" s="66">
        <v>3</v>
      </c>
      <c r="EJ37" s="66">
        <v>0</v>
      </c>
      <c r="EK37" s="66">
        <v>4</v>
      </c>
      <c r="EL37" s="66">
        <v>2</v>
      </c>
      <c r="EM37" s="66">
        <v>0</v>
      </c>
      <c r="EN37" s="64">
        <v>9</v>
      </c>
      <c r="EO37" s="68">
        <v>14</v>
      </c>
      <c r="EP37" s="63">
        <v>4</v>
      </c>
      <c r="EQ37" s="66">
        <v>10</v>
      </c>
      <c r="ER37" s="64">
        <v>14</v>
      </c>
      <c r="ES37" s="65">
        <v>0</v>
      </c>
      <c r="ET37" s="66">
        <v>11</v>
      </c>
      <c r="EU37" s="66">
        <v>6</v>
      </c>
      <c r="EV37" s="66">
        <v>4</v>
      </c>
      <c r="EW37" s="66">
        <v>1</v>
      </c>
      <c r="EX37" s="66">
        <v>1</v>
      </c>
      <c r="EY37" s="64">
        <v>23</v>
      </c>
      <c r="EZ37" s="68">
        <v>37</v>
      </c>
    </row>
    <row r="38" spans="2:156" ht="21" customHeight="1" x14ac:dyDescent="0.2">
      <c r="B38" s="131" t="s">
        <v>36</v>
      </c>
      <c r="C38" s="63">
        <v>0</v>
      </c>
      <c r="D38" s="66">
        <v>0</v>
      </c>
      <c r="E38" s="111">
        <v>0</v>
      </c>
      <c r="F38" s="65">
        <v>0</v>
      </c>
      <c r="G38" s="66">
        <v>2</v>
      </c>
      <c r="H38" s="66">
        <v>2</v>
      </c>
      <c r="I38" s="66">
        <v>1</v>
      </c>
      <c r="J38" s="66">
        <v>0</v>
      </c>
      <c r="K38" s="66">
        <v>2</v>
      </c>
      <c r="L38" s="67">
        <v>7</v>
      </c>
      <c r="M38" s="68">
        <v>7</v>
      </c>
      <c r="N38" s="63">
        <v>0</v>
      </c>
      <c r="O38" s="66">
        <v>0</v>
      </c>
      <c r="P38" s="64">
        <v>0</v>
      </c>
      <c r="Q38" s="65">
        <v>0</v>
      </c>
      <c r="R38" s="66">
        <v>0</v>
      </c>
      <c r="S38" s="66">
        <v>0</v>
      </c>
      <c r="T38" s="66">
        <v>1</v>
      </c>
      <c r="U38" s="66">
        <v>0</v>
      </c>
      <c r="V38" s="66">
        <v>0</v>
      </c>
      <c r="W38" s="64">
        <v>1</v>
      </c>
      <c r="X38" s="68">
        <v>1</v>
      </c>
      <c r="Y38" s="63">
        <v>1</v>
      </c>
      <c r="Z38" s="66">
        <v>2</v>
      </c>
      <c r="AA38" s="64">
        <v>3</v>
      </c>
      <c r="AB38" s="65">
        <v>0</v>
      </c>
      <c r="AC38" s="66">
        <v>2</v>
      </c>
      <c r="AD38" s="66">
        <v>3</v>
      </c>
      <c r="AE38" s="66">
        <v>1</v>
      </c>
      <c r="AF38" s="66">
        <v>1</v>
      </c>
      <c r="AG38" s="66">
        <v>2</v>
      </c>
      <c r="AH38" s="64">
        <v>9</v>
      </c>
      <c r="AI38" s="68">
        <v>12</v>
      </c>
      <c r="AJ38" s="63">
        <v>0</v>
      </c>
      <c r="AK38" s="66">
        <v>0</v>
      </c>
      <c r="AL38" s="64">
        <v>0</v>
      </c>
      <c r="AM38" s="65">
        <v>0</v>
      </c>
      <c r="AN38" s="66">
        <v>1</v>
      </c>
      <c r="AO38" s="66">
        <v>0</v>
      </c>
      <c r="AP38" s="66">
        <v>0</v>
      </c>
      <c r="AQ38" s="66">
        <v>0</v>
      </c>
      <c r="AR38" s="66">
        <v>0</v>
      </c>
      <c r="AS38" s="64">
        <v>1</v>
      </c>
      <c r="AT38" s="68">
        <v>1</v>
      </c>
      <c r="AU38" s="63">
        <v>0</v>
      </c>
      <c r="AV38" s="66">
        <v>0</v>
      </c>
      <c r="AW38" s="64">
        <v>0</v>
      </c>
      <c r="AX38" s="65">
        <v>0</v>
      </c>
      <c r="AY38" s="66">
        <v>1</v>
      </c>
      <c r="AZ38" s="66">
        <v>3</v>
      </c>
      <c r="BA38" s="66">
        <v>2</v>
      </c>
      <c r="BB38" s="66">
        <v>3</v>
      </c>
      <c r="BC38" s="66">
        <v>3</v>
      </c>
      <c r="BD38" s="67">
        <v>12</v>
      </c>
      <c r="BE38" s="68">
        <v>12</v>
      </c>
      <c r="BF38" s="63">
        <v>0</v>
      </c>
      <c r="BG38" s="66">
        <v>0</v>
      </c>
      <c r="BH38" s="64">
        <v>0</v>
      </c>
      <c r="BI38" s="65">
        <v>0</v>
      </c>
      <c r="BJ38" s="66">
        <v>0</v>
      </c>
      <c r="BK38" s="66">
        <v>5</v>
      </c>
      <c r="BL38" s="66">
        <v>0</v>
      </c>
      <c r="BM38" s="66">
        <v>1</v>
      </c>
      <c r="BN38" s="66">
        <v>0</v>
      </c>
      <c r="BO38" s="64">
        <v>6</v>
      </c>
      <c r="BP38" s="68">
        <v>6</v>
      </c>
      <c r="BQ38" s="63">
        <v>0</v>
      </c>
      <c r="BR38" s="66">
        <v>0</v>
      </c>
      <c r="BS38" s="64">
        <v>0</v>
      </c>
      <c r="BT38" s="65">
        <v>0</v>
      </c>
      <c r="BU38" s="66">
        <v>0</v>
      </c>
      <c r="BV38" s="66">
        <v>0</v>
      </c>
      <c r="BW38" s="66">
        <v>0</v>
      </c>
      <c r="BX38" s="66">
        <v>0</v>
      </c>
      <c r="BY38" s="66">
        <v>0</v>
      </c>
      <c r="BZ38" s="64">
        <v>0</v>
      </c>
      <c r="CA38" s="68">
        <v>0</v>
      </c>
      <c r="CB38" s="63">
        <v>0</v>
      </c>
      <c r="CC38" s="66">
        <v>0</v>
      </c>
      <c r="CD38" s="64">
        <v>0</v>
      </c>
      <c r="CE38" s="65">
        <v>0</v>
      </c>
      <c r="CF38" s="66">
        <v>0</v>
      </c>
      <c r="CG38" s="66">
        <v>2</v>
      </c>
      <c r="CH38" s="66">
        <v>0</v>
      </c>
      <c r="CI38" s="66">
        <v>1</v>
      </c>
      <c r="CJ38" s="66">
        <v>0</v>
      </c>
      <c r="CK38" s="64">
        <v>3</v>
      </c>
      <c r="CL38" s="68">
        <v>3</v>
      </c>
      <c r="CM38" s="63">
        <v>0</v>
      </c>
      <c r="CN38" s="66">
        <v>0</v>
      </c>
      <c r="CO38" s="64">
        <v>0</v>
      </c>
      <c r="CP38" s="65">
        <v>0</v>
      </c>
      <c r="CQ38" s="66">
        <v>0</v>
      </c>
      <c r="CR38" s="66">
        <v>0</v>
      </c>
      <c r="CS38" s="66">
        <v>0</v>
      </c>
      <c r="CT38" s="66">
        <v>0</v>
      </c>
      <c r="CU38" s="66">
        <v>0</v>
      </c>
      <c r="CV38" s="64">
        <v>0</v>
      </c>
      <c r="CW38" s="68">
        <v>0</v>
      </c>
      <c r="CX38" s="63">
        <v>0</v>
      </c>
      <c r="CY38" s="66">
        <v>0</v>
      </c>
      <c r="CZ38" s="64">
        <v>0</v>
      </c>
      <c r="DA38" s="65">
        <v>0</v>
      </c>
      <c r="DB38" s="66">
        <v>0</v>
      </c>
      <c r="DC38" s="66">
        <v>0</v>
      </c>
      <c r="DD38" s="66">
        <v>0</v>
      </c>
      <c r="DE38" s="66">
        <v>0</v>
      </c>
      <c r="DF38" s="66">
        <v>0</v>
      </c>
      <c r="DG38" s="64">
        <v>0</v>
      </c>
      <c r="DH38" s="68">
        <v>0</v>
      </c>
      <c r="DI38" s="63">
        <v>0</v>
      </c>
      <c r="DJ38" s="66">
        <v>0</v>
      </c>
      <c r="DK38" s="64">
        <v>0</v>
      </c>
      <c r="DL38" s="65">
        <v>0</v>
      </c>
      <c r="DM38" s="66">
        <v>0</v>
      </c>
      <c r="DN38" s="66">
        <v>0</v>
      </c>
      <c r="DO38" s="66">
        <v>0</v>
      </c>
      <c r="DP38" s="66">
        <v>0</v>
      </c>
      <c r="DQ38" s="66">
        <v>0</v>
      </c>
      <c r="DR38" s="64">
        <v>0</v>
      </c>
      <c r="DS38" s="68">
        <v>0</v>
      </c>
      <c r="DT38" s="63">
        <v>0</v>
      </c>
      <c r="DU38" s="66">
        <v>3</v>
      </c>
      <c r="DV38" s="64">
        <v>3</v>
      </c>
      <c r="DW38" s="65">
        <v>0</v>
      </c>
      <c r="DX38" s="66">
        <v>3</v>
      </c>
      <c r="DY38" s="66">
        <v>12</v>
      </c>
      <c r="DZ38" s="66">
        <v>3</v>
      </c>
      <c r="EA38" s="66">
        <v>1</v>
      </c>
      <c r="EB38" s="66">
        <v>1</v>
      </c>
      <c r="EC38" s="64">
        <v>20</v>
      </c>
      <c r="ED38" s="68">
        <v>23</v>
      </c>
      <c r="EE38" s="63">
        <v>0</v>
      </c>
      <c r="EF38" s="66">
        <v>0</v>
      </c>
      <c r="EG38" s="64">
        <v>0</v>
      </c>
      <c r="EH38" s="65">
        <v>0</v>
      </c>
      <c r="EI38" s="66">
        <v>0</v>
      </c>
      <c r="EJ38" s="66">
        <v>2</v>
      </c>
      <c r="EK38" s="66">
        <v>2</v>
      </c>
      <c r="EL38" s="66">
        <v>2</v>
      </c>
      <c r="EM38" s="66">
        <v>0</v>
      </c>
      <c r="EN38" s="64">
        <v>6</v>
      </c>
      <c r="EO38" s="68">
        <v>6</v>
      </c>
      <c r="EP38" s="63">
        <v>1</v>
      </c>
      <c r="EQ38" s="66">
        <v>5</v>
      </c>
      <c r="ER38" s="64">
        <v>6</v>
      </c>
      <c r="ES38" s="65">
        <v>0</v>
      </c>
      <c r="ET38" s="66">
        <v>6</v>
      </c>
      <c r="EU38" s="66">
        <v>13</v>
      </c>
      <c r="EV38" s="66">
        <v>4</v>
      </c>
      <c r="EW38" s="66">
        <v>1</v>
      </c>
      <c r="EX38" s="66">
        <v>2</v>
      </c>
      <c r="EY38" s="64">
        <v>26</v>
      </c>
      <c r="EZ38" s="68">
        <v>32</v>
      </c>
    </row>
    <row r="39" spans="2:156" ht="21" customHeight="1" thickBot="1" x14ac:dyDescent="0.25">
      <c r="B39" s="132" t="s">
        <v>37</v>
      </c>
      <c r="C39" s="69">
        <v>0</v>
      </c>
      <c r="D39" s="72">
        <v>0</v>
      </c>
      <c r="E39" s="112">
        <v>0</v>
      </c>
      <c r="F39" s="71">
        <v>0</v>
      </c>
      <c r="G39" s="72">
        <v>0</v>
      </c>
      <c r="H39" s="72">
        <v>0</v>
      </c>
      <c r="I39" s="72">
        <v>0</v>
      </c>
      <c r="J39" s="72">
        <v>0</v>
      </c>
      <c r="K39" s="72">
        <v>1</v>
      </c>
      <c r="L39" s="73">
        <v>1</v>
      </c>
      <c r="M39" s="74">
        <v>1</v>
      </c>
      <c r="N39" s="69">
        <v>0</v>
      </c>
      <c r="O39" s="72">
        <v>0</v>
      </c>
      <c r="P39" s="70">
        <v>0</v>
      </c>
      <c r="Q39" s="71">
        <v>0</v>
      </c>
      <c r="R39" s="72">
        <v>0</v>
      </c>
      <c r="S39" s="72">
        <v>0</v>
      </c>
      <c r="T39" s="72">
        <v>0</v>
      </c>
      <c r="U39" s="72">
        <v>0</v>
      </c>
      <c r="V39" s="72">
        <v>0</v>
      </c>
      <c r="W39" s="70">
        <v>0</v>
      </c>
      <c r="X39" s="74">
        <v>0</v>
      </c>
      <c r="Y39" s="69">
        <v>0</v>
      </c>
      <c r="Z39" s="72">
        <v>0</v>
      </c>
      <c r="AA39" s="70">
        <v>0</v>
      </c>
      <c r="AB39" s="71">
        <v>0</v>
      </c>
      <c r="AC39" s="72">
        <v>0</v>
      </c>
      <c r="AD39" s="72">
        <v>0</v>
      </c>
      <c r="AE39" s="72">
        <v>0</v>
      </c>
      <c r="AF39" s="72">
        <v>1</v>
      </c>
      <c r="AG39" s="72">
        <v>1</v>
      </c>
      <c r="AH39" s="70">
        <v>2</v>
      </c>
      <c r="AI39" s="74">
        <v>2</v>
      </c>
      <c r="AJ39" s="69">
        <v>0</v>
      </c>
      <c r="AK39" s="72">
        <v>0</v>
      </c>
      <c r="AL39" s="70">
        <v>0</v>
      </c>
      <c r="AM39" s="71">
        <v>0</v>
      </c>
      <c r="AN39" s="72">
        <v>0</v>
      </c>
      <c r="AO39" s="72">
        <v>0</v>
      </c>
      <c r="AP39" s="72">
        <v>0</v>
      </c>
      <c r="AQ39" s="72">
        <v>0</v>
      </c>
      <c r="AR39" s="72">
        <v>0</v>
      </c>
      <c r="AS39" s="70">
        <v>0</v>
      </c>
      <c r="AT39" s="74">
        <v>0</v>
      </c>
      <c r="AU39" s="69">
        <v>0</v>
      </c>
      <c r="AV39" s="72">
        <v>0</v>
      </c>
      <c r="AW39" s="70">
        <v>0</v>
      </c>
      <c r="AX39" s="71">
        <v>0</v>
      </c>
      <c r="AY39" s="72">
        <v>0</v>
      </c>
      <c r="AZ39" s="72">
        <v>0</v>
      </c>
      <c r="BA39" s="72">
        <v>0</v>
      </c>
      <c r="BB39" s="72">
        <v>0</v>
      </c>
      <c r="BC39" s="72">
        <v>1</v>
      </c>
      <c r="BD39" s="73">
        <v>1</v>
      </c>
      <c r="BE39" s="74">
        <v>1</v>
      </c>
      <c r="BF39" s="69">
        <v>0</v>
      </c>
      <c r="BG39" s="72">
        <v>0</v>
      </c>
      <c r="BH39" s="70">
        <v>0</v>
      </c>
      <c r="BI39" s="71">
        <v>0</v>
      </c>
      <c r="BJ39" s="72">
        <v>0</v>
      </c>
      <c r="BK39" s="72">
        <v>0</v>
      </c>
      <c r="BL39" s="72">
        <v>0</v>
      </c>
      <c r="BM39" s="72">
        <v>1</v>
      </c>
      <c r="BN39" s="72">
        <v>0</v>
      </c>
      <c r="BO39" s="70">
        <v>1</v>
      </c>
      <c r="BP39" s="74">
        <v>1</v>
      </c>
      <c r="BQ39" s="69">
        <v>0</v>
      </c>
      <c r="BR39" s="72">
        <v>0</v>
      </c>
      <c r="BS39" s="70">
        <v>0</v>
      </c>
      <c r="BT39" s="71">
        <v>0</v>
      </c>
      <c r="BU39" s="72">
        <v>0</v>
      </c>
      <c r="BV39" s="72">
        <v>0</v>
      </c>
      <c r="BW39" s="72">
        <v>0</v>
      </c>
      <c r="BX39" s="72">
        <v>0</v>
      </c>
      <c r="BY39" s="72">
        <v>0</v>
      </c>
      <c r="BZ39" s="70">
        <v>0</v>
      </c>
      <c r="CA39" s="74">
        <v>0</v>
      </c>
      <c r="CB39" s="69">
        <v>0</v>
      </c>
      <c r="CC39" s="72">
        <v>0</v>
      </c>
      <c r="CD39" s="70">
        <v>0</v>
      </c>
      <c r="CE39" s="71">
        <v>0</v>
      </c>
      <c r="CF39" s="72">
        <v>0</v>
      </c>
      <c r="CG39" s="72">
        <v>0</v>
      </c>
      <c r="CH39" s="72">
        <v>0</v>
      </c>
      <c r="CI39" s="72">
        <v>0</v>
      </c>
      <c r="CJ39" s="72">
        <v>0</v>
      </c>
      <c r="CK39" s="70">
        <v>0</v>
      </c>
      <c r="CL39" s="74">
        <v>0</v>
      </c>
      <c r="CM39" s="69">
        <v>0</v>
      </c>
      <c r="CN39" s="72">
        <v>0</v>
      </c>
      <c r="CO39" s="70">
        <v>0</v>
      </c>
      <c r="CP39" s="71">
        <v>0</v>
      </c>
      <c r="CQ39" s="72">
        <v>0</v>
      </c>
      <c r="CR39" s="72">
        <v>0</v>
      </c>
      <c r="CS39" s="72">
        <v>0</v>
      </c>
      <c r="CT39" s="72">
        <v>0</v>
      </c>
      <c r="CU39" s="72">
        <v>1</v>
      </c>
      <c r="CV39" s="70">
        <v>1</v>
      </c>
      <c r="CW39" s="74">
        <v>1</v>
      </c>
      <c r="CX39" s="69">
        <v>0</v>
      </c>
      <c r="CY39" s="72">
        <v>0</v>
      </c>
      <c r="CZ39" s="70">
        <v>0</v>
      </c>
      <c r="DA39" s="71">
        <v>0</v>
      </c>
      <c r="DB39" s="72">
        <v>0</v>
      </c>
      <c r="DC39" s="72">
        <v>0</v>
      </c>
      <c r="DD39" s="72">
        <v>0</v>
      </c>
      <c r="DE39" s="72">
        <v>0</v>
      </c>
      <c r="DF39" s="72">
        <v>0</v>
      </c>
      <c r="DG39" s="70">
        <v>0</v>
      </c>
      <c r="DH39" s="74">
        <v>0</v>
      </c>
      <c r="DI39" s="69">
        <v>0</v>
      </c>
      <c r="DJ39" s="72">
        <v>0</v>
      </c>
      <c r="DK39" s="70">
        <v>0</v>
      </c>
      <c r="DL39" s="71">
        <v>0</v>
      </c>
      <c r="DM39" s="72">
        <v>0</v>
      </c>
      <c r="DN39" s="72">
        <v>0</v>
      </c>
      <c r="DO39" s="72">
        <v>0</v>
      </c>
      <c r="DP39" s="72">
        <v>0</v>
      </c>
      <c r="DQ39" s="72">
        <v>0</v>
      </c>
      <c r="DR39" s="70">
        <v>0</v>
      </c>
      <c r="DS39" s="74">
        <v>0</v>
      </c>
      <c r="DT39" s="69">
        <v>0</v>
      </c>
      <c r="DU39" s="72">
        <v>0</v>
      </c>
      <c r="DV39" s="70">
        <v>0</v>
      </c>
      <c r="DW39" s="71">
        <v>0</v>
      </c>
      <c r="DX39" s="72">
        <v>0</v>
      </c>
      <c r="DY39" s="72">
        <v>0</v>
      </c>
      <c r="DZ39" s="72">
        <v>0</v>
      </c>
      <c r="EA39" s="72">
        <v>1</v>
      </c>
      <c r="EB39" s="72">
        <v>1</v>
      </c>
      <c r="EC39" s="70">
        <v>2</v>
      </c>
      <c r="ED39" s="74">
        <v>2</v>
      </c>
      <c r="EE39" s="69">
        <v>0</v>
      </c>
      <c r="EF39" s="72">
        <v>0</v>
      </c>
      <c r="EG39" s="70">
        <v>0</v>
      </c>
      <c r="EH39" s="71">
        <v>0</v>
      </c>
      <c r="EI39" s="72">
        <v>0</v>
      </c>
      <c r="EJ39" s="72">
        <v>0</v>
      </c>
      <c r="EK39" s="72">
        <v>0</v>
      </c>
      <c r="EL39" s="72">
        <v>0</v>
      </c>
      <c r="EM39" s="72">
        <v>0</v>
      </c>
      <c r="EN39" s="70">
        <v>0</v>
      </c>
      <c r="EO39" s="74">
        <v>0</v>
      </c>
      <c r="EP39" s="69">
        <v>0</v>
      </c>
      <c r="EQ39" s="72">
        <v>0</v>
      </c>
      <c r="ER39" s="70">
        <v>0</v>
      </c>
      <c r="ES39" s="71">
        <v>0</v>
      </c>
      <c r="ET39" s="72">
        <v>0</v>
      </c>
      <c r="EU39" s="72">
        <v>0</v>
      </c>
      <c r="EV39" s="72">
        <v>0</v>
      </c>
      <c r="EW39" s="72">
        <v>1</v>
      </c>
      <c r="EX39" s="72">
        <v>1</v>
      </c>
      <c r="EY39" s="70">
        <v>2</v>
      </c>
      <c r="EZ39" s="74">
        <v>2</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6" customWidth="1"/>
    <col min="2" max="2" width="9.77734375" style="50" customWidth="1"/>
    <col min="3" max="5" width="9" style="50"/>
    <col min="6" max="6" width="7.77734375" style="50" customWidth="1"/>
    <col min="7" max="7" width="9" style="50"/>
    <col min="8" max="8" width="10.6640625" style="50" customWidth="1"/>
    <col min="9" max="16" width="9" style="50"/>
    <col min="17" max="17" width="7.77734375" style="50" customWidth="1"/>
    <col min="18" max="27" width="9" style="50"/>
    <col min="28" max="28" width="6.88671875" style="50" customWidth="1"/>
    <col min="29" max="38" width="9" style="50"/>
    <col min="39" max="39" width="7.21875" style="50" customWidth="1"/>
    <col min="40" max="49" width="9" style="50"/>
    <col min="50" max="50" width="7.44140625" style="50" customWidth="1"/>
    <col min="51" max="60" width="9" style="50"/>
    <col min="61" max="61" width="7.6640625" style="50" customWidth="1"/>
    <col min="62" max="71" width="9" style="50"/>
    <col min="72" max="72" width="7.88671875" style="50" customWidth="1"/>
    <col min="73" max="82" width="9" style="50"/>
    <col min="83" max="83" width="7" style="50" customWidth="1"/>
    <col min="84" max="93" width="9" style="50"/>
    <col min="94" max="94" width="7.6640625" style="50" customWidth="1"/>
    <col min="95" max="16384" width="9" style="50"/>
  </cols>
  <sheetData>
    <row r="1" spans="2:112" ht="24" customHeight="1" x14ac:dyDescent="0.2">
      <c r="B1" s="75" t="s">
        <v>121</v>
      </c>
      <c r="J1" s="464">
        <f>第１表!F2</f>
        <v>6</v>
      </c>
      <c r="K1" s="464"/>
      <c r="L1" s="43">
        <f>第１表!G2</f>
        <v>4</v>
      </c>
      <c r="M1" s="468">
        <f>IF(L1&lt;3,L1+12-2,L1-2)</f>
        <v>2</v>
      </c>
      <c r="N1" s="468"/>
    </row>
    <row r="2" spans="2:112" ht="24" customHeight="1" thickBot="1" x14ac:dyDescent="0.25">
      <c r="B2" s="75" t="s">
        <v>136</v>
      </c>
    </row>
    <row r="3" spans="2:112" ht="21" customHeight="1" thickBot="1" x14ac:dyDescent="0.25">
      <c r="B3" s="488"/>
      <c r="C3" s="491" t="s">
        <v>111</v>
      </c>
      <c r="D3" s="491"/>
      <c r="E3" s="491"/>
      <c r="F3" s="491"/>
      <c r="G3" s="491"/>
      <c r="H3" s="491"/>
      <c r="I3" s="491"/>
      <c r="J3" s="491"/>
      <c r="K3" s="491"/>
      <c r="L3" s="491"/>
      <c r="M3" s="492"/>
      <c r="N3" s="486" t="s">
        <v>110</v>
      </c>
      <c r="O3" s="486"/>
      <c r="P3" s="486"/>
      <c r="Q3" s="486"/>
      <c r="R3" s="486"/>
      <c r="S3" s="486"/>
      <c r="T3" s="486"/>
      <c r="U3" s="486"/>
      <c r="V3" s="486"/>
      <c r="W3" s="486"/>
      <c r="X3" s="487"/>
      <c r="Y3" s="485" t="s">
        <v>109</v>
      </c>
      <c r="Z3" s="486"/>
      <c r="AA3" s="486"/>
      <c r="AB3" s="486"/>
      <c r="AC3" s="486"/>
      <c r="AD3" s="486"/>
      <c r="AE3" s="486"/>
      <c r="AF3" s="486"/>
      <c r="AG3" s="486"/>
      <c r="AH3" s="486"/>
      <c r="AI3" s="487"/>
      <c r="AJ3" s="485" t="s">
        <v>108</v>
      </c>
      <c r="AK3" s="486"/>
      <c r="AL3" s="486"/>
      <c r="AM3" s="486"/>
      <c r="AN3" s="486"/>
      <c r="AO3" s="486"/>
      <c r="AP3" s="486"/>
      <c r="AQ3" s="486"/>
      <c r="AR3" s="486"/>
      <c r="AS3" s="486"/>
      <c r="AT3" s="487"/>
      <c r="AU3" s="485" t="s">
        <v>107</v>
      </c>
      <c r="AV3" s="486"/>
      <c r="AW3" s="486"/>
      <c r="AX3" s="486"/>
      <c r="AY3" s="486"/>
      <c r="AZ3" s="486"/>
      <c r="BA3" s="486"/>
      <c r="BB3" s="486"/>
      <c r="BC3" s="486"/>
      <c r="BD3" s="486"/>
      <c r="BE3" s="487"/>
      <c r="BF3" s="485" t="s">
        <v>106</v>
      </c>
      <c r="BG3" s="486"/>
      <c r="BH3" s="486"/>
      <c r="BI3" s="486"/>
      <c r="BJ3" s="486"/>
      <c r="BK3" s="486"/>
      <c r="BL3" s="486"/>
      <c r="BM3" s="486"/>
      <c r="BN3" s="486"/>
      <c r="BO3" s="486"/>
      <c r="BP3" s="487"/>
      <c r="BQ3" s="485" t="s">
        <v>105</v>
      </c>
      <c r="BR3" s="486"/>
      <c r="BS3" s="486"/>
      <c r="BT3" s="486"/>
      <c r="BU3" s="486"/>
      <c r="BV3" s="486"/>
      <c r="BW3" s="486"/>
      <c r="BX3" s="486"/>
      <c r="BY3" s="486"/>
      <c r="BZ3" s="486"/>
      <c r="CA3" s="487"/>
      <c r="CB3" s="485" t="s">
        <v>125</v>
      </c>
      <c r="CC3" s="486"/>
      <c r="CD3" s="486"/>
      <c r="CE3" s="486"/>
      <c r="CF3" s="486"/>
      <c r="CG3" s="486"/>
      <c r="CH3" s="486"/>
      <c r="CI3" s="486"/>
      <c r="CJ3" s="486"/>
      <c r="CK3" s="486"/>
      <c r="CL3" s="487"/>
      <c r="CM3" s="485" t="s">
        <v>104</v>
      </c>
      <c r="CN3" s="486"/>
      <c r="CO3" s="486"/>
      <c r="CP3" s="486"/>
      <c r="CQ3" s="486"/>
      <c r="CR3" s="486"/>
      <c r="CS3" s="486"/>
      <c r="CT3" s="486"/>
      <c r="CU3" s="486"/>
      <c r="CV3" s="486"/>
      <c r="CW3" s="487"/>
      <c r="CX3" s="485" t="s">
        <v>157</v>
      </c>
      <c r="CY3" s="486"/>
      <c r="CZ3" s="486"/>
      <c r="DA3" s="486"/>
      <c r="DB3" s="486"/>
      <c r="DC3" s="486"/>
      <c r="DD3" s="486"/>
      <c r="DE3" s="486"/>
      <c r="DF3" s="486"/>
      <c r="DG3" s="486"/>
      <c r="DH3" s="487"/>
    </row>
    <row r="4" spans="2:112" ht="21" customHeight="1" x14ac:dyDescent="0.2">
      <c r="B4" s="489"/>
      <c r="C4" s="493" t="s">
        <v>61</v>
      </c>
      <c r="D4" s="476"/>
      <c r="E4" s="477"/>
      <c r="F4" s="475" t="s">
        <v>62</v>
      </c>
      <c r="G4" s="476"/>
      <c r="H4" s="476"/>
      <c r="I4" s="476"/>
      <c r="J4" s="476"/>
      <c r="K4" s="476"/>
      <c r="L4" s="484"/>
      <c r="M4" s="478" t="s">
        <v>52</v>
      </c>
      <c r="N4" s="493" t="s">
        <v>61</v>
      </c>
      <c r="O4" s="476"/>
      <c r="P4" s="477"/>
      <c r="Q4" s="475" t="s">
        <v>62</v>
      </c>
      <c r="R4" s="476"/>
      <c r="S4" s="476"/>
      <c r="T4" s="476"/>
      <c r="U4" s="476"/>
      <c r="V4" s="476"/>
      <c r="W4" s="477"/>
      <c r="X4" s="478" t="s">
        <v>52</v>
      </c>
      <c r="Y4" s="480" t="s">
        <v>61</v>
      </c>
      <c r="Z4" s="476"/>
      <c r="AA4" s="484"/>
      <c r="AB4" s="475" t="s">
        <v>62</v>
      </c>
      <c r="AC4" s="476"/>
      <c r="AD4" s="476"/>
      <c r="AE4" s="476"/>
      <c r="AF4" s="476"/>
      <c r="AG4" s="476"/>
      <c r="AH4" s="477"/>
      <c r="AI4" s="478" t="s">
        <v>52</v>
      </c>
      <c r="AJ4" s="480" t="s">
        <v>61</v>
      </c>
      <c r="AK4" s="476"/>
      <c r="AL4" s="477"/>
      <c r="AM4" s="475" t="s">
        <v>62</v>
      </c>
      <c r="AN4" s="476"/>
      <c r="AO4" s="476"/>
      <c r="AP4" s="476"/>
      <c r="AQ4" s="476"/>
      <c r="AR4" s="476"/>
      <c r="AS4" s="477"/>
      <c r="AT4" s="478" t="s">
        <v>52</v>
      </c>
      <c r="AU4" s="480" t="s">
        <v>61</v>
      </c>
      <c r="AV4" s="476"/>
      <c r="AW4" s="484"/>
      <c r="AX4" s="475" t="s">
        <v>62</v>
      </c>
      <c r="AY4" s="476"/>
      <c r="AZ4" s="476"/>
      <c r="BA4" s="476"/>
      <c r="BB4" s="476"/>
      <c r="BC4" s="476"/>
      <c r="BD4" s="484"/>
      <c r="BE4" s="478" t="s">
        <v>52</v>
      </c>
      <c r="BF4" s="480" t="s">
        <v>61</v>
      </c>
      <c r="BG4" s="476"/>
      <c r="BH4" s="477"/>
      <c r="BI4" s="475" t="s">
        <v>62</v>
      </c>
      <c r="BJ4" s="476"/>
      <c r="BK4" s="476"/>
      <c r="BL4" s="476"/>
      <c r="BM4" s="476"/>
      <c r="BN4" s="476"/>
      <c r="BO4" s="477"/>
      <c r="BP4" s="478" t="s">
        <v>52</v>
      </c>
      <c r="BQ4" s="480" t="s">
        <v>61</v>
      </c>
      <c r="BR4" s="476"/>
      <c r="BS4" s="477"/>
      <c r="BT4" s="475" t="s">
        <v>62</v>
      </c>
      <c r="BU4" s="476"/>
      <c r="BV4" s="476"/>
      <c r="BW4" s="476"/>
      <c r="BX4" s="476"/>
      <c r="BY4" s="476"/>
      <c r="BZ4" s="477"/>
      <c r="CA4" s="478" t="s">
        <v>52</v>
      </c>
      <c r="CB4" s="480" t="s">
        <v>61</v>
      </c>
      <c r="CC4" s="476"/>
      <c r="CD4" s="477"/>
      <c r="CE4" s="475" t="s">
        <v>62</v>
      </c>
      <c r="CF4" s="476"/>
      <c r="CG4" s="476"/>
      <c r="CH4" s="476"/>
      <c r="CI4" s="476"/>
      <c r="CJ4" s="476"/>
      <c r="CK4" s="477"/>
      <c r="CL4" s="478" t="s">
        <v>52</v>
      </c>
      <c r="CM4" s="480" t="s">
        <v>61</v>
      </c>
      <c r="CN4" s="476"/>
      <c r="CO4" s="477"/>
      <c r="CP4" s="475" t="s">
        <v>62</v>
      </c>
      <c r="CQ4" s="476"/>
      <c r="CR4" s="476"/>
      <c r="CS4" s="476"/>
      <c r="CT4" s="476"/>
      <c r="CU4" s="476"/>
      <c r="CV4" s="477"/>
      <c r="CW4" s="478" t="s">
        <v>52</v>
      </c>
      <c r="CX4" s="480" t="s">
        <v>61</v>
      </c>
      <c r="CY4" s="476"/>
      <c r="CZ4" s="477"/>
      <c r="DA4" s="475" t="s">
        <v>62</v>
      </c>
      <c r="DB4" s="476"/>
      <c r="DC4" s="476"/>
      <c r="DD4" s="476"/>
      <c r="DE4" s="476"/>
      <c r="DF4" s="476"/>
      <c r="DG4" s="477"/>
      <c r="DH4" s="478" t="s">
        <v>52</v>
      </c>
    </row>
    <row r="5" spans="2:112" ht="30" customHeight="1" thickBot="1" x14ac:dyDescent="0.25">
      <c r="B5" s="490"/>
      <c r="C5" s="53" t="s">
        <v>43</v>
      </c>
      <c r="D5" s="51" t="s">
        <v>44</v>
      </c>
      <c r="E5" s="109" t="s">
        <v>45</v>
      </c>
      <c r="F5" s="55" t="s">
        <v>83</v>
      </c>
      <c r="G5" s="51" t="s">
        <v>47</v>
      </c>
      <c r="H5" s="51" t="s">
        <v>48</v>
      </c>
      <c r="I5" s="51" t="s">
        <v>49</v>
      </c>
      <c r="J5" s="51" t="s">
        <v>50</v>
      </c>
      <c r="K5" s="51" t="s">
        <v>51</v>
      </c>
      <c r="L5" s="56" t="s">
        <v>45</v>
      </c>
      <c r="M5" s="479"/>
      <c r="N5" s="53" t="s">
        <v>43</v>
      </c>
      <c r="O5" s="51" t="s">
        <v>44</v>
      </c>
      <c r="P5" s="54" t="s">
        <v>45</v>
      </c>
      <c r="Q5" s="55" t="s">
        <v>83</v>
      </c>
      <c r="R5" s="51" t="s">
        <v>47</v>
      </c>
      <c r="S5" s="51" t="s">
        <v>48</v>
      </c>
      <c r="T5" s="51" t="s">
        <v>49</v>
      </c>
      <c r="U5" s="51" t="s">
        <v>50</v>
      </c>
      <c r="V5" s="51" t="s">
        <v>51</v>
      </c>
      <c r="W5" s="54" t="s">
        <v>45</v>
      </c>
      <c r="X5" s="479"/>
      <c r="Y5" s="91" t="s">
        <v>43</v>
      </c>
      <c r="Z5" s="51" t="s">
        <v>44</v>
      </c>
      <c r="AA5" s="56" t="s">
        <v>45</v>
      </c>
      <c r="AB5" s="55" t="s">
        <v>83</v>
      </c>
      <c r="AC5" s="51" t="s">
        <v>47</v>
      </c>
      <c r="AD5" s="51" t="s">
        <v>48</v>
      </c>
      <c r="AE5" s="51" t="s">
        <v>49</v>
      </c>
      <c r="AF5" s="51" t="s">
        <v>50</v>
      </c>
      <c r="AG5" s="51" t="s">
        <v>51</v>
      </c>
      <c r="AH5" s="54" t="s">
        <v>45</v>
      </c>
      <c r="AI5" s="479"/>
      <c r="AJ5" s="52" t="s">
        <v>43</v>
      </c>
      <c r="AK5" s="51" t="s">
        <v>44</v>
      </c>
      <c r="AL5" s="54" t="s">
        <v>45</v>
      </c>
      <c r="AM5" s="55" t="s">
        <v>83</v>
      </c>
      <c r="AN5" s="51" t="s">
        <v>47</v>
      </c>
      <c r="AO5" s="51" t="s">
        <v>48</v>
      </c>
      <c r="AP5" s="51" t="s">
        <v>49</v>
      </c>
      <c r="AQ5" s="51" t="s">
        <v>50</v>
      </c>
      <c r="AR5" s="51" t="s">
        <v>51</v>
      </c>
      <c r="AS5" s="54" t="s">
        <v>45</v>
      </c>
      <c r="AT5" s="479"/>
      <c r="AU5" s="91" t="s">
        <v>43</v>
      </c>
      <c r="AV5" s="51" t="s">
        <v>44</v>
      </c>
      <c r="AW5" s="56" t="s">
        <v>45</v>
      </c>
      <c r="AX5" s="55" t="s">
        <v>83</v>
      </c>
      <c r="AY5" s="51" t="s">
        <v>47</v>
      </c>
      <c r="AZ5" s="51" t="s">
        <v>48</v>
      </c>
      <c r="BA5" s="51" t="s">
        <v>49</v>
      </c>
      <c r="BB5" s="51" t="s">
        <v>50</v>
      </c>
      <c r="BC5" s="51" t="s">
        <v>51</v>
      </c>
      <c r="BD5" s="56" t="s">
        <v>45</v>
      </c>
      <c r="BE5" s="479"/>
      <c r="BF5" s="91" t="s">
        <v>43</v>
      </c>
      <c r="BG5" s="51" t="s">
        <v>44</v>
      </c>
      <c r="BH5" s="54" t="s">
        <v>45</v>
      </c>
      <c r="BI5" s="55" t="s">
        <v>83</v>
      </c>
      <c r="BJ5" s="51" t="s">
        <v>47</v>
      </c>
      <c r="BK5" s="51" t="s">
        <v>48</v>
      </c>
      <c r="BL5" s="51" t="s">
        <v>49</v>
      </c>
      <c r="BM5" s="51" t="s">
        <v>50</v>
      </c>
      <c r="BN5" s="51" t="s">
        <v>51</v>
      </c>
      <c r="BO5" s="54" t="s">
        <v>45</v>
      </c>
      <c r="BP5" s="479"/>
      <c r="BQ5" s="91" t="s">
        <v>43</v>
      </c>
      <c r="BR5" s="51" t="s">
        <v>44</v>
      </c>
      <c r="BS5" s="54" t="s">
        <v>45</v>
      </c>
      <c r="BT5" s="55" t="s">
        <v>83</v>
      </c>
      <c r="BU5" s="51" t="s">
        <v>47</v>
      </c>
      <c r="BV5" s="51" t="s">
        <v>48</v>
      </c>
      <c r="BW5" s="51" t="s">
        <v>49</v>
      </c>
      <c r="BX5" s="51" t="s">
        <v>50</v>
      </c>
      <c r="BY5" s="51" t="s">
        <v>51</v>
      </c>
      <c r="BZ5" s="54" t="s">
        <v>45</v>
      </c>
      <c r="CA5" s="479"/>
      <c r="CB5" s="91" t="s">
        <v>43</v>
      </c>
      <c r="CC5" s="51" t="s">
        <v>44</v>
      </c>
      <c r="CD5" s="54" t="s">
        <v>45</v>
      </c>
      <c r="CE5" s="55" t="s">
        <v>83</v>
      </c>
      <c r="CF5" s="51" t="s">
        <v>47</v>
      </c>
      <c r="CG5" s="51" t="s">
        <v>48</v>
      </c>
      <c r="CH5" s="51" t="s">
        <v>49</v>
      </c>
      <c r="CI5" s="51" t="s">
        <v>50</v>
      </c>
      <c r="CJ5" s="51" t="s">
        <v>51</v>
      </c>
      <c r="CK5" s="54" t="s">
        <v>45</v>
      </c>
      <c r="CL5" s="479"/>
      <c r="CM5" s="91" t="s">
        <v>43</v>
      </c>
      <c r="CN5" s="51" t="s">
        <v>44</v>
      </c>
      <c r="CO5" s="54" t="s">
        <v>45</v>
      </c>
      <c r="CP5" s="55" t="s">
        <v>83</v>
      </c>
      <c r="CQ5" s="51" t="s">
        <v>47</v>
      </c>
      <c r="CR5" s="51" t="s">
        <v>48</v>
      </c>
      <c r="CS5" s="51" t="s">
        <v>49</v>
      </c>
      <c r="CT5" s="51" t="s">
        <v>50</v>
      </c>
      <c r="CU5" s="51" t="s">
        <v>51</v>
      </c>
      <c r="CV5" s="54" t="s">
        <v>45</v>
      </c>
      <c r="CW5" s="479"/>
      <c r="CX5" s="100" t="s">
        <v>43</v>
      </c>
      <c r="CY5" s="51" t="s">
        <v>44</v>
      </c>
      <c r="CZ5" s="54" t="s">
        <v>45</v>
      </c>
      <c r="DA5" s="55" t="s">
        <v>83</v>
      </c>
      <c r="DB5" s="51" t="s">
        <v>47</v>
      </c>
      <c r="DC5" s="51" t="s">
        <v>48</v>
      </c>
      <c r="DD5" s="51" t="s">
        <v>49</v>
      </c>
      <c r="DE5" s="51" t="s">
        <v>50</v>
      </c>
      <c r="DF5" s="51" t="s">
        <v>51</v>
      </c>
      <c r="DG5" s="54" t="s">
        <v>45</v>
      </c>
      <c r="DH5" s="479"/>
    </row>
    <row r="6" spans="2:112" ht="21" customHeight="1" x14ac:dyDescent="0.2">
      <c r="B6" s="129" t="s">
        <v>4</v>
      </c>
      <c r="C6" s="57">
        <v>0</v>
      </c>
      <c r="D6" s="60">
        <v>0</v>
      </c>
      <c r="E6" s="110">
        <v>0</v>
      </c>
      <c r="F6" s="59">
        <v>0</v>
      </c>
      <c r="G6" s="60">
        <v>204612</v>
      </c>
      <c r="H6" s="60">
        <v>340923</v>
      </c>
      <c r="I6" s="60">
        <v>356768</v>
      </c>
      <c r="J6" s="60">
        <v>431419</v>
      </c>
      <c r="K6" s="60">
        <v>415010</v>
      </c>
      <c r="L6" s="61">
        <v>1748732</v>
      </c>
      <c r="M6" s="62">
        <v>1748732</v>
      </c>
      <c r="N6" s="57">
        <v>6</v>
      </c>
      <c r="O6" s="60">
        <v>84</v>
      </c>
      <c r="P6" s="58">
        <v>90</v>
      </c>
      <c r="Q6" s="59">
        <v>0</v>
      </c>
      <c r="R6" s="60">
        <v>435</v>
      </c>
      <c r="S6" s="60">
        <v>1669</v>
      </c>
      <c r="T6" s="60">
        <v>3473</v>
      </c>
      <c r="U6" s="60">
        <v>9032</v>
      </c>
      <c r="V6" s="60">
        <v>17388</v>
      </c>
      <c r="W6" s="58">
        <v>31997</v>
      </c>
      <c r="X6" s="62">
        <v>32087</v>
      </c>
      <c r="Y6" s="57">
        <v>13437</v>
      </c>
      <c r="Z6" s="60">
        <v>45473</v>
      </c>
      <c r="AA6" s="58">
        <v>58910</v>
      </c>
      <c r="AB6" s="59">
        <v>0</v>
      </c>
      <c r="AC6" s="60">
        <v>106746</v>
      </c>
      <c r="AD6" s="60">
        <v>177939</v>
      </c>
      <c r="AE6" s="60">
        <v>107613</v>
      </c>
      <c r="AF6" s="60">
        <v>90384</v>
      </c>
      <c r="AG6" s="60">
        <v>73736</v>
      </c>
      <c r="AH6" s="58">
        <v>556418</v>
      </c>
      <c r="AI6" s="62">
        <v>615328</v>
      </c>
      <c r="AJ6" s="57">
        <v>2365</v>
      </c>
      <c r="AK6" s="60">
        <v>9342</v>
      </c>
      <c r="AL6" s="58">
        <v>11707</v>
      </c>
      <c r="AM6" s="59">
        <v>0</v>
      </c>
      <c r="AN6" s="60">
        <v>13154</v>
      </c>
      <c r="AO6" s="60">
        <v>22067</v>
      </c>
      <c r="AP6" s="60">
        <v>13314</v>
      </c>
      <c r="AQ6" s="60">
        <v>11206</v>
      </c>
      <c r="AR6" s="60">
        <v>6974</v>
      </c>
      <c r="AS6" s="58">
        <v>66715</v>
      </c>
      <c r="AT6" s="62">
        <v>78422</v>
      </c>
      <c r="AU6" s="57">
        <v>0</v>
      </c>
      <c r="AV6" s="60">
        <v>0</v>
      </c>
      <c r="AW6" s="58">
        <v>0</v>
      </c>
      <c r="AX6" s="59">
        <v>0</v>
      </c>
      <c r="AY6" s="60">
        <v>178351</v>
      </c>
      <c r="AZ6" s="60">
        <v>189260</v>
      </c>
      <c r="BA6" s="60">
        <v>112830</v>
      </c>
      <c r="BB6" s="60">
        <v>63344</v>
      </c>
      <c r="BC6" s="60">
        <v>30319</v>
      </c>
      <c r="BD6" s="61">
        <v>574104</v>
      </c>
      <c r="BE6" s="62">
        <v>574104</v>
      </c>
      <c r="BF6" s="57">
        <v>0</v>
      </c>
      <c r="BG6" s="60">
        <v>0</v>
      </c>
      <c r="BH6" s="58">
        <v>0</v>
      </c>
      <c r="BI6" s="59">
        <v>0</v>
      </c>
      <c r="BJ6" s="60">
        <v>29688</v>
      </c>
      <c r="BK6" s="60">
        <v>44960</v>
      </c>
      <c r="BL6" s="60">
        <v>26843</v>
      </c>
      <c r="BM6" s="60">
        <v>16267</v>
      </c>
      <c r="BN6" s="60">
        <v>5801</v>
      </c>
      <c r="BO6" s="58">
        <v>123559</v>
      </c>
      <c r="BP6" s="62">
        <v>123559</v>
      </c>
      <c r="BQ6" s="57">
        <v>237</v>
      </c>
      <c r="BR6" s="60">
        <v>1140</v>
      </c>
      <c r="BS6" s="58">
        <v>1377</v>
      </c>
      <c r="BT6" s="59">
        <v>0</v>
      </c>
      <c r="BU6" s="60">
        <v>15540</v>
      </c>
      <c r="BV6" s="60">
        <v>29026</v>
      </c>
      <c r="BW6" s="60">
        <v>50737</v>
      </c>
      <c r="BX6" s="60">
        <v>39146</v>
      </c>
      <c r="BY6" s="60">
        <v>19838</v>
      </c>
      <c r="BZ6" s="58">
        <v>154287</v>
      </c>
      <c r="CA6" s="62">
        <v>155664</v>
      </c>
      <c r="CB6" s="57">
        <v>9</v>
      </c>
      <c r="CC6" s="60">
        <v>83</v>
      </c>
      <c r="CD6" s="58">
        <v>92</v>
      </c>
      <c r="CE6" s="59">
        <v>0</v>
      </c>
      <c r="CF6" s="60">
        <v>1179</v>
      </c>
      <c r="CG6" s="60">
        <v>2845</v>
      </c>
      <c r="CH6" s="60">
        <v>3875</v>
      </c>
      <c r="CI6" s="60">
        <v>4108</v>
      </c>
      <c r="CJ6" s="60">
        <v>2256</v>
      </c>
      <c r="CK6" s="58">
        <v>14263</v>
      </c>
      <c r="CL6" s="62">
        <v>14355</v>
      </c>
      <c r="CM6" s="57">
        <v>0</v>
      </c>
      <c r="CN6" s="60">
        <v>0</v>
      </c>
      <c r="CO6" s="58">
        <v>0</v>
      </c>
      <c r="CP6" s="59">
        <v>0</v>
      </c>
      <c r="CQ6" s="60">
        <v>0</v>
      </c>
      <c r="CR6" s="60">
        <v>0</v>
      </c>
      <c r="CS6" s="60">
        <v>0</v>
      </c>
      <c r="CT6" s="60">
        <v>0</v>
      </c>
      <c r="CU6" s="60">
        <v>0</v>
      </c>
      <c r="CV6" s="58">
        <v>0</v>
      </c>
      <c r="CW6" s="62">
        <v>0</v>
      </c>
      <c r="CX6" s="57">
        <v>0</v>
      </c>
      <c r="CY6" s="60">
        <v>0</v>
      </c>
      <c r="CZ6" s="58">
        <v>0</v>
      </c>
      <c r="DA6" s="59">
        <v>0</v>
      </c>
      <c r="DB6" s="60">
        <v>0</v>
      </c>
      <c r="DC6" s="60">
        <v>0</v>
      </c>
      <c r="DD6" s="60">
        <v>0</v>
      </c>
      <c r="DE6" s="60">
        <v>0</v>
      </c>
      <c r="DF6" s="60">
        <v>0</v>
      </c>
      <c r="DG6" s="58">
        <v>0</v>
      </c>
      <c r="DH6" s="62">
        <v>0</v>
      </c>
    </row>
    <row r="7" spans="2:112" ht="21" customHeight="1" x14ac:dyDescent="0.2">
      <c r="B7" s="130" t="s">
        <v>5</v>
      </c>
      <c r="C7" s="63">
        <v>0</v>
      </c>
      <c r="D7" s="66">
        <v>0</v>
      </c>
      <c r="E7" s="111">
        <v>0</v>
      </c>
      <c r="F7" s="65">
        <v>0</v>
      </c>
      <c r="G7" s="66">
        <v>66346</v>
      </c>
      <c r="H7" s="66">
        <v>145144</v>
      </c>
      <c r="I7" s="66">
        <v>129258</v>
      </c>
      <c r="J7" s="66">
        <v>149696</v>
      </c>
      <c r="K7" s="66">
        <v>150036</v>
      </c>
      <c r="L7" s="67">
        <v>640480</v>
      </c>
      <c r="M7" s="68">
        <v>640480</v>
      </c>
      <c r="N7" s="63">
        <v>4</v>
      </c>
      <c r="O7" s="66">
        <v>40</v>
      </c>
      <c r="P7" s="64">
        <v>44</v>
      </c>
      <c r="Q7" s="65">
        <v>0</v>
      </c>
      <c r="R7" s="66">
        <v>106</v>
      </c>
      <c r="S7" s="66">
        <v>562</v>
      </c>
      <c r="T7" s="66">
        <v>1382</v>
      </c>
      <c r="U7" s="66">
        <v>3565</v>
      </c>
      <c r="V7" s="66">
        <v>7735</v>
      </c>
      <c r="W7" s="64">
        <v>13350</v>
      </c>
      <c r="X7" s="68">
        <v>13394</v>
      </c>
      <c r="Y7" s="63">
        <v>5699</v>
      </c>
      <c r="Z7" s="66">
        <v>23667</v>
      </c>
      <c r="AA7" s="64">
        <v>29366</v>
      </c>
      <c r="AB7" s="65">
        <v>0</v>
      </c>
      <c r="AC7" s="66">
        <v>36996</v>
      </c>
      <c r="AD7" s="66">
        <v>92871</v>
      </c>
      <c r="AE7" s="66">
        <v>54596</v>
      </c>
      <c r="AF7" s="66">
        <v>42711</v>
      </c>
      <c r="AG7" s="66">
        <v>33720</v>
      </c>
      <c r="AH7" s="64">
        <v>260894</v>
      </c>
      <c r="AI7" s="68">
        <v>290260</v>
      </c>
      <c r="AJ7" s="63">
        <v>837</v>
      </c>
      <c r="AK7" s="66">
        <v>4705</v>
      </c>
      <c r="AL7" s="64">
        <v>5542</v>
      </c>
      <c r="AM7" s="65">
        <v>0</v>
      </c>
      <c r="AN7" s="66">
        <v>3260</v>
      </c>
      <c r="AO7" s="66">
        <v>8870</v>
      </c>
      <c r="AP7" s="66">
        <v>5921</v>
      </c>
      <c r="AQ7" s="66">
        <v>4590</v>
      </c>
      <c r="AR7" s="66">
        <v>2692</v>
      </c>
      <c r="AS7" s="64">
        <v>25333</v>
      </c>
      <c r="AT7" s="68">
        <v>30875</v>
      </c>
      <c r="AU7" s="63">
        <v>0</v>
      </c>
      <c r="AV7" s="66">
        <v>0</v>
      </c>
      <c r="AW7" s="64">
        <v>0</v>
      </c>
      <c r="AX7" s="65">
        <v>0</v>
      </c>
      <c r="AY7" s="66">
        <v>54161</v>
      </c>
      <c r="AZ7" s="66">
        <v>74851</v>
      </c>
      <c r="BA7" s="66">
        <v>39046</v>
      </c>
      <c r="BB7" s="66">
        <v>20998</v>
      </c>
      <c r="BC7" s="66">
        <v>10190</v>
      </c>
      <c r="BD7" s="67">
        <v>199246</v>
      </c>
      <c r="BE7" s="68">
        <v>199246</v>
      </c>
      <c r="BF7" s="63">
        <v>0</v>
      </c>
      <c r="BG7" s="66">
        <v>0</v>
      </c>
      <c r="BH7" s="64">
        <v>0</v>
      </c>
      <c r="BI7" s="65">
        <v>0</v>
      </c>
      <c r="BJ7" s="66">
        <v>8298</v>
      </c>
      <c r="BK7" s="66">
        <v>19720</v>
      </c>
      <c r="BL7" s="66">
        <v>11731</v>
      </c>
      <c r="BM7" s="66">
        <v>7150</v>
      </c>
      <c r="BN7" s="66">
        <v>2429</v>
      </c>
      <c r="BO7" s="64">
        <v>49328</v>
      </c>
      <c r="BP7" s="68">
        <v>49328</v>
      </c>
      <c r="BQ7" s="63">
        <v>48</v>
      </c>
      <c r="BR7" s="66">
        <v>507</v>
      </c>
      <c r="BS7" s="64">
        <v>555</v>
      </c>
      <c r="BT7" s="65">
        <v>0</v>
      </c>
      <c r="BU7" s="66">
        <v>4656</v>
      </c>
      <c r="BV7" s="66">
        <v>10956</v>
      </c>
      <c r="BW7" s="66">
        <v>19480</v>
      </c>
      <c r="BX7" s="66">
        <v>13300</v>
      </c>
      <c r="BY7" s="66">
        <v>7735</v>
      </c>
      <c r="BZ7" s="64">
        <v>56127</v>
      </c>
      <c r="CA7" s="68">
        <v>56682</v>
      </c>
      <c r="CB7" s="63">
        <v>7</v>
      </c>
      <c r="CC7" s="66">
        <v>35</v>
      </c>
      <c r="CD7" s="64">
        <v>42</v>
      </c>
      <c r="CE7" s="65">
        <v>0</v>
      </c>
      <c r="CF7" s="66">
        <v>481</v>
      </c>
      <c r="CG7" s="66">
        <v>1599</v>
      </c>
      <c r="CH7" s="66">
        <v>2201</v>
      </c>
      <c r="CI7" s="66">
        <v>2494</v>
      </c>
      <c r="CJ7" s="66">
        <v>1352</v>
      </c>
      <c r="CK7" s="64">
        <v>8127</v>
      </c>
      <c r="CL7" s="68">
        <v>8169</v>
      </c>
      <c r="CM7" s="63">
        <v>0</v>
      </c>
      <c r="CN7" s="66">
        <v>0</v>
      </c>
      <c r="CO7" s="64">
        <v>0</v>
      </c>
      <c r="CP7" s="65">
        <v>0</v>
      </c>
      <c r="CQ7" s="66">
        <v>0</v>
      </c>
      <c r="CR7" s="66">
        <v>0</v>
      </c>
      <c r="CS7" s="66">
        <v>0</v>
      </c>
      <c r="CT7" s="66">
        <v>0</v>
      </c>
      <c r="CU7" s="66">
        <v>0</v>
      </c>
      <c r="CV7" s="64">
        <v>0</v>
      </c>
      <c r="CW7" s="68">
        <v>0</v>
      </c>
      <c r="CX7" s="63">
        <v>0</v>
      </c>
      <c r="CY7" s="66">
        <v>0</v>
      </c>
      <c r="CZ7" s="64">
        <v>0</v>
      </c>
      <c r="DA7" s="65">
        <v>0</v>
      </c>
      <c r="DB7" s="66">
        <v>0</v>
      </c>
      <c r="DC7" s="66">
        <v>0</v>
      </c>
      <c r="DD7" s="66">
        <v>0</v>
      </c>
      <c r="DE7" s="66">
        <v>0</v>
      </c>
      <c r="DF7" s="66">
        <v>0</v>
      </c>
      <c r="DG7" s="64">
        <v>0</v>
      </c>
      <c r="DH7" s="68">
        <v>0</v>
      </c>
    </row>
    <row r="8" spans="2:112" ht="21" customHeight="1" x14ac:dyDescent="0.2">
      <c r="B8" s="131" t="s">
        <v>6</v>
      </c>
      <c r="C8" s="63">
        <v>0</v>
      </c>
      <c r="D8" s="66">
        <v>0</v>
      </c>
      <c r="E8" s="111">
        <v>0</v>
      </c>
      <c r="F8" s="65">
        <v>0</v>
      </c>
      <c r="G8" s="66">
        <v>36709</v>
      </c>
      <c r="H8" s="66">
        <v>49054</v>
      </c>
      <c r="I8" s="66">
        <v>53088</v>
      </c>
      <c r="J8" s="66">
        <v>68645</v>
      </c>
      <c r="K8" s="66">
        <v>68088</v>
      </c>
      <c r="L8" s="67">
        <v>275584</v>
      </c>
      <c r="M8" s="68">
        <v>275584</v>
      </c>
      <c r="N8" s="63">
        <v>2</v>
      </c>
      <c r="O8" s="66">
        <v>8</v>
      </c>
      <c r="P8" s="64">
        <v>10</v>
      </c>
      <c r="Q8" s="65">
        <v>0</v>
      </c>
      <c r="R8" s="66">
        <v>77</v>
      </c>
      <c r="S8" s="66">
        <v>218</v>
      </c>
      <c r="T8" s="66">
        <v>454</v>
      </c>
      <c r="U8" s="66">
        <v>1146</v>
      </c>
      <c r="V8" s="66">
        <v>2480</v>
      </c>
      <c r="W8" s="64">
        <v>4375</v>
      </c>
      <c r="X8" s="68">
        <v>4385</v>
      </c>
      <c r="Y8" s="63">
        <v>2405</v>
      </c>
      <c r="Z8" s="66">
        <v>6880</v>
      </c>
      <c r="AA8" s="64">
        <v>9285</v>
      </c>
      <c r="AB8" s="65">
        <v>0</v>
      </c>
      <c r="AC8" s="66">
        <v>24154</v>
      </c>
      <c r="AD8" s="66">
        <v>27274</v>
      </c>
      <c r="AE8" s="66">
        <v>15962</v>
      </c>
      <c r="AF8" s="66">
        <v>13664</v>
      </c>
      <c r="AG8" s="66">
        <v>11629</v>
      </c>
      <c r="AH8" s="64">
        <v>92683</v>
      </c>
      <c r="AI8" s="68">
        <v>101968</v>
      </c>
      <c r="AJ8" s="63">
        <v>208</v>
      </c>
      <c r="AK8" s="66">
        <v>759</v>
      </c>
      <c r="AL8" s="64">
        <v>967</v>
      </c>
      <c r="AM8" s="65">
        <v>0</v>
      </c>
      <c r="AN8" s="66">
        <v>2301</v>
      </c>
      <c r="AO8" s="66">
        <v>2402</v>
      </c>
      <c r="AP8" s="66">
        <v>1225</v>
      </c>
      <c r="AQ8" s="66">
        <v>1441</v>
      </c>
      <c r="AR8" s="66">
        <v>913</v>
      </c>
      <c r="AS8" s="64">
        <v>8282</v>
      </c>
      <c r="AT8" s="68">
        <v>9249</v>
      </c>
      <c r="AU8" s="63">
        <v>0</v>
      </c>
      <c r="AV8" s="66">
        <v>0</v>
      </c>
      <c r="AW8" s="64">
        <v>0</v>
      </c>
      <c r="AX8" s="65">
        <v>0</v>
      </c>
      <c r="AY8" s="66">
        <v>29668</v>
      </c>
      <c r="AZ8" s="66">
        <v>26875</v>
      </c>
      <c r="BA8" s="66">
        <v>16202</v>
      </c>
      <c r="BB8" s="66">
        <v>9837</v>
      </c>
      <c r="BC8" s="66">
        <v>4566</v>
      </c>
      <c r="BD8" s="67">
        <v>87148</v>
      </c>
      <c r="BE8" s="68">
        <v>87148</v>
      </c>
      <c r="BF8" s="63">
        <v>0</v>
      </c>
      <c r="BG8" s="66">
        <v>0</v>
      </c>
      <c r="BH8" s="64">
        <v>0</v>
      </c>
      <c r="BI8" s="65">
        <v>0</v>
      </c>
      <c r="BJ8" s="66">
        <v>4392</v>
      </c>
      <c r="BK8" s="66">
        <v>5063</v>
      </c>
      <c r="BL8" s="66">
        <v>3341</v>
      </c>
      <c r="BM8" s="66">
        <v>2084</v>
      </c>
      <c r="BN8" s="66">
        <v>825</v>
      </c>
      <c r="BO8" s="64">
        <v>15705</v>
      </c>
      <c r="BP8" s="68">
        <v>15705</v>
      </c>
      <c r="BQ8" s="63">
        <v>13</v>
      </c>
      <c r="BR8" s="66">
        <v>111</v>
      </c>
      <c r="BS8" s="64">
        <v>124</v>
      </c>
      <c r="BT8" s="65">
        <v>0</v>
      </c>
      <c r="BU8" s="66">
        <v>1516</v>
      </c>
      <c r="BV8" s="66">
        <v>3354</v>
      </c>
      <c r="BW8" s="66">
        <v>5228</v>
      </c>
      <c r="BX8" s="66">
        <v>4494</v>
      </c>
      <c r="BY8" s="66">
        <v>2577</v>
      </c>
      <c r="BZ8" s="64">
        <v>17169</v>
      </c>
      <c r="CA8" s="68">
        <v>17293</v>
      </c>
      <c r="CB8" s="63">
        <v>0</v>
      </c>
      <c r="CC8" s="66">
        <v>0</v>
      </c>
      <c r="CD8" s="64">
        <v>0</v>
      </c>
      <c r="CE8" s="65">
        <v>0</v>
      </c>
      <c r="CF8" s="66">
        <v>144</v>
      </c>
      <c r="CG8" s="66">
        <v>266</v>
      </c>
      <c r="CH8" s="66">
        <v>442</v>
      </c>
      <c r="CI8" s="66">
        <v>405</v>
      </c>
      <c r="CJ8" s="66">
        <v>333</v>
      </c>
      <c r="CK8" s="64">
        <v>1590</v>
      </c>
      <c r="CL8" s="68">
        <v>1590</v>
      </c>
      <c r="CM8" s="63">
        <v>0</v>
      </c>
      <c r="CN8" s="66">
        <v>0</v>
      </c>
      <c r="CO8" s="64">
        <v>0</v>
      </c>
      <c r="CP8" s="65">
        <v>0</v>
      </c>
      <c r="CQ8" s="66">
        <v>0</v>
      </c>
      <c r="CR8" s="66">
        <v>0</v>
      </c>
      <c r="CS8" s="66">
        <v>0</v>
      </c>
      <c r="CT8" s="66">
        <v>0</v>
      </c>
      <c r="CU8" s="66">
        <v>0</v>
      </c>
      <c r="CV8" s="64">
        <v>0</v>
      </c>
      <c r="CW8" s="68">
        <v>0</v>
      </c>
      <c r="CX8" s="63">
        <v>0</v>
      </c>
      <c r="CY8" s="66">
        <v>0</v>
      </c>
      <c r="CZ8" s="64">
        <v>0</v>
      </c>
      <c r="DA8" s="65">
        <v>0</v>
      </c>
      <c r="DB8" s="66">
        <v>0</v>
      </c>
      <c r="DC8" s="66">
        <v>0</v>
      </c>
      <c r="DD8" s="66">
        <v>0</v>
      </c>
      <c r="DE8" s="66">
        <v>0</v>
      </c>
      <c r="DF8" s="66">
        <v>0</v>
      </c>
      <c r="DG8" s="64">
        <v>0</v>
      </c>
      <c r="DH8" s="68">
        <v>0</v>
      </c>
    </row>
    <row r="9" spans="2:112" ht="21" customHeight="1" x14ac:dyDescent="0.2">
      <c r="B9" s="131" t="s">
        <v>14</v>
      </c>
      <c r="C9" s="63">
        <v>0</v>
      </c>
      <c r="D9" s="66">
        <v>0</v>
      </c>
      <c r="E9" s="111">
        <v>0</v>
      </c>
      <c r="F9" s="65">
        <v>0</v>
      </c>
      <c r="G9" s="66">
        <v>13192</v>
      </c>
      <c r="H9" s="66">
        <v>26547</v>
      </c>
      <c r="I9" s="66">
        <v>29845</v>
      </c>
      <c r="J9" s="66">
        <v>35807</v>
      </c>
      <c r="K9" s="66">
        <v>29634</v>
      </c>
      <c r="L9" s="67">
        <v>135025</v>
      </c>
      <c r="M9" s="68">
        <v>135025</v>
      </c>
      <c r="N9" s="63">
        <v>0</v>
      </c>
      <c r="O9" s="66">
        <v>10</v>
      </c>
      <c r="P9" s="64">
        <v>10</v>
      </c>
      <c r="Q9" s="65">
        <v>0</v>
      </c>
      <c r="R9" s="66">
        <v>7</v>
      </c>
      <c r="S9" s="66">
        <v>88</v>
      </c>
      <c r="T9" s="66">
        <v>218</v>
      </c>
      <c r="U9" s="66">
        <v>699</v>
      </c>
      <c r="V9" s="66">
        <v>1006</v>
      </c>
      <c r="W9" s="64">
        <v>2018</v>
      </c>
      <c r="X9" s="68">
        <v>2028</v>
      </c>
      <c r="Y9" s="63">
        <v>638</v>
      </c>
      <c r="Z9" s="66">
        <v>3096</v>
      </c>
      <c r="AA9" s="64">
        <v>3734</v>
      </c>
      <c r="AB9" s="65">
        <v>0</v>
      </c>
      <c r="AC9" s="66">
        <v>5693</v>
      </c>
      <c r="AD9" s="66">
        <v>11844</v>
      </c>
      <c r="AE9" s="66">
        <v>8546</v>
      </c>
      <c r="AF9" s="66">
        <v>6801</v>
      </c>
      <c r="AG9" s="66">
        <v>5042</v>
      </c>
      <c r="AH9" s="64">
        <v>37926</v>
      </c>
      <c r="AI9" s="68">
        <v>41660</v>
      </c>
      <c r="AJ9" s="63">
        <v>43</v>
      </c>
      <c r="AK9" s="66">
        <v>396</v>
      </c>
      <c r="AL9" s="64">
        <v>439</v>
      </c>
      <c r="AM9" s="65">
        <v>0</v>
      </c>
      <c r="AN9" s="66">
        <v>288</v>
      </c>
      <c r="AO9" s="66">
        <v>1088</v>
      </c>
      <c r="AP9" s="66">
        <v>577</v>
      </c>
      <c r="AQ9" s="66">
        <v>454</v>
      </c>
      <c r="AR9" s="66">
        <v>216</v>
      </c>
      <c r="AS9" s="64">
        <v>2623</v>
      </c>
      <c r="AT9" s="68">
        <v>3062</v>
      </c>
      <c r="AU9" s="63">
        <v>0</v>
      </c>
      <c r="AV9" s="66">
        <v>0</v>
      </c>
      <c r="AW9" s="64">
        <v>0</v>
      </c>
      <c r="AX9" s="65">
        <v>0</v>
      </c>
      <c r="AY9" s="66">
        <v>13660</v>
      </c>
      <c r="AZ9" s="66">
        <v>17090</v>
      </c>
      <c r="BA9" s="66">
        <v>11898</v>
      </c>
      <c r="BB9" s="66">
        <v>6165</v>
      </c>
      <c r="BC9" s="66">
        <v>3006</v>
      </c>
      <c r="BD9" s="67">
        <v>51819</v>
      </c>
      <c r="BE9" s="68">
        <v>51819</v>
      </c>
      <c r="BF9" s="63">
        <v>0</v>
      </c>
      <c r="BG9" s="66">
        <v>0</v>
      </c>
      <c r="BH9" s="64">
        <v>0</v>
      </c>
      <c r="BI9" s="65">
        <v>0</v>
      </c>
      <c r="BJ9" s="66">
        <v>954</v>
      </c>
      <c r="BK9" s="66">
        <v>2748</v>
      </c>
      <c r="BL9" s="66">
        <v>1724</v>
      </c>
      <c r="BM9" s="66">
        <v>981</v>
      </c>
      <c r="BN9" s="66">
        <v>342</v>
      </c>
      <c r="BO9" s="64">
        <v>6749</v>
      </c>
      <c r="BP9" s="68">
        <v>6749</v>
      </c>
      <c r="BQ9" s="63">
        <v>43</v>
      </c>
      <c r="BR9" s="66">
        <v>31</v>
      </c>
      <c r="BS9" s="64">
        <v>74</v>
      </c>
      <c r="BT9" s="65">
        <v>0</v>
      </c>
      <c r="BU9" s="66">
        <v>838</v>
      </c>
      <c r="BV9" s="66">
        <v>2529</v>
      </c>
      <c r="BW9" s="66">
        <v>4543</v>
      </c>
      <c r="BX9" s="66">
        <v>4655</v>
      </c>
      <c r="BY9" s="66">
        <v>1693</v>
      </c>
      <c r="BZ9" s="64">
        <v>14258</v>
      </c>
      <c r="CA9" s="68">
        <v>14332</v>
      </c>
      <c r="CB9" s="63">
        <v>0</v>
      </c>
      <c r="CC9" s="66">
        <v>0</v>
      </c>
      <c r="CD9" s="64">
        <v>0</v>
      </c>
      <c r="CE9" s="65">
        <v>0</v>
      </c>
      <c r="CF9" s="66">
        <v>58</v>
      </c>
      <c r="CG9" s="66">
        <v>65</v>
      </c>
      <c r="CH9" s="66">
        <v>11</v>
      </c>
      <c r="CI9" s="66">
        <v>101</v>
      </c>
      <c r="CJ9" s="66">
        <v>49</v>
      </c>
      <c r="CK9" s="64">
        <v>284</v>
      </c>
      <c r="CL9" s="68">
        <v>284</v>
      </c>
      <c r="CM9" s="63">
        <v>0</v>
      </c>
      <c r="CN9" s="66">
        <v>0</v>
      </c>
      <c r="CO9" s="64">
        <v>0</v>
      </c>
      <c r="CP9" s="65">
        <v>0</v>
      </c>
      <c r="CQ9" s="66">
        <v>0</v>
      </c>
      <c r="CR9" s="66">
        <v>0</v>
      </c>
      <c r="CS9" s="66">
        <v>0</v>
      </c>
      <c r="CT9" s="66">
        <v>0</v>
      </c>
      <c r="CU9" s="66">
        <v>0</v>
      </c>
      <c r="CV9" s="64">
        <v>0</v>
      </c>
      <c r="CW9" s="68">
        <v>0</v>
      </c>
      <c r="CX9" s="63">
        <v>0</v>
      </c>
      <c r="CY9" s="66">
        <v>0</v>
      </c>
      <c r="CZ9" s="64">
        <v>0</v>
      </c>
      <c r="DA9" s="65">
        <v>0</v>
      </c>
      <c r="DB9" s="66">
        <v>0</v>
      </c>
      <c r="DC9" s="66">
        <v>0</v>
      </c>
      <c r="DD9" s="66">
        <v>0</v>
      </c>
      <c r="DE9" s="66">
        <v>0</v>
      </c>
      <c r="DF9" s="66">
        <v>0</v>
      </c>
      <c r="DG9" s="64">
        <v>0</v>
      </c>
      <c r="DH9" s="68">
        <v>0</v>
      </c>
    </row>
    <row r="10" spans="2:112" ht="21" customHeight="1" x14ac:dyDescent="0.2">
      <c r="B10" s="131" t="s">
        <v>7</v>
      </c>
      <c r="C10" s="63">
        <v>0</v>
      </c>
      <c r="D10" s="66">
        <v>0</v>
      </c>
      <c r="E10" s="111">
        <v>0</v>
      </c>
      <c r="F10" s="65">
        <v>0</v>
      </c>
      <c r="G10" s="66">
        <v>16268</v>
      </c>
      <c r="H10" s="66">
        <v>18129</v>
      </c>
      <c r="I10" s="66">
        <v>18539</v>
      </c>
      <c r="J10" s="66">
        <v>26891</v>
      </c>
      <c r="K10" s="66">
        <v>20511</v>
      </c>
      <c r="L10" s="67">
        <v>100338</v>
      </c>
      <c r="M10" s="68">
        <v>100338</v>
      </c>
      <c r="N10" s="63">
        <v>0</v>
      </c>
      <c r="O10" s="66">
        <v>0</v>
      </c>
      <c r="P10" s="64">
        <v>0</v>
      </c>
      <c r="Q10" s="65">
        <v>0</v>
      </c>
      <c r="R10" s="66">
        <v>28</v>
      </c>
      <c r="S10" s="66">
        <v>142</v>
      </c>
      <c r="T10" s="66">
        <v>228</v>
      </c>
      <c r="U10" s="66">
        <v>548</v>
      </c>
      <c r="V10" s="66">
        <v>978</v>
      </c>
      <c r="W10" s="64">
        <v>1924</v>
      </c>
      <c r="X10" s="68">
        <v>1924</v>
      </c>
      <c r="Y10" s="63">
        <v>116</v>
      </c>
      <c r="Z10" s="66">
        <v>246</v>
      </c>
      <c r="AA10" s="64">
        <v>362</v>
      </c>
      <c r="AB10" s="65">
        <v>0</v>
      </c>
      <c r="AC10" s="66">
        <v>4228</v>
      </c>
      <c r="AD10" s="66">
        <v>4574</v>
      </c>
      <c r="AE10" s="66">
        <v>2557</v>
      </c>
      <c r="AF10" s="66">
        <v>2789</v>
      </c>
      <c r="AG10" s="66">
        <v>2941</v>
      </c>
      <c r="AH10" s="64">
        <v>17089</v>
      </c>
      <c r="AI10" s="68">
        <v>17451</v>
      </c>
      <c r="AJ10" s="63">
        <v>49</v>
      </c>
      <c r="AK10" s="66">
        <v>83</v>
      </c>
      <c r="AL10" s="64">
        <v>132</v>
      </c>
      <c r="AM10" s="65">
        <v>0</v>
      </c>
      <c r="AN10" s="66">
        <v>834</v>
      </c>
      <c r="AO10" s="66">
        <v>959</v>
      </c>
      <c r="AP10" s="66">
        <v>521</v>
      </c>
      <c r="AQ10" s="66">
        <v>614</v>
      </c>
      <c r="AR10" s="66">
        <v>330</v>
      </c>
      <c r="AS10" s="64">
        <v>3258</v>
      </c>
      <c r="AT10" s="68">
        <v>3390</v>
      </c>
      <c r="AU10" s="63">
        <v>0</v>
      </c>
      <c r="AV10" s="66">
        <v>0</v>
      </c>
      <c r="AW10" s="64">
        <v>0</v>
      </c>
      <c r="AX10" s="65">
        <v>0</v>
      </c>
      <c r="AY10" s="66">
        <v>13343</v>
      </c>
      <c r="AZ10" s="66">
        <v>8535</v>
      </c>
      <c r="BA10" s="66">
        <v>4681</v>
      </c>
      <c r="BB10" s="66">
        <v>2554</v>
      </c>
      <c r="BC10" s="66">
        <v>1175</v>
      </c>
      <c r="BD10" s="67">
        <v>30288</v>
      </c>
      <c r="BE10" s="68">
        <v>30288</v>
      </c>
      <c r="BF10" s="63">
        <v>0</v>
      </c>
      <c r="BG10" s="66">
        <v>0</v>
      </c>
      <c r="BH10" s="64">
        <v>0</v>
      </c>
      <c r="BI10" s="65">
        <v>0</v>
      </c>
      <c r="BJ10" s="66">
        <v>1833</v>
      </c>
      <c r="BK10" s="66">
        <v>1518</v>
      </c>
      <c r="BL10" s="66">
        <v>965</v>
      </c>
      <c r="BM10" s="66">
        <v>428</v>
      </c>
      <c r="BN10" s="66">
        <v>156</v>
      </c>
      <c r="BO10" s="64">
        <v>4900</v>
      </c>
      <c r="BP10" s="68">
        <v>4900</v>
      </c>
      <c r="BQ10" s="63">
        <v>2</v>
      </c>
      <c r="BR10" s="66">
        <v>11</v>
      </c>
      <c r="BS10" s="64">
        <v>13</v>
      </c>
      <c r="BT10" s="65">
        <v>0</v>
      </c>
      <c r="BU10" s="66">
        <v>1635</v>
      </c>
      <c r="BV10" s="66">
        <v>2004</v>
      </c>
      <c r="BW10" s="66">
        <v>2604</v>
      </c>
      <c r="BX10" s="66">
        <v>1922</v>
      </c>
      <c r="BY10" s="66">
        <v>879</v>
      </c>
      <c r="BZ10" s="64">
        <v>9044</v>
      </c>
      <c r="CA10" s="68">
        <v>9057</v>
      </c>
      <c r="CB10" s="63">
        <v>0</v>
      </c>
      <c r="CC10" s="66">
        <v>0</v>
      </c>
      <c r="CD10" s="64">
        <v>0</v>
      </c>
      <c r="CE10" s="65">
        <v>0</v>
      </c>
      <c r="CF10" s="66">
        <v>110</v>
      </c>
      <c r="CG10" s="66">
        <v>104</v>
      </c>
      <c r="CH10" s="66">
        <v>124</v>
      </c>
      <c r="CI10" s="66">
        <v>68</v>
      </c>
      <c r="CJ10" s="66">
        <v>49</v>
      </c>
      <c r="CK10" s="64">
        <v>455</v>
      </c>
      <c r="CL10" s="68">
        <v>455</v>
      </c>
      <c r="CM10" s="63">
        <v>0</v>
      </c>
      <c r="CN10" s="66">
        <v>0</v>
      </c>
      <c r="CO10" s="64">
        <v>0</v>
      </c>
      <c r="CP10" s="65">
        <v>0</v>
      </c>
      <c r="CQ10" s="66">
        <v>0</v>
      </c>
      <c r="CR10" s="66">
        <v>0</v>
      </c>
      <c r="CS10" s="66">
        <v>0</v>
      </c>
      <c r="CT10" s="66">
        <v>0</v>
      </c>
      <c r="CU10" s="66">
        <v>0</v>
      </c>
      <c r="CV10" s="64">
        <v>0</v>
      </c>
      <c r="CW10" s="68">
        <v>0</v>
      </c>
      <c r="CX10" s="63">
        <v>0</v>
      </c>
      <c r="CY10" s="66">
        <v>0</v>
      </c>
      <c r="CZ10" s="64">
        <v>0</v>
      </c>
      <c r="DA10" s="65">
        <v>0</v>
      </c>
      <c r="DB10" s="66">
        <v>0</v>
      </c>
      <c r="DC10" s="66">
        <v>0</v>
      </c>
      <c r="DD10" s="66">
        <v>0</v>
      </c>
      <c r="DE10" s="66">
        <v>0</v>
      </c>
      <c r="DF10" s="66">
        <v>0</v>
      </c>
      <c r="DG10" s="64">
        <v>0</v>
      </c>
      <c r="DH10" s="68">
        <v>0</v>
      </c>
    </row>
    <row r="11" spans="2:112" ht="21" customHeight="1" x14ac:dyDescent="0.2">
      <c r="B11" s="131" t="s">
        <v>8</v>
      </c>
      <c r="C11" s="63">
        <v>0</v>
      </c>
      <c r="D11" s="66">
        <v>0</v>
      </c>
      <c r="E11" s="111">
        <v>0</v>
      </c>
      <c r="F11" s="65">
        <v>0</v>
      </c>
      <c r="G11" s="66">
        <v>5812</v>
      </c>
      <c r="H11" s="66">
        <v>11955</v>
      </c>
      <c r="I11" s="66">
        <v>14315</v>
      </c>
      <c r="J11" s="66">
        <v>16384</v>
      </c>
      <c r="K11" s="66">
        <v>16559</v>
      </c>
      <c r="L11" s="67">
        <v>65025</v>
      </c>
      <c r="M11" s="68">
        <v>65025</v>
      </c>
      <c r="N11" s="63">
        <v>0</v>
      </c>
      <c r="O11" s="66">
        <v>0</v>
      </c>
      <c r="P11" s="64">
        <v>0</v>
      </c>
      <c r="Q11" s="65">
        <v>0</v>
      </c>
      <c r="R11" s="66">
        <v>17</v>
      </c>
      <c r="S11" s="66">
        <v>70</v>
      </c>
      <c r="T11" s="66">
        <v>126</v>
      </c>
      <c r="U11" s="66">
        <v>239</v>
      </c>
      <c r="V11" s="66">
        <v>446</v>
      </c>
      <c r="W11" s="64">
        <v>898</v>
      </c>
      <c r="X11" s="68">
        <v>898</v>
      </c>
      <c r="Y11" s="63">
        <v>232</v>
      </c>
      <c r="Z11" s="66">
        <v>451</v>
      </c>
      <c r="AA11" s="64">
        <v>683</v>
      </c>
      <c r="AB11" s="65">
        <v>0</v>
      </c>
      <c r="AC11" s="66">
        <v>1919</v>
      </c>
      <c r="AD11" s="66">
        <v>2668</v>
      </c>
      <c r="AE11" s="66">
        <v>2033</v>
      </c>
      <c r="AF11" s="66">
        <v>1682</v>
      </c>
      <c r="AG11" s="66">
        <v>1525</v>
      </c>
      <c r="AH11" s="64">
        <v>9827</v>
      </c>
      <c r="AI11" s="68">
        <v>10510</v>
      </c>
      <c r="AJ11" s="63">
        <v>88</v>
      </c>
      <c r="AK11" s="66">
        <v>259</v>
      </c>
      <c r="AL11" s="64">
        <v>347</v>
      </c>
      <c r="AM11" s="65">
        <v>0</v>
      </c>
      <c r="AN11" s="66">
        <v>845</v>
      </c>
      <c r="AO11" s="66">
        <v>1073</v>
      </c>
      <c r="AP11" s="66">
        <v>598</v>
      </c>
      <c r="AQ11" s="66">
        <v>608</v>
      </c>
      <c r="AR11" s="66">
        <v>358</v>
      </c>
      <c r="AS11" s="64">
        <v>3482</v>
      </c>
      <c r="AT11" s="68">
        <v>3829</v>
      </c>
      <c r="AU11" s="63">
        <v>0</v>
      </c>
      <c r="AV11" s="66">
        <v>0</v>
      </c>
      <c r="AW11" s="64">
        <v>0</v>
      </c>
      <c r="AX11" s="65">
        <v>0</v>
      </c>
      <c r="AY11" s="66">
        <v>5014</v>
      </c>
      <c r="AZ11" s="66">
        <v>6025</v>
      </c>
      <c r="BA11" s="66">
        <v>3761</v>
      </c>
      <c r="BB11" s="66">
        <v>2316</v>
      </c>
      <c r="BC11" s="66">
        <v>1209</v>
      </c>
      <c r="BD11" s="67">
        <v>18325</v>
      </c>
      <c r="BE11" s="68">
        <v>18325</v>
      </c>
      <c r="BF11" s="63">
        <v>0</v>
      </c>
      <c r="BG11" s="66">
        <v>0</v>
      </c>
      <c r="BH11" s="64">
        <v>0</v>
      </c>
      <c r="BI11" s="65">
        <v>0</v>
      </c>
      <c r="BJ11" s="66">
        <v>1043</v>
      </c>
      <c r="BK11" s="66">
        <v>1161</v>
      </c>
      <c r="BL11" s="66">
        <v>710</v>
      </c>
      <c r="BM11" s="66">
        <v>450</v>
      </c>
      <c r="BN11" s="66">
        <v>144</v>
      </c>
      <c r="BO11" s="64">
        <v>3508</v>
      </c>
      <c r="BP11" s="68">
        <v>3508</v>
      </c>
      <c r="BQ11" s="63">
        <v>7</v>
      </c>
      <c r="BR11" s="66">
        <v>61</v>
      </c>
      <c r="BS11" s="64">
        <v>68</v>
      </c>
      <c r="BT11" s="65">
        <v>0</v>
      </c>
      <c r="BU11" s="66">
        <v>717</v>
      </c>
      <c r="BV11" s="66">
        <v>1289</v>
      </c>
      <c r="BW11" s="66">
        <v>2760</v>
      </c>
      <c r="BX11" s="66">
        <v>1935</v>
      </c>
      <c r="BY11" s="66">
        <v>856</v>
      </c>
      <c r="BZ11" s="64">
        <v>7557</v>
      </c>
      <c r="CA11" s="68">
        <v>7625</v>
      </c>
      <c r="CB11" s="63">
        <v>0</v>
      </c>
      <c r="CC11" s="66">
        <v>0</v>
      </c>
      <c r="CD11" s="64">
        <v>0</v>
      </c>
      <c r="CE11" s="65">
        <v>0</v>
      </c>
      <c r="CF11" s="66">
        <v>3</v>
      </c>
      <c r="CG11" s="66">
        <v>70</v>
      </c>
      <c r="CH11" s="66">
        <v>45</v>
      </c>
      <c r="CI11" s="66">
        <v>32</v>
      </c>
      <c r="CJ11" s="66">
        <v>3</v>
      </c>
      <c r="CK11" s="64">
        <v>153</v>
      </c>
      <c r="CL11" s="68">
        <v>153</v>
      </c>
      <c r="CM11" s="63">
        <v>0</v>
      </c>
      <c r="CN11" s="66">
        <v>0</v>
      </c>
      <c r="CO11" s="64">
        <v>0</v>
      </c>
      <c r="CP11" s="65">
        <v>0</v>
      </c>
      <c r="CQ11" s="66">
        <v>0</v>
      </c>
      <c r="CR11" s="66">
        <v>0</v>
      </c>
      <c r="CS11" s="66">
        <v>0</v>
      </c>
      <c r="CT11" s="66">
        <v>0</v>
      </c>
      <c r="CU11" s="66">
        <v>0</v>
      </c>
      <c r="CV11" s="64">
        <v>0</v>
      </c>
      <c r="CW11" s="68">
        <v>0</v>
      </c>
      <c r="CX11" s="63">
        <v>0</v>
      </c>
      <c r="CY11" s="66">
        <v>0</v>
      </c>
      <c r="CZ11" s="64">
        <v>0</v>
      </c>
      <c r="DA11" s="65">
        <v>0</v>
      </c>
      <c r="DB11" s="66">
        <v>0</v>
      </c>
      <c r="DC11" s="66">
        <v>0</v>
      </c>
      <c r="DD11" s="66">
        <v>0</v>
      </c>
      <c r="DE11" s="66">
        <v>0</v>
      </c>
      <c r="DF11" s="66">
        <v>0</v>
      </c>
      <c r="DG11" s="64">
        <v>0</v>
      </c>
      <c r="DH11" s="68">
        <v>0</v>
      </c>
    </row>
    <row r="12" spans="2:112" ht="21" customHeight="1" x14ac:dyDescent="0.2">
      <c r="B12" s="131" t="s">
        <v>9</v>
      </c>
      <c r="C12" s="63">
        <v>0</v>
      </c>
      <c r="D12" s="66">
        <v>0</v>
      </c>
      <c r="E12" s="111">
        <v>0</v>
      </c>
      <c r="F12" s="65">
        <v>0</v>
      </c>
      <c r="G12" s="66">
        <v>6317</v>
      </c>
      <c r="H12" s="66">
        <v>7936</v>
      </c>
      <c r="I12" s="66">
        <v>11052</v>
      </c>
      <c r="J12" s="66">
        <v>15074</v>
      </c>
      <c r="K12" s="66">
        <v>15504</v>
      </c>
      <c r="L12" s="67">
        <v>55883</v>
      </c>
      <c r="M12" s="68">
        <v>55883</v>
      </c>
      <c r="N12" s="63">
        <v>0</v>
      </c>
      <c r="O12" s="66">
        <v>0</v>
      </c>
      <c r="P12" s="64">
        <v>0</v>
      </c>
      <c r="Q12" s="65">
        <v>0</v>
      </c>
      <c r="R12" s="66">
        <v>6</v>
      </c>
      <c r="S12" s="66">
        <v>21</v>
      </c>
      <c r="T12" s="66">
        <v>105</v>
      </c>
      <c r="U12" s="66">
        <v>244</v>
      </c>
      <c r="V12" s="66">
        <v>502</v>
      </c>
      <c r="W12" s="64">
        <v>878</v>
      </c>
      <c r="X12" s="68">
        <v>878</v>
      </c>
      <c r="Y12" s="63">
        <v>367</v>
      </c>
      <c r="Z12" s="66">
        <v>641</v>
      </c>
      <c r="AA12" s="64">
        <v>1008</v>
      </c>
      <c r="AB12" s="65">
        <v>0</v>
      </c>
      <c r="AC12" s="66">
        <v>3308</v>
      </c>
      <c r="AD12" s="66">
        <v>3281</v>
      </c>
      <c r="AE12" s="66">
        <v>2240</v>
      </c>
      <c r="AF12" s="66">
        <v>2328</v>
      </c>
      <c r="AG12" s="66">
        <v>2224</v>
      </c>
      <c r="AH12" s="64">
        <v>13381</v>
      </c>
      <c r="AI12" s="68">
        <v>14389</v>
      </c>
      <c r="AJ12" s="63">
        <v>66</v>
      </c>
      <c r="AK12" s="66">
        <v>149</v>
      </c>
      <c r="AL12" s="64">
        <v>215</v>
      </c>
      <c r="AM12" s="65">
        <v>0</v>
      </c>
      <c r="AN12" s="66">
        <v>421</v>
      </c>
      <c r="AO12" s="66">
        <v>558</v>
      </c>
      <c r="AP12" s="66">
        <v>450</v>
      </c>
      <c r="AQ12" s="66">
        <v>414</v>
      </c>
      <c r="AR12" s="66">
        <v>302</v>
      </c>
      <c r="AS12" s="64">
        <v>2145</v>
      </c>
      <c r="AT12" s="68">
        <v>2360</v>
      </c>
      <c r="AU12" s="63">
        <v>0</v>
      </c>
      <c r="AV12" s="66">
        <v>0</v>
      </c>
      <c r="AW12" s="64">
        <v>0</v>
      </c>
      <c r="AX12" s="65">
        <v>0</v>
      </c>
      <c r="AY12" s="66">
        <v>4267</v>
      </c>
      <c r="AZ12" s="66">
        <v>3366</v>
      </c>
      <c r="BA12" s="66">
        <v>2498</v>
      </c>
      <c r="BB12" s="66">
        <v>1441</v>
      </c>
      <c r="BC12" s="66">
        <v>488</v>
      </c>
      <c r="BD12" s="67">
        <v>12060</v>
      </c>
      <c r="BE12" s="68">
        <v>12060</v>
      </c>
      <c r="BF12" s="63">
        <v>0</v>
      </c>
      <c r="BG12" s="66">
        <v>0</v>
      </c>
      <c r="BH12" s="64">
        <v>0</v>
      </c>
      <c r="BI12" s="65">
        <v>0</v>
      </c>
      <c r="BJ12" s="66">
        <v>809</v>
      </c>
      <c r="BK12" s="66">
        <v>923</v>
      </c>
      <c r="BL12" s="66">
        <v>511</v>
      </c>
      <c r="BM12" s="66">
        <v>494</v>
      </c>
      <c r="BN12" s="66">
        <v>125</v>
      </c>
      <c r="BO12" s="64">
        <v>2862</v>
      </c>
      <c r="BP12" s="68">
        <v>2862</v>
      </c>
      <c r="BQ12" s="63">
        <v>13</v>
      </c>
      <c r="BR12" s="66">
        <v>16</v>
      </c>
      <c r="BS12" s="64">
        <v>29</v>
      </c>
      <c r="BT12" s="65">
        <v>0</v>
      </c>
      <c r="BU12" s="66">
        <v>571</v>
      </c>
      <c r="BV12" s="66">
        <v>609</v>
      </c>
      <c r="BW12" s="66">
        <v>1399</v>
      </c>
      <c r="BX12" s="66">
        <v>1102</v>
      </c>
      <c r="BY12" s="66">
        <v>549</v>
      </c>
      <c r="BZ12" s="64">
        <v>4230</v>
      </c>
      <c r="CA12" s="68">
        <v>4259</v>
      </c>
      <c r="CB12" s="63">
        <v>0</v>
      </c>
      <c r="CC12" s="66">
        <v>5</v>
      </c>
      <c r="CD12" s="64">
        <v>5</v>
      </c>
      <c r="CE12" s="65">
        <v>0</v>
      </c>
      <c r="CF12" s="66">
        <v>59</v>
      </c>
      <c r="CG12" s="66">
        <v>74</v>
      </c>
      <c r="CH12" s="66">
        <v>239</v>
      </c>
      <c r="CI12" s="66">
        <v>189</v>
      </c>
      <c r="CJ12" s="66">
        <v>106</v>
      </c>
      <c r="CK12" s="64">
        <v>667</v>
      </c>
      <c r="CL12" s="68">
        <v>672</v>
      </c>
      <c r="CM12" s="63">
        <v>0</v>
      </c>
      <c r="CN12" s="66">
        <v>0</v>
      </c>
      <c r="CO12" s="64">
        <v>0</v>
      </c>
      <c r="CP12" s="65">
        <v>0</v>
      </c>
      <c r="CQ12" s="66">
        <v>0</v>
      </c>
      <c r="CR12" s="66">
        <v>0</v>
      </c>
      <c r="CS12" s="66">
        <v>0</v>
      </c>
      <c r="CT12" s="66">
        <v>0</v>
      </c>
      <c r="CU12" s="66">
        <v>0</v>
      </c>
      <c r="CV12" s="64">
        <v>0</v>
      </c>
      <c r="CW12" s="68">
        <v>0</v>
      </c>
      <c r="CX12" s="63">
        <v>0</v>
      </c>
      <c r="CY12" s="66">
        <v>0</v>
      </c>
      <c r="CZ12" s="64">
        <v>0</v>
      </c>
      <c r="DA12" s="65">
        <v>0</v>
      </c>
      <c r="DB12" s="66">
        <v>0</v>
      </c>
      <c r="DC12" s="66">
        <v>0</v>
      </c>
      <c r="DD12" s="66">
        <v>0</v>
      </c>
      <c r="DE12" s="66">
        <v>0</v>
      </c>
      <c r="DF12" s="66">
        <v>0</v>
      </c>
      <c r="DG12" s="64">
        <v>0</v>
      </c>
      <c r="DH12" s="68">
        <v>0</v>
      </c>
    </row>
    <row r="13" spans="2:112" ht="21" customHeight="1" x14ac:dyDescent="0.2">
      <c r="B13" s="131" t="s">
        <v>10</v>
      </c>
      <c r="C13" s="63">
        <v>0</v>
      </c>
      <c r="D13" s="66">
        <v>0</v>
      </c>
      <c r="E13" s="111">
        <v>0</v>
      </c>
      <c r="F13" s="65">
        <v>0</v>
      </c>
      <c r="G13" s="66">
        <v>16266</v>
      </c>
      <c r="H13" s="66">
        <v>16645</v>
      </c>
      <c r="I13" s="66">
        <v>22496</v>
      </c>
      <c r="J13" s="66">
        <v>26190</v>
      </c>
      <c r="K13" s="66">
        <v>22870</v>
      </c>
      <c r="L13" s="67">
        <v>104467</v>
      </c>
      <c r="M13" s="68">
        <v>104467</v>
      </c>
      <c r="N13" s="63">
        <v>0</v>
      </c>
      <c r="O13" s="66">
        <v>2</v>
      </c>
      <c r="P13" s="64">
        <v>2</v>
      </c>
      <c r="Q13" s="65">
        <v>0</v>
      </c>
      <c r="R13" s="66">
        <v>37</v>
      </c>
      <c r="S13" s="66">
        <v>128</v>
      </c>
      <c r="T13" s="66">
        <v>142</v>
      </c>
      <c r="U13" s="66">
        <v>390</v>
      </c>
      <c r="V13" s="66">
        <v>857</v>
      </c>
      <c r="W13" s="64">
        <v>1554</v>
      </c>
      <c r="X13" s="68">
        <v>1556</v>
      </c>
      <c r="Y13" s="63">
        <v>981</v>
      </c>
      <c r="Z13" s="66">
        <v>1922</v>
      </c>
      <c r="AA13" s="64">
        <v>2903</v>
      </c>
      <c r="AB13" s="65">
        <v>0</v>
      </c>
      <c r="AC13" s="66">
        <v>7894</v>
      </c>
      <c r="AD13" s="66">
        <v>5813</v>
      </c>
      <c r="AE13" s="66">
        <v>3092</v>
      </c>
      <c r="AF13" s="66">
        <v>3449</v>
      </c>
      <c r="AG13" s="66">
        <v>3233</v>
      </c>
      <c r="AH13" s="64">
        <v>23481</v>
      </c>
      <c r="AI13" s="68">
        <v>26384</v>
      </c>
      <c r="AJ13" s="63">
        <v>211</v>
      </c>
      <c r="AK13" s="66">
        <v>433</v>
      </c>
      <c r="AL13" s="64">
        <v>644</v>
      </c>
      <c r="AM13" s="65">
        <v>0</v>
      </c>
      <c r="AN13" s="66">
        <v>977</v>
      </c>
      <c r="AO13" s="66">
        <v>1109</v>
      </c>
      <c r="AP13" s="66">
        <v>646</v>
      </c>
      <c r="AQ13" s="66">
        <v>369</v>
      </c>
      <c r="AR13" s="66">
        <v>539</v>
      </c>
      <c r="AS13" s="64">
        <v>3640</v>
      </c>
      <c r="AT13" s="68">
        <v>4284</v>
      </c>
      <c r="AU13" s="63">
        <v>0</v>
      </c>
      <c r="AV13" s="66">
        <v>0</v>
      </c>
      <c r="AW13" s="64">
        <v>0</v>
      </c>
      <c r="AX13" s="65">
        <v>0</v>
      </c>
      <c r="AY13" s="66">
        <v>13221</v>
      </c>
      <c r="AZ13" s="66">
        <v>8211</v>
      </c>
      <c r="BA13" s="66">
        <v>5116</v>
      </c>
      <c r="BB13" s="66">
        <v>2863</v>
      </c>
      <c r="BC13" s="66">
        <v>1334</v>
      </c>
      <c r="BD13" s="67">
        <v>30745</v>
      </c>
      <c r="BE13" s="68">
        <v>30745</v>
      </c>
      <c r="BF13" s="63">
        <v>0</v>
      </c>
      <c r="BG13" s="66">
        <v>0</v>
      </c>
      <c r="BH13" s="64">
        <v>0</v>
      </c>
      <c r="BI13" s="65">
        <v>0</v>
      </c>
      <c r="BJ13" s="66">
        <v>1802</v>
      </c>
      <c r="BK13" s="66">
        <v>1397</v>
      </c>
      <c r="BL13" s="66">
        <v>657</v>
      </c>
      <c r="BM13" s="66">
        <v>465</v>
      </c>
      <c r="BN13" s="66">
        <v>178</v>
      </c>
      <c r="BO13" s="64">
        <v>4499</v>
      </c>
      <c r="BP13" s="68">
        <v>4499</v>
      </c>
      <c r="BQ13" s="63">
        <v>27</v>
      </c>
      <c r="BR13" s="66">
        <v>75</v>
      </c>
      <c r="BS13" s="64">
        <v>102</v>
      </c>
      <c r="BT13" s="65">
        <v>0</v>
      </c>
      <c r="BU13" s="66">
        <v>1511</v>
      </c>
      <c r="BV13" s="66">
        <v>1460</v>
      </c>
      <c r="BW13" s="66">
        <v>2267</v>
      </c>
      <c r="BX13" s="66">
        <v>1924</v>
      </c>
      <c r="BY13" s="66">
        <v>877</v>
      </c>
      <c r="BZ13" s="64">
        <v>8039</v>
      </c>
      <c r="CA13" s="68">
        <v>8141</v>
      </c>
      <c r="CB13" s="63">
        <v>0</v>
      </c>
      <c r="CC13" s="66">
        <v>11</v>
      </c>
      <c r="CD13" s="64">
        <v>11</v>
      </c>
      <c r="CE13" s="65">
        <v>0</v>
      </c>
      <c r="CF13" s="66">
        <v>56</v>
      </c>
      <c r="CG13" s="66">
        <v>112</v>
      </c>
      <c r="CH13" s="66">
        <v>138</v>
      </c>
      <c r="CI13" s="66">
        <v>157</v>
      </c>
      <c r="CJ13" s="66">
        <v>27</v>
      </c>
      <c r="CK13" s="64">
        <v>490</v>
      </c>
      <c r="CL13" s="68">
        <v>501</v>
      </c>
      <c r="CM13" s="63">
        <v>0</v>
      </c>
      <c r="CN13" s="66">
        <v>0</v>
      </c>
      <c r="CO13" s="64">
        <v>0</v>
      </c>
      <c r="CP13" s="65">
        <v>0</v>
      </c>
      <c r="CQ13" s="66">
        <v>0</v>
      </c>
      <c r="CR13" s="66">
        <v>0</v>
      </c>
      <c r="CS13" s="66">
        <v>0</v>
      </c>
      <c r="CT13" s="66">
        <v>0</v>
      </c>
      <c r="CU13" s="66">
        <v>0</v>
      </c>
      <c r="CV13" s="64">
        <v>0</v>
      </c>
      <c r="CW13" s="68">
        <v>0</v>
      </c>
      <c r="CX13" s="63">
        <v>0</v>
      </c>
      <c r="CY13" s="66">
        <v>0</v>
      </c>
      <c r="CZ13" s="64">
        <v>0</v>
      </c>
      <c r="DA13" s="65">
        <v>0</v>
      </c>
      <c r="DB13" s="66">
        <v>0</v>
      </c>
      <c r="DC13" s="66">
        <v>0</v>
      </c>
      <c r="DD13" s="66">
        <v>0</v>
      </c>
      <c r="DE13" s="66">
        <v>0</v>
      </c>
      <c r="DF13" s="66">
        <v>0</v>
      </c>
      <c r="DG13" s="64">
        <v>0</v>
      </c>
      <c r="DH13" s="68">
        <v>0</v>
      </c>
    </row>
    <row r="14" spans="2:112" ht="21" customHeight="1" x14ac:dyDescent="0.2">
      <c r="B14" s="131" t="s">
        <v>11</v>
      </c>
      <c r="C14" s="63">
        <v>0</v>
      </c>
      <c r="D14" s="66">
        <v>0</v>
      </c>
      <c r="E14" s="111">
        <v>0</v>
      </c>
      <c r="F14" s="65">
        <v>0</v>
      </c>
      <c r="G14" s="66">
        <v>5510</v>
      </c>
      <c r="H14" s="66">
        <v>6853</v>
      </c>
      <c r="I14" s="66">
        <v>7985</v>
      </c>
      <c r="J14" s="66">
        <v>10752</v>
      </c>
      <c r="K14" s="66">
        <v>9564</v>
      </c>
      <c r="L14" s="67">
        <v>40664</v>
      </c>
      <c r="M14" s="68">
        <v>40664</v>
      </c>
      <c r="N14" s="63">
        <v>0</v>
      </c>
      <c r="O14" s="66">
        <v>0</v>
      </c>
      <c r="P14" s="64">
        <v>0</v>
      </c>
      <c r="Q14" s="65">
        <v>0</v>
      </c>
      <c r="R14" s="66">
        <v>11</v>
      </c>
      <c r="S14" s="66">
        <v>41</v>
      </c>
      <c r="T14" s="66">
        <v>96</v>
      </c>
      <c r="U14" s="66">
        <v>313</v>
      </c>
      <c r="V14" s="66">
        <v>331</v>
      </c>
      <c r="W14" s="64">
        <v>792</v>
      </c>
      <c r="X14" s="68">
        <v>792</v>
      </c>
      <c r="Y14" s="63">
        <v>236</v>
      </c>
      <c r="Z14" s="66">
        <v>496</v>
      </c>
      <c r="AA14" s="64">
        <v>732</v>
      </c>
      <c r="AB14" s="65">
        <v>0</v>
      </c>
      <c r="AC14" s="66">
        <v>2913</v>
      </c>
      <c r="AD14" s="66">
        <v>2064</v>
      </c>
      <c r="AE14" s="66">
        <v>1827</v>
      </c>
      <c r="AF14" s="66">
        <v>2351</v>
      </c>
      <c r="AG14" s="66">
        <v>1464</v>
      </c>
      <c r="AH14" s="64">
        <v>10619</v>
      </c>
      <c r="AI14" s="68">
        <v>11351</v>
      </c>
      <c r="AJ14" s="63">
        <v>56</v>
      </c>
      <c r="AK14" s="66">
        <v>84</v>
      </c>
      <c r="AL14" s="64">
        <v>140</v>
      </c>
      <c r="AM14" s="65">
        <v>0</v>
      </c>
      <c r="AN14" s="66">
        <v>335</v>
      </c>
      <c r="AO14" s="66">
        <v>355</v>
      </c>
      <c r="AP14" s="66">
        <v>347</v>
      </c>
      <c r="AQ14" s="66">
        <v>366</v>
      </c>
      <c r="AR14" s="66">
        <v>70</v>
      </c>
      <c r="AS14" s="64">
        <v>1473</v>
      </c>
      <c r="AT14" s="68">
        <v>1613</v>
      </c>
      <c r="AU14" s="63">
        <v>0</v>
      </c>
      <c r="AV14" s="66">
        <v>0</v>
      </c>
      <c r="AW14" s="64">
        <v>0</v>
      </c>
      <c r="AX14" s="65">
        <v>0</v>
      </c>
      <c r="AY14" s="66">
        <v>5818</v>
      </c>
      <c r="AZ14" s="66">
        <v>3945</v>
      </c>
      <c r="BA14" s="66">
        <v>2941</v>
      </c>
      <c r="BB14" s="66">
        <v>2271</v>
      </c>
      <c r="BC14" s="66">
        <v>784</v>
      </c>
      <c r="BD14" s="67">
        <v>15759</v>
      </c>
      <c r="BE14" s="68">
        <v>15759</v>
      </c>
      <c r="BF14" s="63">
        <v>0</v>
      </c>
      <c r="BG14" s="66">
        <v>0</v>
      </c>
      <c r="BH14" s="64">
        <v>0</v>
      </c>
      <c r="BI14" s="65">
        <v>0</v>
      </c>
      <c r="BJ14" s="66">
        <v>1564</v>
      </c>
      <c r="BK14" s="66">
        <v>1081</v>
      </c>
      <c r="BL14" s="66">
        <v>707</v>
      </c>
      <c r="BM14" s="66">
        <v>500</v>
      </c>
      <c r="BN14" s="66">
        <v>170</v>
      </c>
      <c r="BO14" s="64">
        <v>4022</v>
      </c>
      <c r="BP14" s="68">
        <v>4022</v>
      </c>
      <c r="BQ14" s="63">
        <v>28</v>
      </c>
      <c r="BR14" s="66">
        <v>57</v>
      </c>
      <c r="BS14" s="64">
        <v>85</v>
      </c>
      <c r="BT14" s="65">
        <v>0</v>
      </c>
      <c r="BU14" s="66">
        <v>508</v>
      </c>
      <c r="BV14" s="66">
        <v>632</v>
      </c>
      <c r="BW14" s="66">
        <v>1306</v>
      </c>
      <c r="BX14" s="66">
        <v>814</v>
      </c>
      <c r="BY14" s="66">
        <v>557</v>
      </c>
      <c r="BZ14" s="64">
        <v>3817</v>
      </c>
      <c r="CA14" s="68">
        <v>3902</v>
      </c>
      <c r="CB14" s="63">
        <v>0</v>
      </c>
      <c r="CC14" s="66">
        <v>7</v>
      </c>
      <c r="CD14" s="64">
        <v>7</v>
      </c>
      <c r="CE14" s="65">
        <v>0</v>
      </c>
      <c r="CF14" s="66">
        <v>42</v>
      </c>
      <c r="CG14" s="66">
        <v>22</v>
      </c>
      <c r="CH14" s="66">
        <v>80</v>
      </c>
      <c r="CI14" s="66">
        <v>104</v>
      </c>
      <c r="CJ14" s="66">
        <v>71</v>
      </c>
      <c r="CK14" s="64">
        <v>319</v>
      </c>
      <c r="CL14" s="68">
        <v>326</v>
      </c>
      <c r="CM14" s="63">
        <v>0</v>
      </c>
      <c r="CN14" s="66">
        <v>0</v>
      </c>
      <c r="CO14" s="64">
        <v>0</v>
      </c>
      <c r="CP14" s="65">
        <v>0</v>
      </c>
      <c r="CQ14" s="66">
        <v>0</v>
      </c>
      <c r="CR14" s="66">
        <v>0</v>
      </c>
      <c r="CS14" s="66">
        <v>0</v>
      </c>
      <c r="CT14" s="66">
        <v>0</v>
      </c>
      <c r="CU14" s="66">
        <v>0</v>
      </c>
      <c r="CV14" s="64">
        <v>0</v>
      </c>
      <c r="CW14" s="68">
        <v>0</v>
      </c>
      <c r="CX14" s="63">
        <v>0</v>
      </c>
      <c r="CY14" s="66">
        <v>0</v>
      </c>
      <c r="CZ14" s="64">
        <v>0</v>
      </c>
      <c r="DA14" s="65">
        <v>0</v>
      </c>
      <c r="DB14" s="66">
        <v>0</v>
      </c>
      <c r="DC14" s="66">
        <v>0</v>
      </c>
      <c r="DD14" s="66">
        <v>0</v>
      </c>
      <c r="DE14" s="66">
        <v>0</v>
      </c>
      <c r="DF14" s="66">
        <v>0</v>
      </c>
      <c r="DG14" s="64">
        <v>0</v>
      </c>
      <c r="DH14" s="68">
        <v>0</v>
      </c>
    </row>
    <row r="15" spans="2:112" ht="21" customHeight="1" x14ac:dyDescent="0.2">
      <c r="B15" s="131" t="s">
        <v>12</v>
      </c>
      <c r="C15" s="63">
        <v>0</v>
      </c>
      <c r="D15" s="66">
        <v>0</v>
      </c>
      <c r="E15" s="111">
        <v>0</v>
      </c>
      <c r="F15" s="65">
        <v>0</v>
      </c>
      <c r="G15" s="66">
        <v>5933</v>
      </c>
      <c r="H15" s="66">
        <v>8531</v>
      </c>
      <c r="I15" s="66">
        <v>9326</v>
      </c>
      <c r="J15" s="66">
        <v>13675</v>
      </c>
      <c r="K15" s="66">
        <v>13674</v>
      </c>
      <c r="L15" s="67">
        <v>51139</v>
      </c>
      <c r="M15" s="68">
        <v>51139</v>
      </c>
      <c r="N15" s="63">
        <v>0</v>
      </c>
      <c r="O15" s="66">
        <v>14</v>
      </c>
      <c r="P15" s="64">
        <v>14</v>
      </c>
      <c r="Q15" s="65">
        <v>0</v>
      </c>
      <c r="R15" s="66">
        <v>13</v>
      </c>
      <c r="S15" s="66">
        <v>68</v>
      </c>
      <c r="T15" s="66">
        <v>86</v>
      </c>
      <c r="U15" s="66">
        <v>265</v>
      </c>
      <c r="V15" s="66">
        <v>382</v>
      </c>
      <c r="W15" s="64">
        <v>814</v>
      </c>
      <c r="X15" s="68">
        <v>828</v>
      </c>
      <c r="Y15" s="63">
        <v>650</v>
      </c>
      <c r="Z15" s="66">
        <v>2000</v>
      </c>
      <c r="AA15" s="64">
        <v>2650</v>
      </c>
      <c r="AB15" s="65">
        <v>0</v>
      </c>
      <c r="AC15" s="66">
        <v>2005</v>
      </c>
      <c r="AD15" s="66">
        <v>3376</v>
      </c>
      <c r="AE15" s="66">
        <v>1815</v>
      </c>
      <c r="AF15" s="66">
        <v>1842</v>
      </c>
      <c r="AG15" s="66">
        <v>1827</v>
      </c>
      <c r="AH15" s="64">
        <v>10865</v>
      </c>
      <c r="AI15" s="68">
        <v>13515</v>
      </c>
      <c r="AJ15" s="63">
        <v>71</v>
      </c>
      <c r="AK15" s="66">
        <v>275</v>
      </c>
      <c r="AL15" s="64">
        <v>346</v>
      </c>
      <c r="AM15" s="65">
        <v>0</v>
      </c>
      <c r="AN15" s="66">
        <v>146</v>
      </c>
      <c r="AO15" s="66">
        <v>539</v>
      </c>
      <c r="AP15" s="66">
        <v>311</v>
      </c>
      <c r="AQ15" s="66">
        <v>259</v>
      </c>
      <c r="AR15" s="66">
        <v>111</v>
      </c>
      <c r="AS15" s="64">
        <v>1366</v>
      </c>
      <c r="AT15" s="68">
        <v>1712</v>
      </c>
      <c r="AU15" s="63">
        <v>0</v>
      </c>
      <c r="AV15" s="66">
        <v>0</v>
      </c>
      <c r="AW15" s="64">
        <v>0</v>
      </c>
      <c r="AX15" s="65">
        <v>0</v>
      </c>
      <c r="AY15" s="66">
        <v>5798</v>
      </c>
      <c r="AZ15" s="66">
        <v>4249</v>
      </c>
      <c r="BA15" s="66">
        <v>3208</v>
      </c>
      <c r="BB15" s="66">
        <v>2064</v>
      </c>
      <c r="BC15" s="66">
        <v>1082</v>
      </c>
      <c r="BD15" s="67">
        <v>16401</v>
      </c>
      <c r="BE15" s="68">
        <v>16401</v>
      </c>
      <c r="BF15" s="63">
        <v>0</v>
      </c>
      <c r="BG15" s="66">
        <v>0</v>
      </c>
      <c r="BH15" s="64">
        <v>0</v>
      </c>
      <c r="BI15" s="65">
        <v>0</v>
      </c>
      <c r="BJ15" s="66">
        <v>876</v>
      </c>
      <c r="BK15" s="66">
        <v>1200</v>
      </c>
      <c r="BL15" s="66">
        <v>909</v>
      </c>
      <c r="BM15" s="66">
        <v>508</v>
      </c>
      <c r="BN15" s="66">
        <v>152</v>
      </c>
      <c r="BO15" s="64">
        <v>3645</v>
      </c>
      <c r="BP15" s="68">
        <v>3645</v>
      </c>
      <c r="BQ15" s="63">
        <v>26</v>
      </c>
      <c r="BR15" s="66">
        <v>84</v>
      </c>
      <c r="BS15" s="64">
        <v>110</v>
      </c>
      <c r="BT15" s="65">
        <v>0</v>
      </c>
      <c r="BU15" s="66">
        <v>585</v>
      </c>
      <c r="BV15" s="66">
        <v>685</v>
      </c>
      <c r="BW15" s="66">
        <v>1152</v>
      </c>
      <c r="BX15" s="66">
        <v>1065</v>
      </c>
      <c r="BY15" s="66">
        <v>579</v>
      </c>
      <c r="BZ15" s="64">
        <v>4066</v>
      </c>
      <c r="CA15" s="68">
        <v>4176</v>
      </c>
      <c r="CB15" s="63">
        <v>0</v>
      </c>
      <c r="CC15" s="66">
        <v>7</v>
      </c>
      <c r="CD15" s="64">
        <v>7</v>
      </c>
      <c r="CE15" s="65">
        <v>0</v>
      </c>
      <c r="CF15" s="66">
        <v>38</v>
      </c>
      <c r="CG15" s="66">
        <v>34</v>
      </c>
      <c r="CH15" s="66">
        <v>25</v>
      </c>
      <c r="CI15" s="66">
        <v>27</v>
      </c>
      <c r="CJ15" s="66">
        <v>8</v>
      </c>
      <c r="CK15" s="64">
        <v>132</v>
      </c>
      <c r="CL15" s="68">
        <v>139</v>
      </c>
      <c r="CM15" s="63">
        <v>0</v>
      </c>
      <c r="CN15" s="66">
        <v>0</v>
      </c>
      <c r="CO15" s="64">
        <v>0</v>
      </c>
      <c r="CP15" s="65">
        <v>0</v>
      </c>
      <c r="CQ15" s="66">
        <v>0</v>
      </c>
      <c r="CR15" s="66">
        <v>0</v>
      </c>
      <c r="CS15" s="66">
        <v>0</v>
      </c>
      <c r="CT15" s="66">
        <v>0</v>
      </c>
      <c r="CU15" s="66">
        <v>0</v>
      </c>
      <c r="CV15" s="64">
        <v>0</v>
      </c>
      <c r="CW15" s="68">
        <v>0</v>
      </c>
      <c r="CX15" s="63">
        <v>0</v>
      </c>
      <c r="CY15" s="66">
        <v>0</v>
      </c>
      <c r="CZ15" s="64">
        <v>0</v>
      </c>
      <c r="DA15" s="65">
        <v>0</v>
      </c>
      <c r="DB15" s="66">
        <v>0</v>
      </c>
      <c r="DC15" s="66">
        <v>0</v>
      </c>
      <c r="DD15" s="66">
        <v>0</v>
      </c>
      <c r="DE15" s="66">
        <v>0</v>
      </c>
      <c r="DF15" s="66">
        <v>0</v>
      </c>
      <c r="DG15" s="64">
        <v>0</v>
      </c>
      <c r="DH15" s="68">
        <v>0</v>
      </c>
    </row>
    <row r="16" spans="2:112" ht="21" customHeight="1" x14ac:dyDescent="0.2">
      <c r="B16" s="131" t="s">
        <v>13</v>
      </c>
      <c r="C16" s="63">
        <v>0</v>
      </c>
      <c r="D16" s="66">
        <v>0</v>
      </c>
      <c r="E16" s="111">
        <v>0</v>
      </c>
      <c r="F16" s="65">
        <v>0</v>
      </c>
      <c r="G16" s="66">
        <v>2190</v>
      </c>
      <c r="H16" s="66">
        <v>3510</v>
      </c>
      <c r="I16" s="66">
        <v>3665</v>
      </c>
      <c r="J16" s="66">
        <v>4055</v>
      </c>
      <c r="K16" s="66">
        <v>6786</v>
      </c>
      <c r="L16" s="67">
        <v>20206</v>
      </c>
      <c r="M16" s="68">
        <v>20206</v>
      </c>
      <c r="N16" s="63">
        <v>0</v>
      </c>
      <c r="O16" s="66">
        <v>0</v>
      </c>
      <c r="P16" s="64">
        <v>0</v>
      </c>
      <c r="Q16" s="65">
        <v>0</v>
      </c>
      <c r="R16" s="66">
        <v>2</v>
      </c>
      <c r="S16" s="66">
        <v>6</v>
      </c>
      <c r="T16" s="66">
        <v>6</v>
      </c>
      <c r="U16" s="66">
        <v>77</v>
      </c>
      <c r="V16" s="66">
        <v>171</v>
      </c>
      <c r="W16" s="64">
        <v>262</v>
      </c>
      <c r="X16" s="68">
        <v>262</v>
      </c>
      <c r="Y16" s="63">
        <v>64</v>
      </c>
      <c r="Z16" s="66">
        <v>203</v>
      </c>
      <c r="AA16" s="64">
        <v>267</v>
      </c>
      <c r="AB16" s="65">
        <v>0</v>
      </c>
      <c r="AC16" s="66">
        <v>952</v>
      </c>
      <c r="AD16" s="66">
        <v>1709</v>
      </c>
      <c r="AE16" s="66">
        <v>965</v>
      </c>
      <c r="AF16" s="66">
        <v>671</v>
      </c>
      <c r="AG16" s="66">
        <v>537</v>
      </c>
      <c r="AH16" s="64">
        <v>4834</v>
      </c>
      <c r="AI16" s="68">
        <v>5101</v>
      </c>
      <c r="AJ16" s="63">
        <v>4</v>
      </c>
      <c r="AK16" s="66">
        <v>42</v>
      </c>
      <c r="AL16" s="64">
        <v>46</v>
      </c>
      <c r="AM16" s="65">
        <v>0</v>
      </c>
      <c r="AN16" s="66">
        <v>192</v>
      </c>
      <c r="AO16" s="66">
        <v>244</v>
      </c>
      <c r="AP16" s="66">
        <v>121</v>
      </c>
      <c r="AQ16" s="66">
        <v>52</v>
      </c>
      <c r="AR16" s="66">
        <v>107</v>
      </c>
      <c r="AS16" s="64">
        <v>716</v>
      </c>
      <c r="AT16" s="68">
        <v>762</v>
      </c>
      <c r="AU16" s="63">
        <v>0</v>
      </c>
      <c r="AV16" s="66">
        <v>0</v>
      </c>
      <c r="AW16" s="64">
        <v>0</v>
      </c>
      <c r="AX16" s="65">
        <v>0</v>
      </c>
      <c r="AY16" s="66">
        <v>1280</v>
      </c>
      <c r="AZ16" s="66">
        <v>1678</v>
      </c>
      <c r="BA16" s="66">
        <v>944</v>
      </c>
      <c r="BB16" s="66">
        <v>555</v>
      </c>
      <c r="BC16" s="66">
        <v>299</v>
      </c>
      <c r="BD16" s="67">
        <v>4756</v>
      </c>
      <c r="BE16" s="68">
        <v>4756</v>
      </c>
      <c r="BF16" s="63">
        <v>0</v>
      </c>
      <c r="BG16" s="66">
        <v>0</v>
      </c>
      <c r="BH16" s="64">
        <v>0</v>
      </c>
      <c r="BI16" s="65">
        <v>0</v>
      </c>
      <c r="BJ16" s="66">
        <v>207</v>
      </c>
      <c r="BK16" s="66">
        <v>239</v>
      </c>
      <c r="BL16" s="66">
        <v>175</v>
      </c>
      <c r="BM16" s="66">
        <v>197</v>
      </c>
      <c r="BN16" s="66">
        <v>125</v>
      </c>
      <c r="BO16" s="64">
        <v>943</v>
      </c>
      <c r="BP16" s="68">
        <v>943</v>
      </c>
      <c r="BQ16" s="63">
        <v>0</v>
      </c>
      <c r="BR16" s="66">
        <v>0</v>
      </c>
      <c r="BS16" s="64">
        <v>0</v>
      </c>
      <c r="BT16" s="65">
        <v>0</v>
      </c>
      <c r="BU16" s="66">
        <v>71</v>
      </c>
      <c r="BV16" s="66">
        <v>181</v>
      </c>
      <c r="BW16" s="66">
        <v>432</v>
      </c>
      <c r="BX16" s="66">
        <v>404</v>
      </c>
      <c r="BY16" s="66">
        <v>355</v>
      </c>
      <c r="BZ16" s="64">
        <v>1443</v>
      </c>
      <c r="CA16" s="68">
        <v>1443</v>
      </c>
      <c r="CB16" s="63">
        <v>0</v>
      </c>
      <c r="CC16" s="66">
        <v>0</v>
      </c>
      <c r="CD16" s="64">
        <v>0</v>
      </c>
      <c r="CE16" s="65">
        <v>0</v>
      </c>
      <c r="CF16" s="66">
        <v>6</v>
      </c>
      <c r="CG16" s="66">
        <v>26</v>
      </c>
      <c r="CH16" s="66">
        <v>21</v>
      </c>
      <c r="CI16" s="66">
        <v>32</v>
      </c>
      <c r="CJ16" s="66">
        <v>10</v>
      </c>
      <c r="CK16" s="64">
        <v>95</v>
      </c>
      <c r="CL16" s="68">
        <v>95</v>
      </c>
      <c r="CM16" s="63">
        <v>0</v>
      </c>
      <c r="CN16" s="66">
        <v>0</v>
      </c>
      <c r="CO16" s="64">
        <v>0</v>
      </c>
      <c r="CP16" s="65">
        <v>0</v>
      </c>
      <c r="CQ16" s="66">
        <v>0</v>
      </c>
      <c r="CR16" s="66">
        <v>0</v>
      </c>
      <c r="CS16" s="66">
        <v>0</v>
      </c>
      <c r="CT16" s="66">
        <v>0</v>
      </c>
      <c r="CU16" s="66">
        <v>0</v>
      </c>
      <c r="CV16" s="64">
        <v>0</v>
      </c>
      <c r="CW16" s="68">
        <v>0</v>
      </c>
      <c r="CX16" s="63">
        <v>0</v>
      </c>
      <c r="CY16" s="66">
        <v>0</v>
      </c>
      <c r="CZ16" s="64">
        <v>0</v>
      </c>
      <c r="DA16" s="65">
        <v>0</v>
      </c>
      <c r="DB16" s="66">
        <v>0</v>
      </c>
      <c r="DC16" s="66">
        <v>0</v>
      </c>
      <c r="DD16" s="66">
        <v>0</v>
      </c>
      <c r="DE16" s="66">
        <v>0</v>
      </c>
      <c r="DF16" s="66">
        <v>0</v>
      </c>
      <c r="DG16" s="64">
        <v>0</v>
      </c>
      <c r="DH16" s="68">
        <v>0</v>
      </c>
    </row>
    <row r="17" spans="2:112" ht="21" customHeight="1" x14ac:dyDescent="0.2">
      <c r="B17" s="131" t="s">
        <v>15</v>
      </c>
      <c r="C17" s="63">
        <v>0</v>
      </c>
      <c r="D17" s="66">
        <v>0</v>
      </c>
      <c r="E17" s="111">
        <v>0</v>
      </c>
      <c r="F17" s="65">
        <v>0</v>
      </c>
      <c r="G17" s="66">
        <v>1036</v>
      </c>
      <c r="H17" s="66">
        <v>2572</v>
      </c>
      <c r="I17" s="66">
        <v>1969</v>
      </c>
      <c r="J17" s="66">
        <v>2451</v>
      </c>
      <c r="K17" s="66">
        <v>1931</v>
      </c>
      <c r="L17" s="67">
        <v>9959</v>
      </c>
      <c r="M17" s="68">
        <v>9959</v>
      </c>
      <c r="N17" s="63">
        <v>0</v>
      </c>
      <c r="O17" s="66">
        <v>0</v>
      </c>
      <c r="P17" s="64">
        <v>0</v>
      </c>
      <c r="Q17" s="65">
        <v>0</v>
      </c>
      <c r="R17" s="66">
        <v>0</v>
      </c>
      <c r="S17" s="66">
        <v>21</v>
      </c>
      <c r="T17" s="66">
        <v>31</v>
      </c>
      <c r="U17" s="66">
        <v>75</v>
      </c>
      <c r="V17" s="66">
        <v>111</v>
      </c>
      <c r="W17" s="64">
        <v>238</v>
      </c>
      <c r="X17" s="68">
        <v>238</v>
      </c>
      <c r="Y17" s="63">
        <v>31</v>
      </c>
      <c r="Z17" s="66">
        <v>140</v>
      </c>
      <c r="AA17" s="64">
        <v>171</v>
      </c>
      <c r="AB17" s="65">
        <v>0</v>
      </c>
      <c r="AC17" s="66">
        <v>356</v>
      </c>
      <c r="AD17" s="66">
        <v>630</v>
      </c>
      <c r="AE17" s="66">
        <v>332</v>
      </c>
      <c r="AF17" s="66">
        <v>271</v>
      </c>
      <c r="AG17" s="66">
        <v>379</v>
      </c>
      <c r="AH17" s="64">
        <v>1968</v>
      </c>
      <c r="AI17" s="68">
        <v>2139</v>
      </c>
      <c r="AJ17" s="63">
        <v>0</v>
      </c>
      <c r="AK17" s="66">
        <v>40</v>
      </c>
      <c r="AL17" s="64">
        <v>40</v>
      </c>
      <c r="AM17" s="65">
        <v>0</v>
      </c>
      <c r="AN17" s="66">
        <v>109</v>
      </c>
      <c r="AO17" s="66">
        <v>170</v>
      </c>
      <c r="AP17" s="66">
        <v>58</v>
      </c>
      <c r="AQ17" s="66">
        <v>47</v>
      </c>
      <c r="AR17" s="66">
        <v>44</v>
      </c>
      <c r="AS17" s="64">
        <v>428</v>
      </c>
      <c r="AT17" s="68">
        <v>468</v>
      </c>
      <c r="AU17" s="63">
        <v>0</v>
      </c>
      <c r="AV17" s="66">
        <v>0</v>
      </c>
      <c r="AW17" s="64">
        <v>0</v>
      </c>
      <c r="AX17" s="65">
        <v>0</v>
      </c>
      <c r="AY17" s="66">
        <v>1025</v>
      </c>
      <c r="AZ17" s="66">
        <v>1002</v>
      </c>
      <c r="BA17" s="66">
        <v>682</v>
      </c>
      <c r="BB17" s="66">
        <v>281</v>
      </c>
      <c r="BC17" s="66">
        <v>84</v>
      </c>
      <c r="BD17" s="67">
        <v>3074</v>
      </c>
      <c r="BE17" s="68">
        <v>3074</v>
      </c>
      <c r="BF17" s="63">
        <v>0</v>
      </c>
      <c r="BG17" s="66">
        <v>0</v>
      </c>
      <c r="BH17" s="64">
        <v>0</v>
      </c>
      <c r="BI17" s="65">
        <v>0</v>
      </c>
      <c r="BJ17" s="66">
        <v>243</v>
      </c>
      <c r="BK17" s="66">
        <v>236</v>
      </c>
      <c r="BL17" s="66">
        <v>144</v>
      </c>
      <c r="BM17" s="66">
        <v>101</v>
      </c>
      <c r="BN17" s="66">
        <v>45</v>
      </c>
      <c r="BO17" s="64">
        <v>769</v>
      </c>
      <c r="BP17" s="68">
        <v>769</v>
      </c>
      <c r="BQ17" s="63">
        <v>0</v>
      </c>
      <c r="BR17" s="66">
        <v>4</v>
      </c>
      <c r="BS17" s="64">
        <v>4</v>
      </c>
      <c r="BT17" s="65">
        <v>0</v>
      </c>
      <c r="BU17" s="66">
        <v>167</v>
      </c>
      <c r="BV17" s="66">
        <v>220</v>
      </c>
      <c r="BW17" s="66">
        <v>839</v>
      </c>
      <c r="BX17" s="66">
        <v>551</v>
      </c>
      <c r="BY17" s="66">
        <v>104</v>
      </c>
      <c r="BZ17" s="64">
        <v>1881</v>
      </c>
      <c r="CA17" s="68">
        <v>1885</v>
      </c>
      <c r="CB17" s="63">
        <v>0</v>
      </c>
      <c r="CC17" s="66">
        <v>0</v>
      </c>
      <c r="CD17" s="64">
        <v>0</v>
      </c>
      <c r="CE17" s="65">
        <v>0</v>
      </c>
      <c r="CF17" s="66">
        <v>6</v>
      </c>
      <c r="CG17" s="66">
        <v>15</v>
      </c>
      <c r="CH17" s="66">
        <v>5</v>
      </c>
      <c r="CI17" s="66">
        <v>7</v>
      </c>
      <c r="CJ17" s="66">
        <v>0</v>
      </c>
      <c r="CK17" s="64">
        <v>33</v>
      </c>
      <c r="CL17" s="68">
        <v>33</v>
      </c>
      <c r="CM17" s="63">
        <v>0</v>
      </c>
      <c r="CN17" s="66">
        <v>0</v>
      </c>
      <c r="CO17" s="64">
        <v>0</v>
      </c>
      <c r="CP17" s="65">
        <v>0</v>
      </c>
      <c r="CQ17" s="66">
        <v>0</v>
      </c>
      <c r="CR17" s="66">
        <v>0</v>
      </c>
      <c r="CS17" s="66">
        <v>0</v>
      </c>
      <c r="CT17" s="66">
        <v>0</v>
      </c>
      <c r="CU17" s="66">
        <v>0</v>
      </c>
      <c r="CV17" s="64">
        <v>0</v>
      </c>
      <c r="CW17" s="68">
        <v>0</v>
      </c>
      <c r="CX17" s="63">
        <v>0</v>
      </c>
      <c r="CY17" s="66">
        <v>0</v>
      </c>
      <c r="CZ17" s="64">
        <v>0</v>
      </c>
      <c r="DA17" s="65">
        <v>0</v>
      </c>
      <c r="DB17" s="66">
        <v>0</v>
      </c>
      <c r="DC17" s="66">
        <v>0</v>
      </c>
      <c r="DD17" s="66">
        <v>0</v>
      </c>
      <c r="DE17" s="66">
        <v>0</v>
      </c>
      <c r="DF17" s="66">
        <v>0</v>
      </c>
      <c r="DG17" s="64">
        <v>0</v>
      </c>
      <c r="DH17" s="68">
        <v>0</v>
      </c>
    </row>
    <row r="18" spans="2:112" ht="21" customHeight="1" x14ac:dyDescent="0.2">
      <c r="B18" s="131" t="s">
        <v>16</v>
      </c>
      <c r="C18" s="63">
        <v>0</v>
      </c>
      <c r="D18" s="66">
        <v>0</v>
      </c>
      <c r="E18" s="111">
        <v>0</v>
      </c>
      <c r="F18" s="65">
        <v>0</v>
      </c>
      <c r="G18" s="66">
        <v>1991</v>
      </c>
      <c r="H18" s="66">
        <v>4172</v>
      </c>
      <c r="I18" s="66">
        <v>3929</v>
      </c>
      <c r="J18" s="66">
        <v>5370</v>
      </c>
      <c r="K18" s="66">
        <v>4293</v>
      </c>
      <c r="L18" s="67">
        <v>19755</v>
      </c>
      <c r="M18" s="68">
        <v>19755</v>
      </c>
      <c r="N18" s="63">
        <v>0</v>
      </c>
      <c r="O18" s="66">
        <v>0</v>
      </c>
      <c r="P18" s="64">
        <v>0</v>
      </c>
      <c r="Q18" s="65">
        <v>0</v>
      </c>
      <c r="R18" s="66">
        <v>4</v>
      </c>
      <c r="S18" s="66">
        <v>32</v>
      </c>
      <c r="T18" s="66">
        <v>61</v>
      </c>
      <c r="U18" s="66">
        <v>124</v>
      </c>
      <c r="V18" s="66">
        <v>211</v>
      </c>
      <c r="W18" s="64">
        <v>432</v>
      </c>
      <c r="X18" s="68">
        <v>432</v>
      </c>
      <c r="Y18" s="63">
        <v>71</v>
      </c>
      <c r="Z18" s="66">
        <v>279</v>
      </c>
      <c r="AA18" s="64">
        <v>350</v>
      </c>
      <c r="AB18" s="65">
        <v>0</v>
      </c>
      <c r="AC18" s="66">
        <v>1247</v>
      </c>
      <c r="AD18" s="66">
        <v>2689</v>
      </c>
      <c r="AE18" s="66">
        <v>1596</v>
      </c>
      <c r="AF18" s="66">
        <v>1484</v>
      </c>
      <c r="AG18" s="66">
        <v>816</v>
      </c>
      <c r="AH18" s="64">
        <v>7832</v>
      </c>
      <c r="AI18" s="68">
        <v>8182</v>
      </c>
      <c r="AJ18" s="63">
        <v>47</v>
      </c>
      <c r="AK18" s="66">
        <v>114</v>
      </c>
      <c r="AL18" s="64">
        <v>161</v>
      </c>
      <c r="AM18" s="65">
        <v>0</v>
      </c>
      <c r="AN18" s="66">
        <v>79</v>
      </c>
      <c r="AO18" s="66">
        <v>492</v>
      </c>
      <c r="AP18" s="66">
        <v>142</v>
      </c>
      <c r="AQ18" s="66">
        <v>52</v>
      </c>
      <c r="AR18" s="66">
        <v>137</v>
      </c>
      <c r="AS18" s="64">
        <v>902</v>
      </c>
      <c r="AT18" s="68">
        <v>1063</v>
      </c>
      <c r="AU18" s="63">
        <v>0</v>
      </c>
      <c r="AV18" s="66">
        <v>0</v>
      </c>
      <c r="AW18" s="64">
        <v>0</v>
      </c>
      <c r="AX18" s="65">
        <v>0</v>
      </c>
      <c r="AY18" s="66">
        <v>3070</v>
      </c>
      <c r="AZ18" s="66">
        <v>4418</v>
      </c>
      <c r="BA18" s="66">
        <v>2850</v>
      </c>
      <c r="BB18" s="66">
        <v>1810</v>
      </c>
      <c r="BC18" s="66">
        <v>1102</v>
      </c>
      <c r="BD18" s="67">
        <v>13250</v>
      </c>
      <c r="BE18" s="68">
        <v>13250</v>
      </c>
      <c r="BF18" s="63">
        <v>0</v>
      </c>
      <c r="BG18" s="66">
        <v>0</v>
      </c>
      <c r="BH18" s="64">
        <v>0</v>
      </c>
      <c r="BI18" s="65">
        <v>0</v>
      </c>
      <c r="BJ18" s="66">
        <v>1271</v>
      </c>
      <c r="BK18" s="66">
        <v>2110</v>
      </c>
      <c r="BL18" s="66">
        <v>820</v>
      </c>
      <c r="BM18" s="66">
        <v>420</v>
      </c>
      <c r="BN18" s="66">
        <v>145</v>
      </c>
      <c r="BO18" s="64">
        <v>4766</v>
      </c>
      <c r="BP18" s="68">
        <v>4766</v>
      </c>
      <c r="BQ18" s="63">
        <v>5</v>
      </c>
      <c r="BR18" s="66">
        <v>36</v>
      </c>
      <c r="BS18" s="64">
        <v>41</v>
      </c>
      <c r="BT18" s="65">
        <v>0</v>
      </c>
      <c r="BU18" s="66">
        <v>196</v>
      </c>
      <c r="BV18" s="66">
        <v>512</v>
      </c>
      <c r="BW18" s="66">
        <v>582</v>
      </c>
      <c r="BX18" s="66">
        <v>523</v>
      </c>
      <c r="BY18" s="66">
        <v>219</v>
      </c>
      <c r="BZ18" s="64">
        <v>2032</v>
      </c>
      <c r="CA18" s="68">
        <v>2073</v>
      </c>
      <c r="CB18" s="63">
        <v>0</v>
      </c>
      <c r="CC18" s="66">
        <v>0</v>
      </c>
      <c r="CD18" s="64">
        <v>0</v>
      </c>
      <c r="CE18" s="65">
        <v>0</v>
      </c>
      <c r="CF18" s="66">
        <v>8</v>
      </c>
      <c r="CG18" s="66">
        <v>35</v>
      </c>
      <c r="CH18" s="66">
        <v>65</v>
      </c>
      <c r="CI18" s="66">
        <v>46</v>
      </c>
      <c r="CJ18" s="66">
        <v>3</v>
      </c>
      <c r="CK18" s="64">
        <v>157</v>
      </c>
      <c r="CL18" s="68">
        <v>157</v>
      </c>
      <c r="CM18" s="63">
        <v>0</v>
      </c>
      <c r="CN18" s="66">
        <v>0</v>
      </c>
      <c r="CO18" s="64">
        <v>0</v>
      </c>
      <c r="CP18" s="65">
        <v>0</v>
      </c>
      <c r="CQ18" s="66">
        <v>0</v>
      </c>
      <c r="CR18" s="66">
        <v>0</v>
      </c>
      <c r="CS18" s="66">
        <v>0</v>
      </c>
      <c r="CT18" s="66">
        <v>0</v>
      </c>
      <c r="CU18" s="66">
        <v>0</v>
      </c>
      <c r="CV18" s="64">
        <v>0</v>
      </c>
      <c r="CW18" s="68">
        <v>0</v>
      </c>
      <c r="CX18" s="63">
        <v>0</v>
      </c>
      <c r="CY18" s="66">
        <v>0</v>
      </c>
      <c r="CZ18" s="64">
        <v>0</v>
      </c>
      <c r="DA18" s="65">
        <v>0</v>
      </c>
      <c r="DB18" s="66">
        <v>0</v>
      </c>
      <c r="DC18" s="66">
        <v>0</v>
      </c>
      <c r="DD18" s="66">
        <v>0</v>
      </c>
      <c r="DE18" s="66">
        <v>0</v>
      </c>
      <c r="DF18" s="66">
        <v>0</v>
      </c>
      <c r="DG18" s="64">
        <v>0</v>
      </c>
      <c r="DH18" s="68">
        <v>0</v>
      </c>
    </row>
    <row r="19" spans="2:112" ht="21" customHeight="1" x14ac:dyDescent="0.2">
      <c r="B19" s="131" t="s">
        <v>17</v>
      </c>
      <c r="C19" s="63">
        <v>0</v>
      </c>
      <c r="D19" s="66">
        <v>0</v>
      </c>
      <c r="E19" s="111">
        <v>0</v>
      </c>
      <c r="F19" s="65">
        <v>0</v>
      </c>
      <c r="G19" s="66">
        <v>2460</v>
      </c>
      <c r="H19" s="66">
        <v>6990</v>
      </c>
      <c r="I19" s="66">
        <v>10136</v>
      </c>
      <c r="J19" s="66">
        <v>10811</v>
      </c>
      <c r="K19" s="66">
        <v>10124</v>
      </c>
      <c r="L19" s="67">
        <v>40521</v>
      </c>
      <c r="M19" s="68">
        <v>40521</v>
      </c>
      <c r="N19" s="63">
        <v>0</v>
      </c>
      <c r="O19" s="66">
        <v>5</v>
      </c>
      <c r="P19" s="64">
        <v>5</v>
      </c>
      <c r="Q19" s="65">
        <v>0</v>
      </c>
      <c r="R19" s="66">
        <v>6</v>
      </c>
      <c r="S19" s="66">
        <v>10</v>
      </c>
      <c r="T19" s="66">
        <v>62</v>
      </c>
      <c r="U19" s="66">
        <v>237</v>
      </c>
      <c r="V19" s="66">
        <v>351</v>
      </c>
      <c r="W19" s="64">
        <v>666</v>
      </c>
      <c r="X19" s="68">
        <v>671</v>
      </c>
      <c r="Y19" s="63">
        <v>176</v>
      </c>
      <c r="Z19" s="66">
        <v>613</v>
      </c>
      <c r="AA19" s="64">
        <v>789</v>
      </c>
      <c r="AB19" s="65">
        <v>0</v>
      </c>
      <c r="AC19" s="66">
        <v>1327</v>
      </c>
      <c r="AD19" s="66">
        <v>2971</v>
      </c>
      <c r="AE19" s="66">
        <v>1984</v>
      </c>
      <c r="AF19" s="66">
        <v>1805</v>
      </c>
      <c r="AG19" s="66">
        <v>1344</v>
      </c>
      <c r="AH19" s="64">
        <v>9431</v>
      </c>
      <c r="AI19" s="68">
        <v>10220</v>
      </c>
      <c r="AJ19" s="63">
        <v>28</v>
      </c>
      <c r="AK19" s="66">
        <v>105</v>
      </c>
      <c r="AL19" s="64">
        <v>133</v>
      </c>
      <c r="AM19" s="65">
        <v>0</v>
      </c>
      <c r="AN19" s="66">
        <v>99</v>
      </c>
      <c r="AO19" s="66">
        <v>511</v>
      </c>
      <c r="AP19" s="66">
        <v>291</v>
      </c>
      <c r="AQ19" s="66">
        <v>205</v>
      </c>
      <c r="AR19" s="66">
        <v>237</v>
      </c>
      <c r="AS19" s="64">
        <v>1343</v>
      </c>
      <c r="AT19" s="68">
        <v>1476</v>
      </c>
      <c r="AU19" s="63">
        <v>0</v>
      </c>
      <c r="AV19" s="66">
        <v>0</v>
      </c>
      <c r="AW19" s="64">
        <v>0</v>
      </c>
      <c r="AX19" s="65">
        <v>0</v>
      </c>
      <c r="AY19" s="66">
        <v>2782</v>
      </c>
      <c r="AZ19" s="66">
        <v>5175</v>
      </c>
      <c r="BA19" s="66">
        <v>3493</v>
      </c>
      <c r="BB19" s="66">
        <v>1879</v>
      </c>
      <c r="BC19" s="66">
        <v>1165</v>
      </c>
      <c r="BD19" s="67">
        <v>14494</v>
      </c>
      <c r="BE19" s="68">
        <v>14494</v>
      </c>
      <c r="BF19" s="63">
        <v>0</v>
      </c>
      <c r="BG19" s="66">
        <v>0</v>
      </c>
      <c r="BH19" s="64">
        <v>0</v>
      </c>
      <c r="BI19" s="65">
        <v>0</v>
      </c>
      <c r="BJ19" s="66">
        <v>407</v>
      </c>
      <c r="BK19" s="66">
        <v>1479</v>
      </c>
      <c r="BL19" s="66">
        <v>768</v>
      </c>
      <c r="BM19" s="66">
        <v>375</v>
      </c>
      <c r="BN19" s="66">
        <v>164</v>
      </c>
      <c r="BO19" s="64">
        <v>3193</v>
      </c>
      <c r="BP19" s="68">
        <v>3193</v>
      </c>
      <c r="BQ19" s="63">
        <v>6</v>
      </c>
      <c r="BR19" s="66">
        <v>10</v>
      </c>
      <c r="BS19" s="64">
        <v>16</v>
      </c>
      <c r="BT19" s="65">
        <v>0</v>
      </c>
      <c r="BU19" s="66">
        <v>336</v>
      </c>
      <c r="BV19" s="66">
        <v>798</v>
      </c>
      <c r="BW19" s="66">
        <v>1051</v>
      </c>
      <c r="BX19" s="66">
        <v>1101</v>
      </c>
      <c r="BY19" s="66">
        <v>419</v>
      </c>
      <c r="BZ19" s="64">
        <v>3705</v>
      </c>
      <c r="CA19" s="68">
        <v>3721</v>
      </c>
      <c r="CB19" s="63">
        <v>0</v>
      </c>
      <c r="CC19" s="66">
        <v>0</v>
      </c>
      <c r="CD19" s="64">
        <v>0</v>
      </c>
      <c r="CE19" s="65">
        <v>0</v>
      </c>
      <c r="CF19" s="66">
        <v>32</v>
      </c>
      <c r="CG19" s="66">
        <v>129</v>
      </c>
      <c r="CH19" s="66">
        <v>96</v>
      </c>
      <c r="CI19" s="66">
        <v>98</v>
      </c>
      <c r="CJ19" s="66">
        <v>51</v>
      </c>
      <c r="CK19" s="64">
        <v>406</v>
      </c>
      <c r="CL19" s="68">
        <v>406</v>
      </c>
      <c r="CM19" s="63">
        <v>0</v>
      </c>
      <c r="CN19" s="66">
        <v>0</v>
      </c>
      <c r="CO19" s="64">
        <v>0</v>
      </c>
      <c r="CP19" s="65">
        <v>0</v>
      </c>
      <c r="CQ19" s="66">
        <v>0</v>
      </c>
      <c r="CR19" s="66">
        <v>0</v>
      </c>
      <c r="CS19" s="66">
        <v>0</v>
      </c>
      <c r="CT19" s="66">
        <v>0</v>
      </c>
      <c r="CU19" s="66">
        <v>0</v>
      </c>
      <c r="CV19" s="64">
        <v>0</v>
      </c>
      <c r="CW19" s="68">
        <v>0</v>
      </c>
      <c r="CX19" s="63">
        <v>0</v>
      </c>
      <c r="CY19" s="66">
        <v>0</v>
      </c>
      <c r="CZ19" s="64">
        <v>0</v>
      </c>
      <c r="DA19" s="65">
        <v>0</v>
      </c>
      <c r="DB19" s="66">
        <v>0</v>
      </c>
      <c r="DC19" s="66">
        <v>0</v>
      </c>
      <c r="DD19" s="66">
        <v>0</v>
      </c>
      <c r="DE19" s="66">
        <v>0</v>
      </c>
      <c r="DF19" s="66">
        <v>0</v>
      </c>
      <c r="DG19" s="64">
        <v>0</v>
      </c>
      <c r="DH19" s="68">
        <v>0</v>
      </c>
    </row>
    <row r="20" spans="2:112" ht="21" customHeight="1" x14ac:dyDescent="0.2">
      <c r="B20" s="131" t="s">
        <v>18</v>
      </c>
      <c r="C20" s="63">
        <v>0</v>
      </c>
      <c r="D20" s="66">
        <v>0</v>
      </c>
      <c r="E20" s="111">
        <v>0</v>
      </c>
      <c r="F20" s="65">
        <v>0</v>
      </c>
      <c r="G20" s="66">
        <v>5829</v>
      </c>
      <c r="H20" s="66">
        <v>8294</v>
      </c>
      <c r="I20" s="66">
        <v>9702</v>
      </c>
      <c r="J20" s="66">
        <v>14045</v>
      </c>
      <c r="K20" s="66">
        <v>13198</v>
      </c>
      <c r="L20" s="67">
        <v>51068</v>
      </c>
      <c r="M20" s="68">
        <v>51068</v>
      </c>
      <c r="N20" s="63">
        <v>0</v>
      </c>
      <c r="O20" s="66">
        <v>0</v>
      </c>
      <c r="P20" s="64">
        <v>0</v>
      </c>
      <c r="Q20" s="65">
        <v>0</v>
      </c>
      <c r="R20" s="66">
        <v>19</v>
      </c>
      <c r="S20" s="66">
        <v>37</v>
      </c>
      <c r="T20" s="66">
        <v>59</v>
      </c>
      <c r="U20" s="66">
        <v>222</v>
      </c>
      <c r="V20" s="66">
        <v>427</v>
      </c>
      <c r="W20" s="64">
        <v>764</v>
      </c>
      <c r="X20" s="68">
        <v>764</v>
      </c>
      <c r="Y20" s="63">
        <v>259</v>
      </c>
      <c r="Z20" s="66">
        <v>854</v>
      </c>
      <c r="AA20" s="64">
        <v>1113</v>
      </c>
      <c r="AB20" s="65">
        <v>0</v>
      </c>
      <c r="AC20" s="66">
        <v>2816</v>
      </c>
      <c r="AD20" s="66">
        <v>3526</v>
      </c>
      <c r="AE20" s="66">
        <v>2369</v>
      </c>
      <c r="AF20" s="66">
        <v>1727</v>
      </c>
      <c r="AG20" s="66">
        <v>1555</v>
      </c>
      <c r="AH20" s="64">
        <v>11993</v>
      </c>
      <c r="AI20" s="68">
        <v>13106</v>
      </c>
      <c r="AJ20" s="63">
        <v>83</v>
      </c>
      <c r="AK20" s="66">
        <v>196</v>
      </c>
      <c r="AL20" s="64">
        <v>279</v>
      </c>
      <c r="AM20" s="65">
        <v>0</v>
      </c>
      <c r="AN20" s="66">
        <v>610</v>
      </c>
      <c r="AO20" s="66">
        <v>945</v>
      </c>
      <c r="AP20" s="66">
        <v>586</v>
      </c>
      <c r="AQ20" s="66">
        <v>291</v>
      </c>
      <c r="AR20" s="66">
        <v>194</v>
      </c>
      <c r="AS20" s="64">
        <v>2626</v>
      </c>
      <c r="AT20" s="68">
        <v>2905</v>
      </c>
      <c r="AU20" s="63">
        <v>0</v>
      </c>
      <c r="AV20" s="66">
        <v>0</v>
      </c>
      <c r="AW20" s="64">
        <v>0</v>
      </c>
      <c r="AX20" s="65">
        <v>0</v>
      </c>
      <c r="AY20" s="66">
        <v>6128</v>
      </c>
      <c r="AZ20" s="66">
        <v>5720</v>
      </c>
      <c r="BA20" s="66">
        <v>4231</v>
      </c>
      <c r="BB20" s="66">
        <v>2380</v>
      </c>
      <c r="BC20" s="66">
        <v>1103</v>
      </c>
      <c r="BD20" s="67">
        <v>19562</v>
      </c>
      <c r="BE20" s="68">
        <v>19562</v>
      </c>
      <c r="BF20" s="63">
        <v>0</v>
      </c>
      <c r="BG20" s="66">
        <v>0</v>
      </c>
      <c r="BH20" s="64">
        <v>0</v>
      </c>
      <c r="BI20" s="65">
        <v>0</v>
      </c>
      <c r="BJ20" s="66">
        <v>1264</v>
      </c>
      <c r="BK20" s="66">
        <v>1483</v>
      </c>
      <c r="BL20" s="66">
        <v>984</v>
      </c>
      <c r="BM20" s="66">
        <v>477</v>
      </c>
      <c r="BN20" s="66">
        <v>163</v>
      </c>
      <c r="BO20" s="64">
        <v>4371</v>
      </c>
      <c r="BP20" s="68">
        <v>4371</v>
      </c>
      <c r="BQ20" s="63">
        <v>2</v>
      </c>
      <c r="BR20" s="66">
        <v>50</v>
      </c>
      <c r="BS20" s="64">
        <v>52</v>
      </c>
      <c r="BT20" s="65">
        <v>0</v>
      </c>
      <c r="BU20" s="66">
        <v>453</v>
      </c>
      <c r="BV20" s="66">
        <v>993</v>
      </c>
      <c r="BW20" s="66">
        <v>1765</v>
      </c>
      <c r="BX20" s="66">
        <v>1478</v>
      </c>
      <c r="BY20" s="66">
        <v>519</v>
      </c>
      <c r="BZ20" s="64">
        <v>5208</v>
      </c>
      <c r="CA20" s="68">
        <v>5260</v>
      </c>
      <c r="CB20" s="63">
        <v>0</v>
      </c>
      <c r="CC20" s="66">
        <v>0</v>
      </c>
      <c r="CD20" s="64">
        <v>0</v>
      </c>
      <c r="CE20" s="65">
        <v>0</v>
      </c>
      <c r="CF20" s="66">
        <v>2</v>
      </c>
      <c r="CG20" s="66">
        <v>19</v>
      </c>
      <c r="CH20" s="66">
        <v>31</v>
      </c>
      <c r="CI20" s="66">
        <v>21</v>
      </c>
      <c r="CJ20" s="66">
        <v>10</v>
      </c>
      <c r="CK20" s="64">
        <v>83</v>
      </c>
      <c r="CL20" s="68">
        <v>83</v>
      </c>
      <c r="CM20" s="63">
        <v>0</v>
      </c>
      <c r="CN20" s="66">
        <v>0</v>
      </c>
      <c r="CO20" s="64">
        <v>0</v>
      </c>
      <c r="CP20" s="65">
        <v>0</v>
      </c>
      <c r="CQ20" s="66">
        <v>0</v>
      </c>
      <c r="CR20" s="66">
        <v>0</v>
      </c>
      <c r="CS20" s="66">
        <v>0</v>
      </c>
      <c r="CT20" s="66">
        <v>0</v>
      </c>
      <c r="CU20" s="66">
        <v>0</v>
      </c>
      <c r="CV20" s="64">
        <v>0</v>
      </c>
      <c r="CW20" s="68">
        <v>0</v>
      </c>
      <c r="CX20" s="63">
        <v>0</v>
      </c>
      <c r="CY20" s="66">
        <v>0</v>
      </c>
      <c r="CZ20" s="64">
        <v>0</v>
      </c>
      <c r="DA20" s="65">
        <v>0</v>
      </c>
      <c r="DB20" s="66">
        <v>0</v>
      </c>
      <c r="DC20" s="66">
        <v>0</v>
      </c>
      <c r="DD20" s="66">
        <v>0</v>
      </c>
      <c r="DE20" s="66">
        <v>0</v>
      </c>
      <c r="DF20" s="66">
        <v>0</v>
      </c>
      <c r="DG20" s="64">
        <v>0</v>
      </c>
      <c r="DH20" s="68">
        <v>0</v>
      </c>
    </row>
    <row r="21" spans="2:112" ht="21" customHeight="1" x14ac:dyDescent="0.2">
      <c r="B21" s="131" t="s">
        <v>19</v>
      </c>
      <c r="C21" s="63">
        <v>0</v>
      </c>
      <c r="D21" s="66">
        <v>0</v>
      </c>
      <c r="E21" s="111">
        <v>0</v>
      </c>
      <c r="F21" s="65">
        <v>0</v>
      </c>
      <c r="G21" s="66">
        <v>2458</v>
      </c>
      <c r="H21" s="66">
        <v>2248</v>
      </c>
      <c r="I21" s="66">
        <v>3084</v>
      </c>
      <c r="J21" s="66">
        <v>3078</v>
      </c>
      <c r="K21" s="66">
        <v>3007</v>
      </c>
      <c r="L21" s="67">
        <v>13875</v>
      </c>
      <c r="M21" s="68">
        <v>13875</v>
      </c>
      <c r="N21" s="63">
        <v>0</v>
      </c>
      <c r="O21" s="66">
        <v>0</v>
      </c>
      <c r="P21" s="64">
        <v>0</v>
      </c>
      <c r="Q21" s="65">
        <v>0</v>
      </c>
      <c r="R21" s="66">
        <v>20</v>
      </c>
      <c r="S21" s="66">
        <v>19</v>
      </c>
      <c r="T21" s="66">
        <v>42</v>
      </c>
      <c r="U21" s="66">
        <v>69</v>
      </c>
      <c r="V21" s="66">
        <v>118</v>
      </c>
      <c r="W21" s="64">
        <v>268</v>
      </c>
      <c r="X21" s="68">
        <v>268</v>
      </c>
      <c r="Y21" s="63">
        <v>196</v>
      </c>
      <c r="Z21" s="66">
        <v>357</v>
      </c>
      <c r="AA21" s="64">
        <v>553</v>
      </c>
      <c r="AB21" s="65">
        <v>0</v>
      </c>
      <c r="AC21" s="66">
        <v>1622</v>
      </c>
      <c r="AD21" s="66">
        <v>1260</v>
      </c>
      <c r="AE21" s="66">
        <v>1154</v>
      </c>
      <c r="AF21" s="66">
        <v>723</v>
      </c>
      <c r="AG21" s="66">
        <v>635</v>
      </c>
      <c r="AH21" s="64">
        <v>5394</v>
      </c>
      <c r="AI21" s="68">
        <v>5947</v>
      </c>
      <c r="AJ21" s="63">
        <v>18</v>
      </c>
      <c r="AK21" s="66">
        <v>76</v>
      </c>
      <c r="AL21" s="64">
        <v>94</v>
      </c>
      <c r="AM21" s="65">
        <v>0</v>
      </c>
      <c r="AN21" s="66">
        <v>256</v>
      </c>
      <c r="AO21" s="66">
        <v>137</v>
      </c>
      <c r="AP21" s="66">
        <v>85</v>
      </c>
      <c r="AQ21" s="66">
        <v>122</v>
      </c>
      <c r="AR21" s="66">
        <v>33</v>
      </c>
      <c r="AS21" s="64">
        <v>633</v>
      </c>
      <c r="AT21" s="68">
        <v>727</v>
      </c>
      <c r="AU21" s="63">
        <v>0</v>
      </c>
      <c r="AV21" s="66">
        <v>0</v>
      </c>
      <c r="AW21" s="64">
        <v>0</v>
      </c>
      <c r="AX21" s="65">
        <v>0</v>
      </c>
      <c r="AY21" s="66">
        <v>2280</v>
      </c>
      <c r="AZ21" s="66">
        <v>2319</v>
      </c>
      <c r="BA21" s="66">
        <v>1322</v>
      </c>
      <c r="BB21" s="66">
        <v>645</v>
      </c>
      <c r="BC21" s="66">
        <v>452</v>
      </c>
      <c r="BD21" s="67">
        <v>7018</v>
      </c>
      <c r="BE21" s="68">
        <v>7018</v>
      </c>
      <c r="BF21" s="63">
        <v>0</v>
      </c>
      <c r="BG21" s="66">
        <v>0</v>
      </c>
      <c r="BH21" s="64">
        <v>0</v>
      </c>
      <c r="BI21" s="65">
        <v>0</v>
      </c>
      <c r="BJ21" s="66">
        <v>797</v>
      </c>
      <c r="BK21" s="66">
        <v>674</v>
      </c>
      <c r="BL21" s="66">
        <v>507</v>
      </c>
      <c r="BM21" s="66">
        <v>239</v>
      </c>
      <c r="BN21" s="66">
        <v>85</v>
      </c>
      <c r="BO21" s="64">
        <v>2302</v>
      </c>
      <c r="BP21" s="68">
        <v>2302</v>
      </c>
      <c r="BQ21" s="63">
        <v>0</v>
      </c>
      <c r="BR21" s="66">
        <v>14</v>
      </c>
      <c r="BS21" s="64">
        <v>14</v>
      </c>
      <c r="BT21" s="65">
        <v>0</v>
      </c>
      <c r="BU21" s="66">
        <v>126</v>
      </c>
      <c r="BV21" s="66">
        <v>351</v>
      </c>
      <c r="BW21" s="66">
        <v>428</v>
      </c>
      <c r="BX21" s="66">
        <v>269</v>
      </c>
      <c r="BY21" s="66">
        <v>98</v>
      </c>
      <c r="BZ21" s="64">
        <v>1272</v>
      </c>
      <c r="CA21" s="68">
        <v>1286</v>
      </c>
      <c r="CB21" s="63">
        <v>0</v>
      </c>
      <c r="CC21" s="66">
        <v>0</v>
      </c>
      <c r="CD21" s="64">
        <v>0</v>
      </c>
      <c r="CE21" s="65">
        <v>0</v>
      </c>
      <c r="CF21" s="66">
        <v>22</v>
      </c>
      <c r="CG21" s="66">
        <v>40</v>
      </c>
      <c r="CH21" s="66">
        <v>60</v>
      </c>
      <c r="CI21" s="66">
        <v>75</v>
      </c>
      <c r="CJ21" s="66">
        <v>25</v>
      </c>
      <c r="CK21" s="64">
        <v>222</v>
      </c>
      <c r="CL21" s="68">
        <v>222</v>
      </c>
      <c r="CM21" s="63">
        <v>0</v>
      </c>
      <c r="CN21" s="66">
        <v>0</v>
      </c>
      <c r="CO21" s="64">
        <v>0</v>
      </c>
      <c r="CP21" s="65">
        <v>0</v>
      </c>
      <c r="CQ21" s="66">
        <v>0</v>
      </c>
      <c r="CR21" s="66">
        <v>0</v>
      </c>
      <c r="CS21" s="66">
        <v>0</v>
      </c>
      <c r="CT21" s="66">
        <v>0</v>
      </c>
      <c r="CU21" s="66">
        <v>0</v>
      </c>
      <c r="CV21" s="64">
        <v>0</v>
      </c>
      <c r="CW21" s="68">
        <v>0</v>
      </c>
      <c r="CX21" s="63">
        <v>0</v>
      </c>
      <c r="CY21" s="66">
        <v>0</v>
      </c>
      <c r="CZ21" s="64">
        <v>0</v>
      </c>
      <c r="DA21" s="65">
        <v>0</v>
      </c>
      <c r="DB21" s="66">
        <v>0</v>
      </c>
      <c r="DC21" s="66">
        <v>0</v>
      </c>
      <c r="DD21" s="66">
        <v>0</v>
      </c>
      <c r="DE21" s="66">
        <v>0</v>
      </c>
      <c r="DF21" s="66">
        <v>0</v>
      </c>
      <c r="DG21" s="64">
        <v>0</v>
      </c>
      <c r="DH21" s="68">
        <v>0</v>
      </c>
    </row>
    <row r="22" spans="2:112" ht="21" customHeight="1" x14ac:dyDescent="0.2">
      <c r="B22" s="131" t="s">
        <v>20</v>
      </c>
      <c r="C22" s="63">
        <v>0</v>
      </c>
      <c r="D22" s="66">
        <v>0</v>
      </c>
      <c r="E22" s="111">
        <v>0</v>
      </c>
      <c r="F22" s="65">
        <v>0</v>
      </c>
      <c r="G22" s="66">
        <v>3539</v>
      </c>
      <c r="H22" s="66">
        <v>3489</v>
      </c>
      <c r="I22" s="66">
        <v>5259</v>
      </c>
      <c r="J22" s="66">
        <v>4729</v>
      </c>
      <c r="K22" s="66">
        <v>5008</v>
      </c>
      <c r="L22" s="67">
        <v>22024</v>
      </c>
      <c r="M22" s="68">
        <v>22024</v>
      </c>
      <c r="N22" s="63">
        <v>0</v>
      </c>
      <c r="O22" s="66">
        <v>0</v>
      </c>
      <c r="P22" s="64">
        <v>0</v>
      </c>
      <c r="Q22" s="65">
        <v>0</v>
      </c>
      <c r="R22" s="66">
        <v>10</v>
      </c>
      <c r="S22" s="66">
        <v>26</v>
      </c>
      <c r="T22" s="66">
        <v>62</v>
      </c>
      <c r="U22" s="66">
        <v>107</v>
      </c>
      <c r="V22" s="66">
        <v>186</v>
      </c>
      <c r="W22" s="64">
        <v>391</v>
      </c>
      <c r="X22" s="68">
        <v>391</v>
      </c>
      <c r="Y22" s="63">
        <v>247</v>
      </c>
      <c r="Z22" s="66">
        <v>676</v>
      </c>
      <c r="AA22" s="64">
        <v>923</v>
      </c>
      <c r="AB22" s="65">
        <v>0</v>
      </c>
      <c r="AC22" s="66">
        <v>2229</v>
      </c>
      <c r="AD22" s="66">
        <v>1967</v>
      </c>
      <c r="AE22" s="66">
        <v>1118</v>
      </c>
      <c r="AF22" s="66">
        <v>961</v>
      </c>
      <c r="AG22" s="66">
        <v>522</v>
      </c>
      <c r="AH22" s="64">
        <v>6797</v>
      </c>
      <c r="AI22" s="68">
        <v>7720</v>
      </c>
      <c r="AJ22" s="63">
        <v>110</v>
      </c>
      <c r="AK22" s="66">
        <v>450</v>
      </c>
      <c r="AL22" s="64">
        <v>560</v>
      </c>
      <c r="AM22" s="65">
        <v>0</v>
      </c>
      <c r="AN22" s="66">
        <v>626</v>
      </c>
      <c r="AO22" s="66">
        <v>701</v>
      </c>
      <c r="AP22" s="66">
        <v>524</v>
      </c>
      <c r="AQ22" s="66">
        <v>397</v>
      </c>
      <c r="AR22" s="66">
        <v>132</v>
      </c>
      <c r="AS22" s="64">
        <v>2380</v>
      </c>
      <c r="AT22" s="68">
        <v>2940</v>
      </c>
      <c r="AU22" s="63">
        <v>0</v>
      </c>
      <c r="AV22" s="66">
        <v>0</v>
      </c>
      <c r="AW22" s="64">
        <v>0</v>
      </c>
      <c r="AX22" s="65">
        <v>0</v>
      </c>
      <c r="AY22" s="66">
        <v>2790</v>
      </c>
      <c r="AZ22" s="66">
        <v>2308</v>
      </c>
      <c r="BA22" s="66">
        <v>1454</v>
      </c>
      <c r="BB22" s="66">
        <v>848</v>
      </c>
      <c r="BC22" s="66">
        <v>308</v>
      </c>
      <c r="BD22" s="67">
        <v>7708</v>
      </c>
      <c r="BE22" s="68">
        <v>7708</v>
      </c>
      <c r="BF22" s="63">
        <v>0</v>
      </c>
      <c r="BG22" s="66">
        <v>0</v>
      </c>
      <c r="BH22" s="64">
        <v>0</v>
      </c>
      <c r="BI22" s="65">
        <v>0</v>
      </c>
      <c r="BJ22" s="66">
        <v>862</v>
      </c>
      <c r="BK22" s="66">
        <v>724</v>
      </c>
      <c r="BL22" s="66">
        <v>321</v>
      </c>
      <c r="BM22" s="66">
        <v>293</v>
      </c>
      <c r="BN22" s="66">
        <v>108</v>
      </c>
      <c r="BO22" s="64">
        <v>2308</v>
      </c>
      <c r="BP22" s="68">
        <v>2308</v>
      </c>
      <c r="BQ22" s="63">
        <v>0</v>
      </c>
      <c r="BR22" s="66">
        <v>14</v>
      </c>
      <c r="BS22" s="64">
        <v>14</v>
      </c>
      <c r="BT22" s="65">
        <v>0</v>
      </c>
      <c r="BU22" s="66">
        <v>324</v>
      </c>
      <c r="BV22" s="66">
        <v>422</v>
      </c>
      <c r="BW22" s="66">
        <v>1039</v>
      </c>
      <c r="BX22" s="66">
        <v>710</v>
      </c>
      <c r="BY22" s="66">
        <v>338</v>
      </c>
      <c r="BZ22" s="64">
        <v>2833</v>
      </c>
      <c r="CA22" s="68">
        <v>2847</v>
      </c>
      <c r="CB22" s="63">
        <v>0</v>
      </c>
      <c r="CC22" s="66">
        <v>0</v>
      </c>
      <c r="CD22" s="64">
        <v>0</v>
      </c>
      <c r="CE22" s="65">
        <v>0</v>
      </c>
      <c r="CF22" s="66">
        <v>9</v>
      </c>
      <c r="CG22" s="66">
        <v>30</v>
      </c>
      <c r="CH22" s="66">
        <v>39</v>
      </c>
      <c r="CI22" s="66">
        <v>67</v>
      </c>
      <c r="CJ22" s="66">
        <v>37</v>
      </c>
      <c r="CK22" s="64">
        <v>182</v>
      </c>
      <c r="CL22" s="68">
        <v>182</v>
      </c>
      <c r="CM22" s="63">
        <v>0</v>
      </c>
      <c r="CN22" s="66">
        <v>0</v>
      </c>
      <c r="CO22" s="64">
        <v>0</v>
      </c>
      <c r="CP22" s="65">
        <v>0</v>
      </c>
      <c r="CQ22" s="66">
        <v>0</v>
      </c>
      <c r="CR22" s="66">
        <v>0</v>
      </c>
      <c r="CS22" s="66">
        <v>0</v>
      </c>
      <c r="CT22" s="66">
        <v>0</v>
      </c>
      <c r="CU22" s="66">
        <v>0</v>
      </c>
      <c r="CV22" s="64">
        <v>0</v>
      </c>
      <c r="CW22" s="68">
        <v>0</v>
      </c>
      <c r="CX22" s="63">
        <v>0</v>
      </c>
      <c r="CY22" s="66">
        <v>0</v>
      </c>
      <c r="CZ22" s="64">
        <v>0</v>
      </c>
      <c r="DA22" s="65">
        <v>0</v>
      </c>
      <c r="DB22" s="66">
        <v>0</v>
      </c>
      <c r="DC22" s="66">
        <v>0</v>
      </c>
      <c r="DD22" s="66">
        <v>0</v>
      </c>
      <c r="DE22" s="66">
        <v>0</v>
      </c>
      <c r="DF22" s="66">
        <v>0</v>
      </c>
      <c r="DG22" s="64">
        <v>0</v>
      </c>
      <c r="DH22" s="68">
        <v>0</v>
      </c>
    </row>
    <row r="23" spans="2:112" ht="21" customHeight="1" x14ac:dyDescent="0.2">
      <c r="B23" s="131" t="s">
        <v>21</v>
      </c>
      <c r="C23" s="63">
        <v>0</v>
      </c>
      <c r="D23" s="66">
        <v>0</v>
      </c>
      <c r="E23" s="111">
        <v>0</v>
      </c>
      <c r="F23" s="65">
        <v>0</v>
      </c>
      <c r="G23" s="66">
        <v>3138</v>
      </c>
      <c r="H23" s="66">
        <v>5705</v>
      </c>
      <c r="I23" s="66">
        <v>7918</v>
      </c>
      <c r="J23" s="66">
        <v>6653</v>
      </c>
      <c r="K23" s="66">
        <v>6924</v>
      </c>
      <c r="L23" s="67">
        <v>30338</v>
      </c>
      <c r="M23" s="68">
        <v>30338</v>
      </c>
      <c r="N23" s="63">
        <v>0</v>
      </c>
      <c r="O23" s="66">
        <v>0</v>
      </c>
      <c r="P23" s="64">
        <v>0</v>
      </c>
      <c r="Q23" s="65">
        <v>0</v>
      </c>
      <c r="R23" s="66">
        <v>4</v>
      </c>
      <c r="S23" s="66">
        <v>19</v>
      </c>
      <c r="T23" s="66">
        <v>48</v>
      </c>
      <c r="U23" s="66">
        <v>139</v>
      </c>
      <c r="V23" s="66">
        <v>222</v>
      </c>
      <c r="W23" s="64">
        <v>432</v>
      </c>
      <c r="X23" s="68">
        <v>432</v>
      </c>
      <c r="Y23" s="63">
        <v>278</v>
      </c>
      <c r="Z23" s="66">
        <v>762</v>
      </c>
      <c r="AA23" s="64">
        <v>1040</v>
      </c>
      <c r="AB23" s="65">
        <v>0</v>
      </c>
      <c r="AC23" s="66">
        <v>1779</v>
      </c>
      <c r="AD23" s="66">
        <v>2841</v>
      </c>
      <c r="AE23" s="66">
        <v>1748</v>
      </c>
      <c r="AF23" s="66">
        <v>1422</v>
      </c>
      <c r="AG23" s="66">
        <v>927</v>
      </c>
      <c r="AH23" s="64">
        <v>8717</v>
      </c>
      <c r="AI23" s="68">
        <v>9757</v>
      </c>
      <c r="AJ23" s="63">
        <v>131</v>
      </c>
      <c r="AK23" s="66">
        <v>329</v>
      </c>
      <c r="AL23" s="64">
        <v>460</v>
      </c>
      <c r="AM23" s="65">
        <v>0</v>
      </c>
      <c r="AN23" s="66">
        <v>270</v>
      </c>
      <c r="AO23" s="66">
        <v>500</v>
      </c>
      <c r="AP23" s="66">
        <v>291</v>
      </c>
      <c r="AQ23" s="66">
        <v>188</v>
      </c>
      <c r="AR23" s="66">
        <v>69</v>
      </c>
      <c r="AS23" s="64">
        <v>1318</v>
      </c>
      <c r="AT23" s="68">
        <v>1778</v>
      </c>
      <c r="AU23" s="63">
        <v>0</v>
      </c>
      <c r="AV23" s="66">
        <v>0</v>
      </c>
      <c r="AW23" s="64">
        <v>0</v>
      </c>
      <c r="AX23" s="65">
        <v>0</v>
      </c>
      <c r="AY23" s="66">
        <v>2728</v>
      </c>
      <c r="AZ23" s="66">
        <v>3097</v>
      </c>
      <c r="BA23" s="66">
        <v>2141</v>
      </c>
      <c r="BB23" s="66">
        <v>803</v>
      </c>
      <c r="BC23" s="66">
        <v>267</v>
      </c>
      <c r="BD23" s="67">
        <v>9036</v>
      </c>
      <c r="BE23" s="68">
        <v>9036</v>
      </c>
      <c r="BF23" s="63">
        <v>0</v>
      </c>
      <c r="BG23" s="66">
        <v>0</v>
      </c>
      <c r="BH23" s="64">
        <v>0</v>
      </c>
      <c r="BI23" s="65">
        <v>0</v>
      </c>
      <c r="BJ23" s="66">
        <v>408</v>
      </c>
      <c r="BK23" s="66">
        <v>435</v>
      </c>
      <c r="BL23" s="66">
        <v>278</v>
      </c>
      <c r="BM23" s="66">
        <v>134</v>
      </c>
      <c r="BN23" s="66">
        <v>39</v>
      </c>
      <c r="BO23" s="64">
        <v>1294</v>
      </c>
      <c r="BP23" s="68">
        <v>1294</v>
      </c>
      <c r="BQ23" s="63">
        <v>0</v>
      </c>
      <c r="BR23" s="66">
        <v>12</v>
      </c>
      <c r="BS23" s="64">
        <v>12</v>
      </c>
      <c r="BT23" s="65">
        <v>0</v>
      </c>
      <c r="BU23" s="66">
        <v>221</v>
      </c>
      <c r="BV23" s="66">
        <v>458</v>
      </c>
      <c r="BW23" s="66">
        <v>1002</v>
      </c>
      <c r="BX23" s="66">
        <v>703</v>
      </c>
      <c r="BY23" s="66">
        <v>392</v>
      </c>
      <c r="BZ23" s="64">
        <v>2776</v>
      </c>
      <c r="CA23" s="68">
        <v>2788</v>
      </c>
      <c r="CB23" s="63">
        <v>0</v>
      </c>
      <c r="CC23" s="66">
        <v>9</v>
      </c>
      <c r="CD23" s="64">
        <v>9</v>
      </c>
      <c r="CE23" s="65">
        <v>0</v>
      </c>
      <c r="CF23" s="66">
        <v>2</v>
      </c>
      <c r="CG23" s="66">
        <v>44</v>
      </c>
      <c r="CH23" s="66">
        <v>48</v>
      </c>
      <c r="CI23" s="66">
        <v>18</v>
      </c>
      <c r="CJ23" s="66">
        <v>0</v>
      </c>
      <c r="CK23" s="64">
        <v>112</v>
      </c>
      <c r="CL23" s="68">
        <v>121</v>
      </c>
      <c r="CM23" s="63">
        <v>0</v>
      </c>
      <c r="CN23" s="66">
        <v>0</v>
      </c>
      <c r="CO23" s="64">
        <v>0</v>
      </c>
      <c r="CP23" s="65">
        <v>0</v>
      </c>
      <c r="CQ23" s="66">
        <v>0</v>
      </c>
      <c r="CR23" s="66">
        <v>0</v>
      </c>
      <c r="CS23" s="66">
        <v>0</v>
      </c>
      <c r="CT23" s="66">
        <v>0</v>
      </c>
      <c r="CU23" s="66">
        <v>0</v>
      </c>
      <c r="CV23" s="64">
        <v>0</v>
      </c>
      <c r="CW23" s="68">
        <v>0</v>
      </c>
      <c r="CX23" s="63">
        <v>0</v>
      </c>
      <c r="CY23" s="66">
        <v>0</v>
      </c>
      <c r="CZ23" s="64">
        <v>0</v>
      </c>
      <c r="DA23" s="65">
        <v>0</v>
      </c>
      <c r="DB23" s="66">
        <v>0</v>
      </c>
      <c r="DC23" s="66">
        <v>0</v>
      </c>
      <c r="DD23" s="66">
        <v>0</v>
      </c>
      <c r="DE23" s="66">
        <v>0</v>
      </c>
      <c r="DF23" s="66">
        <v>0</v>
      </c>
      <c r="DG23" s="64">
        <v>0</v>
      </c>
      <c r="DH23" s="68">
        <v>0</v>
      </c>
    </row>
    <row r="24" spans="2:112" ht="21" customHeight="1" x14ac:dyDescent="0.2">
      <c r="B24" s="131" t="s">
        <v>22</v>
      </c>
      <c r="C24" s="63">
        <v>0</v>
      </c>
      <c r="D24" s="66">
        <v>0</v>
      </c>
      <c r="E24" s="111">
        <v>0</v>
      </c>
      <c r="F24" s="65">
        <v>0</v>
      </c>
      <c r="G24" s="66">
        <v>694</v>
      </c>
      <c r="H24" s="66">
        <v>1167</v>
      </c>
      <c r="I24" s="66">
        <v>942</v>
      </c>
      <c r="J24" s="66">
        <v>1434</v>
      </c>
      <c r="K24" s="66">
        <v>1332</v>
      </c>
      <c r="L24" s="67">
        <v>5569</v>
      </c>
      <c r="M24" s="68">
        <v>5569</v>
      </c>
      <c r="N24" s="63">
        <v>0</v>
      </c>
      <c r="O24" s="66">
        <v>1</v>
      </c>
      <c r="P24" s="64">
        <v>1</v>
      </c>
      <c r="Q24" s="65">
        <v>0</v>
      </c>
      <c r="R24" s="66">
        <v>16</v>
      </c>
      <c r="S24" s="66">
        <v>13</v>
      </c>
      <c r="T24" s="66">
        <v>14</v>
      </c>
      <c r="U24" s="66">
        <v>43</v>
      </c>
      <c r="V24" s="66">
        <v>109</v>
      </c>
      <c r="W24" s="64">
        <v>195</v>
      </c>
      <c r="X24" s="68">
        <v>196</v>
      </c>
      <c r="Y24" s="63">
        <v>31</v>
      </c>
      <c r="Z24" s="66">
        <v>86</v>
      </c>
      <c r="AA24" s="64">
        <v>117</v>
      </c>
      <c r="AB24" s="65">
        <v>0</v>
      </c>
      <c r="AC24" s="66">
        <v>385</v>
      </c>
      <c r="AD24" s="66">
        <v>520</v>
      </c>
      <c r="AE24" s="66">
        <v>265</v>
      </c>
      <c r="AF24" s="66">
        <v>389</v>
      </c>
      <c r="AG24" s="66">
        <v>438</v>
      </c>
      <c r="AH24" s="64">
        <v>1997</v>
      </c>
      <c r="AI24" s="68">
        <v>2114</v>
      </c>
      <c r="AJ24" s="63">
        <v>12</v>
      </c>
      <c r="AK24" s="66">
        <v>12</v>
      </c>
      <c r="AL24" s="64">
        <v>24</v>
      </c>
      <c r="AM24" s="65">
        <v>0</v>
      </c>
      <c r="AN24" s="66">
        <v>138</v>
      </c>
      <c r="AO24" s="66">
        <v>148</v>
      </c>
      <c r="AP24" s="66">
        <v>24</v>
      </c>
      <c r="AQ24" s="66">
        <v>99</v>
      </c>
      <c r="AR24" s="66">
        <v>29</v>
      </c>
      <c r="AS24" s="64">
        <v>438</v>
      </c>
      <c r="AT24" s="68">
        <v>462</v>
      </c>
      <c r="AU24" s="63">
        <v>0</v>
      </c>
      <c r="AV24" s="66">
        <v>0</v>
      </c>
      <c r="AW24" s="64">
        <v>0</v>
      </c>
      <c r="AX24" s="65">
        <v>0</v>
      </c>
      <c r="AY24" s="66">
        <v>907</v>
      </c>
      <c r="AZ24" s="66">
        <v>1117</v>
      </c>
      <c r="BA24" s="66">
        <v>863</v>
      </c>
      <c r="BB24" s="66">
        <v>379</v>
      </c>
      <c r="BC24" s="66">
        <v>213</v>
      </c>
      <c r="BD24" s="67">
        <v>3479</v>
      </c>
      <c r="BE24" s="68">
        <v>3479</v>
      </c>
      <c r="BF24" s="63">
        <v>0</v>
      </c>
      <c r="BG24" s="66">
        <v>0</v>
      </c>
      <c r="BH24" s="64">
        <v>0</v>
      </c>
      <c r="BI24" s="65">
        <v>0</v>
      </c>
      <c r="BJ24" s="66">
        <v>156</v>
      </c>
      <c r="BK24" s="66">
        <v>276</v>
      </c>
      <c r="BL24" s="66">
        <v>103</v>
      </c>
      <c r="BM24" s="66">
        <v>125</v>
      </c>
      <c r="BN24" s="66">
        <v>36</v>
      </c>
      <c r="BO24" s="64">
        <v>696</v>
      </c>
      <c r="BP24" s="68">
        <v>696</v>
      </c>
      <c r="BQ24" s="63">
        <v>0</v>
      </c>
      <c r="BR24" s="66">
        <v>19</v>
      </c>
      <c r="BS24" s="64">
        <v>19</v>
      </c>
      <c r="BT24" s="65">
        <v>0</v>
      </c>
      <c r="BU24" s="66">
        <v>80</v>
      </c>
      <c r="BV24" s="66">
        <v>99</v>
      </c>
      <c r="BW24" s="66">
        <v>276</v>
      </c>
      <c r="BX24" s="66">
        <v>278</v>
      </c>
      <c r="BY24" s="66">
        <v>161</v>
      </c>
      <c r="BZ24" s="64">
        <v>894</v>
      </c>
      <c r="CA24" s="68">
        <v>913</v>
      </c>
      <c r="CB24" s="63">
        <v>0</v>
      </c>
      <c r="CC24" s="66">
        <v>0</v>
      </c>
      <c r="CD24" s="64">
        <v>0</v>
      </c>
      <c r="CE24" s="65">
        <v>0</v>
      </c>
      <c r="CF24" s="66">
        <v>18</v>
      </c>
      <c r="CG24" s="66">
        <v>0</v>
      </c>
      <c r="CH24" s="66">
        <v>18</v>
      </c>
      <c r="CI24" s="66">
        <v>42</v>
      </c>
      <c r="CJ24" s="66">
        <v>10</v>
      </c>
      <c r="CK24" s="64">
        <v>88</v>
      </c>
      <c r="CL24" s="68">
        <v>88</v>
      </c>
      <c r="CM24" s="63">
        <v>0</v>
      </c>
      <c r="CN24" s="66">
        <v>0</v>
      </c>
      <c r="CO24" s="64">
        <v>0</v>
      </c>
      <c r="CP24" s="65">
        <v>0</v>
      </c>
      <c r="CQ24" s="66">
        <v>0</v>
      </c>
      <c r="CR24" s="66">
        <v>0</v>
      </c>
      <c r="CS24" s="66">
        <v>0</v>
      </c>
      <c r="CT24" s="66">
        <v>0</v>
      </c>
      <c r="CU24" s="66">
        <v>0</v>
      </c>
      <c r="CV24" s="64">
        <v>0</v>
      </c>
      <c r="CW24" s="68">
        <v>0</v>
      </c>
      <c r="CX24" s="63">
        <v>0</v>
      </c>
      <c r="CY24" s="66">
        <v>0</v>
      </c>
      <c r="CZ24" s="64">
        <v>0</v>
      </c>
      <c r="DA24" s="65">
        <v>0</v>
      </c>
      <c r="DB24" s="66">
        <v>0</v>
      </c>
      <c r="DC24" s="66">
        <v>0</v>
      </c>
      <c r="DD24" s="66">
        <v>0</v>
      </c>
      <c r="DE24" s="66">
        <v>0</v>
      </c>
      <c r="DF24" s="66">
        <v>0</v>
      </c>
      <c r="DG24" s="64">
        <v>0</v>
      </c>
      <c r="DH24" s="68">
        <v>0</v>
      </c>
    </row>
    <row r="25" spans="2:112" ht="21" customHeight="1" x14ac:dyDescent="0.2">
      <c r="B25" s="131" t="s">
        <v>23</v>
      </c>
      <c r="C25" s="63">
        <v>0</v>
      </c>
      <c r="D25" s="66">
        <v>0</v>
      </c>
      <c r="E25" s="111">
        <v>0</v>
      </c>
      <c r="F25" s="65">
        <v>0</v>
      </c>
      <c r="G25" s="66">
        <v>1907</v>
      </c>
      <c r="H25" s="66">
        <v>2398</v>
      </c>
      <c r="I25" s="66">
        <v>2858</v>
      </c>
      <c r="J25" s="66">
        <v>3844</v>
      </c>
      <c r="K25" s="66">
        <v>2188</v>
      </c>
      <c r="L25" s="67">
        <v>13195</v>
      </c>
      <c r="M25" s="68">
        <v>13195</v>
      </c>
      <c r="N25" s="63">
        <v>0</v>
      </c>
      <c r="O25" s="66">
        <v>0</v>
      </c>
      <c r="P25" s="64">
        <v>0</v>
      </c>
      <c r="Q25" s="65">
        <v>0</v>
      </c>
      <c r="R25" s="66">
        <v>1</v>
      </c>
      <c r="S25" s="66">
        <v>24</v>
      </c>
      <c r="T25" s="66">
        <v>15</v>
      </c>
      <c r="U25" s="66">
        <v>89</v>
      </c>
      <c r="V25" s="66">
        <v>116</v>
      </c>
      <c r="W25" s="64">
        <v>245</v>
      </c>
      <c r="X25" s="68">
        <v>245</v>
      </c>
      <c r="Y25" s="63">
        <v>239</v>
      </c>
      <c r="Z25" s="66">
        <v>639</v>
      </c>
      <c r="AA25" s="64">
        <v>878</v>
      </c>
      <c r="AB25" s="65">
        <v>0</v>
      </c>
      <c r="AC25" s="66">
        <v>979</v>
      </c>
      <c r="AD25" s="66">
        <v>1775</v>
      </c>
      <c r="AE25" s="66">
        <v>846</v>
      </c>
      <c r="AF25" s="66">
        <v>825</v>
      </c>
      <c r="AG25" s="66">
        <v>532</v>
      </c>
      <c r="AH25" s="64">
        <v>4957</v>
      </c>
      <c r="AI25" s="68">
        <v>5835</v>
      </c>
      <c r="AJ25" s="63">
        <v>56</v>
      </c>
      <c r="AK25" s="66">
        <v>144</v>
      </c>
      <c r="AL25" s="64">
        <v>200</v>
      </c>
      <c r="AM25" s="65">
        <v>0</v>
      </c>
      <c r="AN25" s="66">
        <v>110</v>
      </c>
      <c r="AO25" s="66">
        <v>243</v>
      </c>
      <c r="AP25" s="66">
        <v>95</v>
      </c>
      <c r="AQ25" s="66">
        <v>111</v>
      </c>
      <c r="AR25" s="66">
        <v>68</v>
      </c>
      <c r="AS25" s="64">
        <v>627</v>
      </c>
      <c r="AT25" s="68">
        <v>827</v>
      </c>
      <c r="AU25" s="63">
        <v>0</v>
      </c>
      <c r="AV25" s="66">
        <v>0</v>
      </c>
      <c r="AW25" s="64">
        <v>0</v>
      </c>
      <c r="AX25" s="65">
        <v>0</v>
      </c>
      <c r="AY25" s="66">
        <v>2262</v>
      </c>
      <c r="AZ25" s="66">
        <v>2301</v>
      </c>
      <c r="BA25" s="66">
        <v>1467</v>
      </c>
      <c r="BB25" s="66">
        <v>727</v>
      </c>
      <c r="BC25" s="66">
        <v>208</v>
      </c>
      <c r="BD25" s="67">
        <v>6965</v>
      </c>
      <c r="BE25" s="68">
        <v>6965</v>
      </c>
      <c r="BF25" s="63">
        <v>0</v>
      </c>
      <c r="BG25" s="66">
        <v>0</v>
      </c>
      <c r="BH25" s="64">
        <v>0</v>
      </c>
      <c r="BI25" s="65">
        <v>0</v>
      </c>
      <c r="BJ25" s="66">
        <v>274</v>
      </c>
      <c r="BK25" s="66">
        <v>338</v>
      </c>
      <c r="BL25" s="66">
        <v>216</v>
      </c>
      <c r="BM25" s="66">
        <v>155</v>
      </c>
      <c r="BN25" s="66">
        <v>39</v>
      </c>
      <c r="BO25" s="64">
        <v>1022</v>
      </c>
      <c r="BP25" s="68">
        <v>1022</v>
      </c>
      <c r="BQ25" s="63">
        <v>4</v>
      </c>
      <c r="BR25" s="66">
        <v>7</v>
      </c>
      <c r="BS25" s="64">
        <v>11</v>
      </c>
      <c r="BT25" s="65">
        <v>0</v>
      </c>
      <c r="BU25" s="66">
        <v>211</v>
      </c>
      <c r="BV25" s="66">
        <v>225</v>
      </c>
      <c r="BW25" s="66">
        <v>543</v>
      </c>
      <c r="BX25" s="66">
        <v>381</v>
      </c>
      <c r="BY25" s="66">
        <v>138</v>
      </c>
      <c r="BZ25" s="64">
        <v>1498</v>
      </c>
      <c r="CA25" s="68">
        <v>1509</v>
      </c>
      <c r="CB25" s="63">
        <v>0</v>
      </c>
      <c r="CC25" s="66">
        <v>0</v>
      </c>
      <c r="CD25" s="64">
        <v>0</v>
      </c>
      <c r="CE25" s="65">
        <v>0</v>
      </c>
      <c r="CF25" s="66">
        <v>3</v>
      </c>
      <c r="CG25" s="66">
        <v>8</v>
      </c>
      <c r="CH25" s="66">
        <v>5</v>
      </c>
      <c r="CI25" s="66">
        <v>12</v>
      </c>
      <c r="CJ25" s="66">
        <v>5</v>
      </c>
      <c r="CK25" s="64">
        <v>33</v>
      </c>
      <c r="CL25" s="68">
        <v>33</v>
      </c>
      <c r="CM25" s="63">
        <v>0</v>
      </c>
      <c r="CN25" s="66">
        <v>0</v>
      </c>
      <c r="CO25" s="64">
        <v>0</v>
      </c>
      <c r="CP25" s="65">
        <v>0</v>
      </c>
      <c r="CQ25" s="66">
        <v>0</v>
      </c>
      <c r="CR25" s="66">
        <v>0</v>
      </c>
      <c r="CS25" s="66">
        <v>0</v>
      </c>
      <c r="CT25" s="66">
        <v>0</v>
      </c>
      <c r="CU25" s="66">
        <v>0</v>
      </c>
      <c r="CV25" s="64">
        <v>0</v>
      </c>
      <c r="CW25" s="68">
        <v>0</v>
      </c>
      <c r="CX25" s="63">
        <v>0</v>
      </c>
      <c r="CY25" s="66">
        <v>0</v>
      </c>
      <c r="CZ25" s="64">
        <v>0</v>
      </c>
      <c r="DA25" s="65">
        <v>0</v>
      </c>
      <c r="DB25" s="66">
        <v>0</v>
      </c>
      <c r="DC25" s="66">
        <v>0</v>
      </c>
      <c r="DD25" s="66">
        <v>0</v>
      </c>
      <c r="DE25" s="66">
        <v>0</v>
      </c>
      <c r="DF25" s="66">
        <v>0</v>
      </c>
      <c r="DG25" s="64">
        <v>0</v>
      </c>
      <c r="DH25" s="68">
        <v>0</v>
      </c>
    </row>
    <row r="26" spans="2:112" ht="21" customHeight="1" x14ac:dyDescent="0.2">
      <c r="B26" s="131" t="s">
        <v>24</v>
      </c>
      <c r="C26" s="63">
        <v>0</v>
      </c>
      <c r="D26" s="66">
        <v>0</v>
      </c>
      <c r="E26" s="111">
        <v>0</v>
      </c>
      <c r="F26" s="65">
        <v>0</v>
      </c>
      <c r="G26" s="66">
        <v>744</v>
      </c>
      <c r="H26" s="66">
        <v>1117</v>
      </c>
      <c r="I26" s="66">
        <v>1371</v>
      </c>
      <c r="J26" s="66">
        <v>2341</v>
      </c>
      <c r="K26" s="66">
        <v>1215</v>
      </c>
      <c r="L26" s="67">
        <v>6788</v>
      </c>
      <c r="M26" s="68">
        <v>6788</v>
      </c>
      <c r="N26" s="63">
        <v>0</v>
      </c>
      <c r="O26" s="66">
        <v>0</v>
      </c>
      <c r="P26" s="64">
        <v>0</v>
      </c>
      <c r="Q26" s="65">
        <v>0</v>
      </c>
      <c r="R26" s="66">
        <v>4</v>
      </c>
      <c r="S26" s="66">
        <v>10</v>
      </c>
      <c r="T26" s="66">
        <v>17</v>
      </c>
      <c r="U26" s="66">
        <v>45</v>
      </c>
      <c r="V26" s="66">
        <v>116</v>
      </c>
      <c r="W26" s="64">
        <v>192</v>
      </c>
      <c r="X26" s="68">
        <v>192</v>
      </c>
      <c r="Y26" s="63">
        <v>97</v>
      </c>
      <c r="Z26" s="66">
        <v>220</v>
      </c>
      <c r="AA26" s="64">
        <v>317</v>
      </c>
      <c r="AB26" s="65">
        <v>0</v>
      </c>
      <c r="AC26" s="66">
        <v>547</v>
      </c>
      <c r="AD26" s="66">
        <v>610</v>
      </c>
      <c r="AE26" s="66">
        <v>277</v>
      </c>
      <c r="AF26" s="66">
        <v>432</v>
      </c>
      <c r="AG26" s="66">
        <v>415</v>
      </c>
      <c r="AH26" s="64">
        <v>2281</v>
      </c>
      <c r="AI26" s="68">
        <v>2598</v>
      </c>
      <c r="AJ26" s="63">
        <v>0</v>
      </c>
      <c r="AK26" s="66">
        <v>8</v>
      </c>
      <c r="AL26" s="64">
        <v>8</v>
      </c>
      <c r="AM26" s="65">
        <v>0</v>
      </c>
      <c r="AN26" s="66">
        <v>24</v>
      </c>
      <c r="AO26" s="66">
        <v>68</v>
      </c>
      <c r="AP26" s="66">
        <v>28</v>
      </c>
      <c r="AQ26" s="66">
        <v>40</v>
      </c>
      <c r="AR26" s="66">
        <v>40</v>
      </c>
      <c r="AS26" s="64">
        <v>200</v>
      </c>
      <c r="AT26" s="68">
        <v>208</v>
      </c>
      <c r="AU26" s="63">
        <v>0</v>
      </c>
      <c r="AV26" s="66">
        <v>0</v>
      </c>
      <c r="AW26" s="64">
        <v>0</v>
      </c>
      <c r="AX26" s="65">
        <v>0</v>
      </c>
      <c r="AY26" s="66">
        <v>1000</v>
      </c>
      <c r="AZ26" s="66">
        <v>794</v>
      </c>
      <c r="BA26" s="66">
        <v>280</v>
      </c>
      <c r="BB26" s="66">
        <v>200</v>
      </c>
      <c r="BC26" s="66">
        <v>95</v>
      </c>
      <c r="BD26" s="67">
        <v>2369</v>
      </c>
      <c r="BE26" s="68">
        <v>2369</v>
      </c>
      <c r="BF26" s="63">
        <v>0</v>
      </c>
      <c r="BG26" s="66">
        <v>0</v>
      </c>
      <c r="BH26" s="64">
        <v>0</v>
      </c>
      <c r="BI26" s="65">
        <v>0</v>
      </c>
      <c r="BJ26" s="66">
        <v>352</v>
      </c>
      <c r="BK26" s="66">
        <v>244</v>
      </c>
      <c r="BL26" s="66">
        <v>196</v>
      </c>
      <c r="BM26" s="66">
        <v>121</v>
      </c>
      <c r="BN26" s="66">
        <v>98</v>
      </c>
      <c r="BO26" s="64">
        <v>1011</v>
      </c>
      <c r="BP26" s="68">
        <v>1011</v>
      </c>
      <c r="BQ26" s="63">
        <v>7</v>
      </c>
      <c r="BR26" s="66">
        <v>1</v>
      </c>
      <c r="BS26" s="64">
        <v>8</v>
      </c>
      <c r="BT26" s="65">
        <v>0</v>
      </c>
      <c r="BU26" s="66">
        <v>148</v>
      </c>
      <c r="BV26" s="66">
        <v>130</v>
      </c>
      <c r="BW26" s="66">
        <v>205</v>
      </c>
      <c r="BX26" s="66">
        <v>265</v>
      </c>
      <c r="BY26" s="66">
        <v>110</v>
      </c>
      <c r="BZ26" s="64">
        <v>858</v>
      </c>
      <c r="CA26" s="68">
        <v>866</v>
      </c>
      <c r="CB26" s="63">
        <v>0</v>
      </c>
      <c r="CC26" s="66">
        <v>0</v>
      </c>
      <c r="CD26" s="64">
        <v>0</v>
      </c>
      <c r="CE26" s="65">
        <v>0</v>
      </c>
      <c r="CF26" s="66">
        <v>4</v>
      </c>
      <c r="CG26" s="66">
        <v>0</v>
      </c>
      <c r="CH26" s="66">
        <v>5</v>
      </c>
      <c r="CI26" s="66">
        <v>30</v>
      </c>
      <c r="CJ26" s="66">
        <v>19</v>
      </c>
      <c r="CK26" s="64">
        <v>58</v>
      </c>
      <c r="CL26" s="68">
        <v>58</v>
      </c>
      <c r="CM26" s="63">
        <v>0</v>
      </c>
      <c r="CN26" s="66">
        <v>0</v>
      </c>
      <c r="CO26" s="64">
        <v>0</v>
      </c>
      <c r="CP26" s="65">
        <v>0</v>
      </c>
      <c r="CQ26" s="66">
        <v>0</v>
      </c>
      <c r="CR26" s="66">
        <v>0</v>
      </c>
      <c r="CS26" s="66">
        <v>0</v>
      </c>
      <c r="CT26" s="66">
        <v>0</v>
      </c>
      <c r="CU26" s="66">
        <v>0</v>
      </c>
      <c r="CV26" s="64">
        <v>0</v>
      </c>
      <c r="CW26" s="68">
        <v>0</v>
      </c>
      <c r="CX26" s="63">
        <v>0</v>
      </c>
      <c r="CY26" s="66">
        <v>0</v>
      </c>
      <c r="CZ26" s="64">
        <v>0</v>
      </c>
      <c r="DA26" s="65">
        <v>0</v>
      </c>
      <c r="DB26" s="66">
        <v>0</v>
      </c>
      <c r="DC26" s="66">
        <v>0</v>
      </c>
      <c r="DD26" s="66">
        <v>0</v>
      </c>
      <c r="DE26" s="66">
        <v>0</v>
      </c>
      <c r="DF26" s="66">
        <v>0</v>
      </c>
      <c r="DG26" s="64">
        <v>0</v>
      </c>
      <c r="DH26" s="68">
        <v>0</v>
      </c>
    </row>
    <row r="27" spans="2:112" ht="21" customHeight="1" x14ac:dyDescent="0.2">
      <c r="B27" s="131" t="s">
        <v>25</v>
      </c>
      <c r="C27" s="63">
        <v>0</v>
      </c>
      <c r="D27" s="66">
        <v>0</v>
      </c>
      <c r="E27" s="111">
        <v>0</v>
      </c>
      <c r="F27" s="65">
        <v>0</v>
      </c>
      <c r="G27" s="66">
        <v>1486</v>
      </c>
      <c r="H27" s="66">
        <v>1829</v>
      </c>
      <c r="I27" s="66">
        <v>1386</v>
      </c>
      <c r="J27" s="66">
        <v>2242</v>
      </c>
      <c r="K27" s="66">
        <v>2473</v>
      </c>
      <c r="L27" s="67">
        <v>9416</v>
      </c>
      <c r="M27" s="68">
        <v>9416</v>
      </c>
      <c r="N27" s="63">
        <v>0</v>
      </c>
      <c r="O27" s="66">
        <v>0</v>
      </c>
      <c r="P27" s="64">
        <v>0</v>
      </c>
      <c r="Q27" s="65">
        <v>0</v>
      </c>
      <c r="R27" s="66">
        <v>12</v>
      </c>
      <c r="S27" s="66">
        <v>28</v>
      </c>
      <c r="T27" s="66">
        <v>44</v>
      </c>
      <c r="U27" s="66">
        <v>62</v>
      </c>
      <c r="V27" s="66">
        <v>79</v>
      </c>
      <c r="W27" s="64">
        <v>225</v>
      </c>
      <c r="X27" s="68">
        <v>225</v>
      </c>
      <c r="Y27" s="63">
        <v>87</v>
      </c>
      <c r="Z27" s="66">
        <v>321</v>
      </c>
      <c r="AA27" s="64">
        <v>408</v>
      </c>
      <c r="AB27" s="65">
        <v>0</v>
      </c>
      <c r="AC27" s="66">
        <v>623</v>
      </c>
      <c r="AD27" s="66">
        <v>822</v>
      </c>
      <c r="AE27" s="66">
        <v>457</v>
      </c>
      <c r="AF27" s="66">
        <v>385</v>
      </c>
      <c r="AG27" s="66">
        <v>201</v>
      </c>
      <c r="AH27" s="64">
        <v>2488</v>
      </c>
      <c r="AI27" s="68">
        <v>2896</v>
      </c>
      <c r="AJ27" s="63">
        <v>10</v>
      </c>
      <c r="AK27" s="66">
        <v>61</v>
      </c>
      <c r="AL27" s="64">
        <v>71</v>
      </c>
      <c r="AM27" s="65">
        <v>0</v>
      </c>
      <c r="AN27" s="66">
        <v>0</v>
      </c>
      <c r="AO27" s="66">
        <v>191</v>
      </c>
      <c r="AP27" s="66">
        <v>50</v>
      </c>
      <c r="AQ27" s="66">
        <v>61</v>
      </c>
      <c r="AR27" s="66">
        <v>69</v>
      </c>
      <c r="AS27" s="64">
        <v>371</v>
      </c>
      <c r="AT27" s="68">
        <v>442</v>
      </c>
      <c r="AU27" s="63">
        <v>0</v>
      </c>
      <c r="AV27" s="66">
        <v>0</v>
      </c>
      <c r="AW27" s="64">
        <v>0</v>
      </c>
      <c r="AX27" s="65">
        <v>0</v>
      </c>
      <c r="AY27" s="66">
        <v>1268</v>
      </c>
      <c r="AZ27" s="66">
        <v>996</v>
      </c>
      <c r="BA27" s="66">
        <v>735</v>
      </c>
      <c r="BB27" s="66">
        <v>455</v>
      </c>
      <c r="BC27" s="66">
        <v>130</v>
      </c>
      <c r="BD27" s="67">
        <v>3584</v>
      </c>
      <c r="BE27" s="68">
        <v>3584</v>
      </c>
      <c r="BF27" s="63">
        <v>0</v>
      </c>
      <c r="BG27" s="66">
        <v>0</v>
      </c>
      <c r="BH27" s="64">
        <v>0</v>
      </c>
      <c r="BI27" s="65">
        <v>0</v>
      </c>
      <c r="BJ27" s="66">
        <v>249</v>
      </c>
      <c r="BK27" s="66">
        <v>443</v>
      </c>
      <c r="BL27" s="66">
        <v>195</v>
      </c>
      <c r="BM27" s="66">
        <v>103</v>
      </c>
      <c r="BN27" s="66">
        <v>19</v>
      </c>
      <c r="BO27" s="64">
        <v>1009</v>
      </c>
      <c r="BP27" s="68">
        <v>1009</v>
      </c>
      <c r="BQ27" s="63">
        <v>0</v>
      </c>
      <c r="BR27" s="66">
        <v>3</v>
      </c>
      <c r="BS27" s="64">
        <v>3</v>
      </c>
      <c r="BT27" s="65">
        <v>0</v>
      </c>
      <c r="BU27" s="66">
        <v>148</v>
      </c>
      <c r="BV27" s="66">
        <v>228</v>
      </c>
      <c r="BW27" s="66">
        <v>291</v>
      </c>
      <c r="BX27" s="66">
        <v>105</v>
      </c>
      <c r="BY27" s="66">
        <v>91</v>
      </c>
      <c r="BZ27" s="64">
        <v>863</v>
      </c>
      <c r="CA27" s="68">
        <v>866</v>
      </c>
      <c r="CB27" s="63">
        <v>0</v>
      </c>
      <c r="CC27" s="66">
        <v>0</v>
      </c>
      <c r="CD27" s="64">
        <v>0</v>
      </c>
      <c r="CE27" s="65">
        <v>0</v>
      </c>
      <c r="CF27" s="66">
        <v>3</v>
      </c>
      <c r="CG27" s="66">
        <v>30</v>
      </c>
      <c r="CH27" s="66">
        <v>49</v>
      </c>
      <c r="CI27" s="66">
        <v>16</v>
      </c>
      <c r="CJ27" s="66">
        <v>33</v>
      </c>
      <c r="CK27" s="64">
        <v>131</v>
      </c>
      <c r="CL27" s="68">
        <v>131</v>
      </c>
      <c r="CM27" s="63">
        <v>0</v>
      </c>
      <c r="CN27" s="66">
        <v>0</v>
      </c>
      <c r="CO27" s="64">
        <v>0</v>
      </c>
      <c r="CP27" s="65">
        <v>0</v>
      </c>
      <c r="CQ27" s="66">
        <v>0</v>
      </c>
      <c r="CR27" s="66">
        <v>0</v>
      </c>
      <c r="CS27" s="66">
        <v>0</v>
      </c>
      <c r="CT27" s="66">
        <v>0</v>
      </c>
      <c r="CU27" s="66">
        <v>0</v>
      </c>
      <c r="CV27" s="64">
        <v>0</v>
      </c>
      <c r="CW27" s="68">
        <v>0</v>
      </c>
      <c r="CX27" s="63">
        <v>0</v>
      </c>
      <c r="CY27" s="66">
        <v>0</v>
      </c>
      <c r="CZ27" s="64">
        <v>0</v>
      </c>
      <c r="DA27" s="65">
        <v>0</v>
      </c>
      <c r="DB27" s="66">
        <v>0</v>
      </c>
      <c r="DC27" s="66">
        <v>0</v>
      </c>
      <c r="DD27" s="66">
        <v>0</v>
      </c>
      <c r="DE27" s="66">
        <v>0</v>
      </c>
      <c r="DF27" s="66">
        <v>0</v>
      </c>
      <c r="DG27" s="64">
        <v>0</v>
      </c>
      <c r="DH27" s="68">
        <v>0</v>
      </c>
    </row>
    <row r="28" spans="2:112" ht="21" customHeight="1" x14ac:dyDescent="0.2">
      <c r="B28" s="131" t="s">
        <v>26</v>
      </c>
      <c r="C28" s="63">
        <v>0</v>
      </c>
      <c r="D28" s="66">
        <v>0</v>
      </c>
      <c r="E28" s="111">
        <v>0</v>
      </c>
      <c r="F28" s="65">
        <v>0</v>
      </c>
      <c r="G28" s="66">
        <v>809</v>
      </c>
      <c r="H28" s="66">
        <v>1572</v>
      </c>
      <c r="I28" s="66">
        <v>1465</v>
      </c>
      <c r="J28" s="66">
        <v>1043</v>
      </c>
      <c r="K28" s="66">
        <v>2393</v>
      </c>
      <c r="L28" s="67">
        <v>7282</v>
      </c>
      <c r="M28" s="68">
        <v>7282</v>
      </c>
      <c r="N28" s="63">
        <v>0</v>
      </c>
      <c r="O28" s="66">
        <v>0</v>
      </c>
      <c r="P28" s="64">
        <v>0</v>
      </c>
      <c r="Q28" s="65">
        <v>0</v>
      </c>
      <c r="R28" s="66">
        <v>0</v>
      </c>
      <c r="S28" s="66">
        <v>3</v>
      </c>
      <c r="T28" s="66">
        <v>20</v>
      </c>
      <c r="U28" s="66">
        <v>40</v>
      </c>
      <c r="V28" s="66">
        <v>75</v>
      </c>
      <c r="W28" s="64">
        <v>138</v>
      </c>
      <c r="X28" s="68">
        <v>138</v>
      </c>
      <c r="Y28" s="63">
        <v>77</v>
      </c>
      <c r="Z28" s="66">
        <v>102</v>
      </c>
      <c r="AA28" s="64">
        <v>179</v>
      </c>
      <c r="AB28" s="65">
        <v>0</v>
      </c>
      <c r="AC28" s="66">
        <v>426</v>
      </c>
      <c r="AD28" s="66">
        <v>611</v>
      </c>
      <c r="AE28" s="66">
        <v>263</v>
      </c>
      <c r="AF28" s="66">
        <v>342</v>
      </c>
      <c r="AG28" s="66">
        <v>431</v>
      </c>
      <c r="AH28" s="64">
        <v>2073</v>
      </c>
      <c r="AI28" s="68">
        <v>2252</v>
      </c>
      <c r="AJ28" s="63">
        <v>30</v>
      </c>
      <c r="AK28" s="66">
        <v>27</v>
      </c>
      <c r="AL28" s="64">
        <v>57</v>
      </c>
      <c r="AM28" s="65">
        <v>0</v>
      </c>
      <c r="AN28" s="66">
        <v>12</v>
      </c>
      <c r="AO28" s="66">
        <v>51</v>
      </c>
      <c r="AP28" s="66">
        <v>71</v>
      </c>
      <c r="AQ28" s="66">
        <v>20</v>
      </c>
      <c r="AR28" s="66">
        <v>67</v>
      </c>
      <c r="AS28" s="64">
        <v>221</v>
      </c>
      <c r="AT28" s="68">
        <v>278</v>
      </c>
      <c r="AU28" s="63">
        <v>0</v>
      </c>
      <c r="AV28" s="66">
        <v>0</v>
      </c>
      <c r="AW28" s="64">
        <v>0</v>
      </c>
      <c r="AX28" s="65">
        <v>0</v>
      </c>
      <c r="AY28" s="66">
        <v>879</v>
      </c>
      <c r="AZ28" s="66">
        <v>948</v>
      </c>
      <c r="BA28" s="66">
        <v>419</v>
      </c>
      <c r="BB28" s="66">
        <v>253</v>
      </c>
      <c r="BC28" s="66">
        <v>180</v>
      </c>
      <c r="BD28" s="67">
        <v>2679</v>
      </c>
      <c r="BE28" s="68">
        <v>2679</v>
      </c>
      <c r="BF28" s="63">
        <v>0</v>
      </c>
      <c r="BG28" s="66">
        <v>0</v>
      </c>
      <c r="BH28" s="64">
        <v>0</v>
      </c>
      <c r="BI28" s="65">
        <v>0</v>
      </c>
      <c r="BJ28" s="66">
        <v>172</v>
      </c>
      <c r="BK28" s="66">
        <v>177</v>
      </c>
      <c r="BL28" s="66">
        <v>118</v>
      </c>
      <c r="BM28" s="66">
        <v>83</v>
      </c>
      <c r="BN28" s="66">
        <v>52</v>
      </c>
      <c r="BO28" s="64">
        <v>602</v>
      </c>
      <c r="BP28" s="68">
        <v>602</v>
      </c>
      <c r="BQ28" s="63">
        <v>0</v>
      </c>
      <c r="BR28" s="66">
        <v>6</v>
      </c>
      <c r="BS28" s="64">
        <v>6</v>
      </c>
      <c r="BT28" s="65">
        <v>0</v>
      </c>
      <c r="BU28" s="66">
        <v>126</v>
      </c>
      <c r="BV28" s="66">
        <v>177</v>
      </c>
      <c r="BW28" s="66">
        <v>293</v>
      </c>
      <c r="BX28" s="66">
        <v>203</v>
      </c>
      <c r="BY28" s="66">
        <v>162</v>
      </c>
      <c r="BZ28" s="64">
        <v>961</v>
      </c>
      <c r="CA28" s="68">
        <v>967</v>
      </c>
      <c r="CB28" s="63">
        <v>0</v>
      </c>
      <c r="CC28" s="66">
        <v>0</v>
      </c>
      <c r="CD28" s="64">
        <v>0</v>
      </c>
      <c r="CE28" s="65">
        <v>0</v>
      </c>
      <c r="CF28" s="66">
        <v>8</v>
      </c>
      <c r="CG28" s="66">
        <v>13</v>
      </c>
      <c r="CH28" s="66">
        <v>17</v>
      </c>
      <c r="CI28" s="66">
        <v>23</v>
      </c>
      <c r="CJ28" s="66">
        <v>5</v>
      </c>
      <c r="CK28" s="64">
        <v>66</v>
      </c>
      <c r="CL28" s="68">
        <v>66</v>
      </c>
      <c r="CM28" s="63">
        <v>0</v>
      </c>
      <c r="CN28" s="66">
        <v>0</v>
      </c>
      <c r="CO28" s="64">
        <v>0</v>
      </c>
      <c r="CP28" s="65">
        <v>0</v>
      </c>
      <c r="CQ28" s="66">
        <v>0</v>
      </c>
      <c r="CR28" s="66">
        <v>0</v>
      </c>
      <c r="CS28" s="66">
        <v>0</v>
      </c>
      <c r="CT28" s="66">
        <v>0</v>
      </c>
      <c r="CU28" s="66">
        <v>0</v>
      </c>
      <c r="CV28" s="64">
        <v>0</v>
      </c>
      <c r="CW28" s="68">
        <v>0</v>
      </c>
      <c r="CX28" s="63">
        <v>0</v>
      </c>
      <c r="CY28" s="66">
        <v>0</v>
      </c>
      <c r="CZ28" s="64">
        <v>0</v>
      </c>
      <c r="DA28" s="65">
        <v>0</v>
      </c>
      <c r="DB28" s="66">
        <v>0</v>
      </c>
      <c r="DC28" s="66">
        <v>0</v>
      </c>
      <c r="DD28" s="66">
        <v>0</v>
      </c>
      <c r="DE28" s="66">
        <v>0</v>
      </c>
      <c r="DF28" s="66">
        <v>0</v>
      </c>
      <c r="DG28" s="64">
        <v>0</v>
      </c>
      <c r="DH28" s="68">
        <v>0</v>
      </c>
    </row>
    <row r="29" spans="2:112" ht="21" customHeight="1" x14ac:dyDescent="0.2">
      <c r="B29" s="131" t="s">
        <v>27</v>
      </c>
      <c r="C29" s="63">
        <v>0</v>
      </c>
      <c r="D29" s="66">
        <v>0</v>
      </c>
      <c r="E29" s="111">
        <v>0</v>
      </c>
      <c r="F29" s="65">
        <v>0</v>
      </c>
      <c r="G29" s="66">
        <v>517</v>
      </c>
      <c r="H29" s="66">
        <v>899</v>
      </c>
      <c r="I29" s="66">
        <v>1268</v>
      </c>
      <c r="J29" s="66">
        <v>813</v>
      </c>
      <c r="K29" s="66">
        <v>1109</v>
      </c>
      <c r="L29" s="67">
        <v>4606</v>
      </c>
      <c r="M29" s="68">
        <v>4606</v>
      </c>
      <c r="N29" s="63">
        <v>0</v>
      </c>
      <c r="O29" s="66">
        <v>0</v>
      </c>
      <c r="P29" s="64">
        <v>0</v>
      </c>
      <c r="Q29" s="65">
        <v>0</v>
      </c>
      <c r="R29" s="66">
        <v>5</v>
      </c>
      <c r="S29" s="66">
        <v>32</v>
      </c>
      <c r="T29" s="66">
        <v>19</v>
      </c>
      <c r="U29" s="66">
        <v>36</v>
      </c>
      <c r="V29" s="66">
        <v>87</v>
      </c>
      <c r="W29" s="64">
        <v>179</v>
      </c>
      <c r="X29" s="68">
        <v>179</v>
      </c>
      <c r="Y29" s="63">
        <v>111</v>
      </c>
      <c r="Z29" s="66">
        <v>260</v>
      </c>
      <c r="AA29" s="64">
        <v>371</v>
      </c>
      <c r="AB29" s="65">
        <v>0</v>
      </c>
      <c r="AC29" s="66">
        <v>219</v>
      </c>
      <c r="AD29" s="66">
        <v>459</v>
      </c>
      <c r="AE29" s="66">
        <v>255</v>
      </c>
      <c r="AF29" s="66">
        <v>229</v>
      </c>
      <c r="AG29" s="66">
        <v>222</v>
      </c>
      <c r="AH29" s="64">
        <v>1384</v>
      </c>
      <c r="AI29" s="68">
        <v>1755</v>
      </c>
      <c r="AJ29" s="63">
        <v>0</v>
      </c>
      <c r="AK29" s="66">
        <v>8</v>
      </c>
      <c r="AL29" s="64">
        <v>8</v>
      </c>
      <c r="AM29" s="65">
        <v>0</v>
      </c>
      <c r="AN29" s="66">
        <v>21</v>
      </c>
      <c r="AO29" s="66">
        <v>21</v>
      </c>
      <c r="AP29" s="66">
        <v>9</v>
      </c>
      <c r="AQ29" s="66">
        <v>0</v>
      </c>
      <c r="AR29" s="66">
        <v>20</v>
      </c>
      <c r="AS29" s="64">
        <v>71</v>
      </c>
      <c r="AT29" s="68">
        <v>79</v>
      </c>
      <c r="AU29" s="63">
        <v>0</v>
      </c>
      <c r="AV29" s="66">
        <v>0</v>
      </c>
      <c r="AW29" s="64">
        <v>0</v>
      </c>
      <c r="AX29" s="65">
        <v>0</v>
      </c>
      <c r="AY29" s="66">
        <v>934</v>
      </c>
      <c r="AZ29" s="66">
        <v>468</v>
      </c>
      <c r="BA29" s="66">
        <v>264</v>
      </c>
      <c r="BB29" s="66">
        <v>240</v>
      </c>
      <c r="BC29" s="66">
        <v>142</v>
      </c>
      <c r="BD29" s="67">
        <v>2048</v>
      </c>
      <c r="BE29" s="68">
        <v>2048</v>
      </c>
      <c r="BF29" s="63">
        <v>0</v>
      </c>
      <c r="BG29" s="66">
        <v>0</v>
      </c>
      <c r="BH29" s="64">
        <v>0</v>
      </c>
      <c r="BI29" s="65">
        <v>0</v>
      </c>
      <c r="BJ29" s="66">
        <v>139</v>
      </c>
      <c r="BK29" s="66">
        <v>204</v>
      </c>
      <c r="BL29" s="66">
        <v>129</v>
      </c>
      <c r="BM29" s="66">
        <v>23</v>
      </c>
      <c r="BN29" s="66">
        <v>42</v>
      </c>
      <c r="BO29" s="64">
        <v>537</v>
      </c>
      <c r="BP29" s="68">
        <v>537</v>
      </c>
      <c r="BQ29" s="63">
        <v>0</v>
      </c>
      <c r="BR29" s="66">
        <v>0</v>
      </c>
      <c r="BS29" s="64">
        <v>0</v>
      </c>
      <c r="BT29" s="65">
        <v>0</v>
      </c>
      <c r="BU29" s="66">
        <v>34</v>
      </c>
      <c r="BV29" s="66">
        <v>89</v>
      </c>
      <c r="BW29" s="66">
        <v>89</v>
      </c>
      <c r="BX29" s="66">
        <v>113</v>
      </c>
      <c r="BY29" s="66">
        <v>74</v>
      </c>
      <c r="BZ29" s="64">
        <v>399</v>
      </c>
      <c r="CA29" s="68">
        <v>399</v>
      </c>
      <c r="CB29" s="63">
        <v>2</v>
      </c>
      <c r="CC29" s="66">
        <v>0</v>
      </c>
      <c r="CD29" s="64">
        <v>2</v>
      </c>
      <c r="CE29" s="65">
        <v>0</v>
      </c>
      <c r="CF29" s="66">
        <v>0</v>
      </c>
      <c r="CG29" s="66">
        <v>22</v>
      </c>
      <c r="CH29" s="66">
        <v>7</v>
      </c>
      <c r="CI29" s="66">
        <v>5</v>
      </c>
      <c r="CJ29" s="66">
        <v>26</v>
      </c>
      <c r="CK29" s="64">
        <v>60</v>
      </c>
      <c r="CL29" s="68">
        <v>62</v>
      </c>
      <c r="CM29" s="63">
        <v>0</v>
      </c>
      <c r="CN29" s="66">
        <v>0</v>
      </c>
      <c r="CO29" s="64">
        <v>0</v>
      </c>
      <c r="CP29" s="65">
        <v>0</v>
      </c>
      <c r="CQ29" s="66">
        <v>0</v>
      </c>
      <c r="CR29" s="66">
        <v>0</v>
      </c>
      <c r="CS29" s="66">
        <v>0</v>
      </c>
      <c r="CT29" s="66">
        <v>0</v>
      </c>
      <c r="CU29" s="66">
        <v>0</v>
      </c>
      <c r="CV29" s="64">
        <v>0</v>
      </c>
      <c r="CW29" s="68">
        <v>0</v>
      </c>
      <c r="CX29" s="63">
        <v>0</v>
      </c>
      <c r="CY29" s="66">
        <v>0</v>
      </c>
      <c r="CZ29" s="64">
        <v>0</v>
      </c>
      <c r="DA29" s="65">
        <v>0</v>
      </c>
      <c r="DB29" s="66">
        <v>0</v>
      </c>
      <c r="DC29" s="66">
        <v>0</v>
      </c>
      <c r="DD29" s="66">
        <v>0</v>
      </c>
      <c r="DE29" s="66">
        <v>0</v>
      </c>
      <c r="DF29" s="66">
        <v>0</v>
      </c>
      <c r="DG29" s="64">
        <v>0</v>
      </c>
      <c r="DH29" s="68">
        <v>0</v>
      </c>
    </row>
    <row r="30" spans="2:112" ht="21" customHeight="1" x14ac:dyDescent="0.2">
      <c r="B30" s="131" t="s">
        <v>28</v>
      </c>
      <c r="C30" s="63">
        <v>0</v>
      </c>
      <c r="D30" s="66">
        <v>0</v>
      </c>
      <c r="E30" s="111">
        <v>0</v>
      </c>
      <c r="F30" s="65">
        <v>0</v>
      </c>
      <c r="G30" s="66">
        <v>99</v>
      </c>
      <c r="H30" s="66">
        <v>225</v>
      </c>
      <c r="I30" s="66">
        <v>152</v>
      </c>
      <c r="J30" s="66">
        <v>161</v>
      </c>
      <c r="K30" s="66">
        <v>206</v>
      </c>
      <c r="L30" s="67">
        <v>843</v>
      </c>
      <c r="M30" s="68">
        <v>843</v>
      </c>
      <c r="N30" s="63">
        <v>0</v>
      </c>
      <c r="O30" s="66">
        <v>0</v>
      </c>
      <c r="P30" s="64">
        <v>0</v>
      </c>
      <c r="Q30" s="65">
        <v>0</v>
      </c>
      <c r="R30" s="66">
        <v>0</v>
      </c>
      <c r="S30" s="66">
        <v>2</v>
      </c>
      <c r="T30" s="66">
        <v>21</v>
      </c>
      <c r="U30" s="66">
        <v>8</v>
      </c>
      <c r="V30" s="66">
        <v>18</v>
      </c>
      <c r="W30" s="64">
        <v>49</v>
      </c>
      <c r="X30" s="68">
        <v>49</v>
      </c>
      <c r="Y30" s="63">
        <v>4</v>
      </c>
      <c r="Z30" s="66">
        <v>15</v>
      </c>
      <c r="AA30" s="64">
        <v>19</v>
      </c>
      <c r="AB30" s="65">
        <v>0</v>
      </c>
      <c r="AC30" s="66">
        <v>45</v>
      </c>
      <c r="AD30" s="66">
        <v>122</v>
      </c>
      <c r="AE30" s="66">
        <v>54</v>
      </c>
      <c r="AF30" s="66">
        <v>110</v>
      </c>
      <c r="AG30" s="66">
        <v>84</v>
      </c>
      <c r="AH30" s="64">
        <v>415</v>
      </c>
      <c r="AI30" s="68">
        <v>434</v>
      </c>
      <c r="AJ30" s="63">
        <v>0</v>
      </c>
      <c r="AK30" s="66">
        <v>0</v>
      </c>
      <c r="AL30" s="64">
        <v>0</v>
      </c>
      <c r="AM30" s="65">
        <v>0</v>
      </c>
      <c r="AN30" s="66">
        <v>6</v>
      </c>
      <c r="AO30" s="66">
        <v>0</v>
      </c>
      <c r="AP30" s="66">
        <v>0</v>
      </c>
      <c r="AQ30" s="66">
        <v>9</v>
      </c>
      <c r="AR30" s="66">
        <v>14</v>
      </c>
      <c r="AS30" s="64">
        <v>29</v>
      </c>
      <c r="AT30" s="68">
        <v>29</v>
      </c>
      <c r="AU30" s="63">
        <v>0</v>
      </c>
      <c r="AV30" s="66">
        <v>0</v>
      </c>
      <c r="AW30" s="64">
        <v>0</v>
      </c>
      <c r="AX30" s="65">
        <v>0</v>
      </c>
      <c r="AY30" s="66">
        <v>198</v>
      </c>
      <c r="AZ30" s="66">
        <v>290</v>
      </c>
      <c r="BA30" s="66">
        <v>202</v>
      </c>
      <c r="BB30" s="66">
        <v>144</v>
      </c>
      <c r="BC30" s="66">
        <v>32</v>
      </c>
      <c r="BD30" s="67">
        <v>866</v>
      </c>
      <c r="BE30" s="68">
        <v>866</v>
      </c>
      <c r="BF30" s="63">
        <v>0</v>
      </c>
      <c r="BG30" s="66">
        <v>0</v>
      </c>
      <c r="BH30" s="64">
        <v>0</v>
      </c>
      <c r="BI30" s="65">
        <v>0</v>
      </c>
      <c r="BJ30" s="66">
        <v>72</v>
      </c>
      <c r="BK30" s="66">
        <v>123</v>
      </c>
      <c r="BL30" s="66">
        <v>61</v>
      </c>
      <c r="BM30" s="66">
        <v>56</v>
      </c>
      <c r="BN30" s="66">
        <v>30</v>
      </c>
      <c r="BO30" s="64">
        <v>342</v>
      </c>
      <c r="BP30" s="68">
        <v>342</v>
      </c>
      <c r="BQ30" s="63">
        <v>0</v>
      </c>
      <c r="BR30" s="66">
        <v>4</v>
      </c>
      <c r="BS30" s="64">
        <v>4</v>
      </c>
      <c r="BT30" s="65">
        <v>0</v>
      </c>
      <c r="BU30" s="66">
        <v>22</v>
      </c>
      <c r="BV30" s="66">
        <v>23</v>
      </c>
      <c r="BW30" s="66">
        <v>72</v>
      </c>
      <c r="BX30" s="66">
        <v>39</v>
      </c>
      <c r="BY30" s="66">
        <v>3</v>
      </c>
      <c r="BZ30" s="64">
        <v>159</v>
      </c>
      <c r="CA30" s="68">
        <v>163</v>
      </c>
      <c r="CB30" s="63">
        <v>0</v>
      </c>
      <c r="CC30" s="66">
        <v>0</v>
      </c>
      <c r="CD30" s="64">
        <v>0</v>
      </c>
      <c r="CE30" s="65">
        <v>0</v>
      </c>
      <c r="CF30" s="66">
        <v>2</v>
      </c>
      <c r="CG30" s="66">
        <v>2</v>
      </c>
      <c r="CH30" s="66">
        <v>50</v>
      </c>
      <c r="CI30" s="66">
        <v>0</v>
      </c>
      <c r="CJ30" s="66">
        <v>0</v>
      </c>
      <c r="CK30" s="64">
        <v>54</v>
      </c>
      <c r="CL30" s="68">
        <v>54</v>
      </c>
      <c r="CM30" s="63">
        <v>0</v>
      </c>
      <c r="CN30" s="66">
        <v>0</v>
      </c>
      <c r="CO30" s="64">
        <v>0</v>
      </c>
      <c r="CP30" s="65">
        <v>0</v>
      </c>
      <c r="CQ30" s="66">
        <v>0</v>
      </c>
      <c r="CR30" s="66">
        <v>0</v>
      </c>
      <c r="CS30" s="66">
        <v>0</v>
      </c>
      <c r="CT30" s="66">
        <v>0</v>
      </c>
      <c r="CU30" s="66">
        <v>0</v>
      </c>
      <c r="CV30" s="64">
        <v>0</v>
      </c>
      <c r="CW30" s="68">
        <v>0</v>
      </c>
      <c r="CX30" s="63">
        <v>0</v>
      </c>
      <c r="CY30" s="66">
        <v>0</v>
      </c>
      <c r="CZ30" s="64">
        <v>0</v>
      </c>
      <c r="DA30" s="65">
        <v>0</v>
      </c>
      <c r="DB30" s="66">
        <v>0</v>
      </c>
      <c r="DC30" s="66">
        <v>0</v>
      </c>
      <c r="DD30" s="66">
        <v>0</v>
      </c>
      <c r="DE30" s="66">
        <v>0</v>
      </c>
      <c r="DF30" s="66">
        <v>0</v>
      </c>
      <c r="DG30" s="64">
        <v>0</v>
      </c>
      <c r="DH30" s="68">
        <v>0</v>
      </c>
    </row>
    <row r="31" spans="2:112" ht="21" customHeight="1" x14ac:dyDescent="0.2">
      <c r="B31" s="131" t="s">
        <v>29</v>
      </c>
      <c r="C31" s="63">
        <v>0</v>
      </c>
      <c r="D31" s="66">
        <v>0</v>
      </c>
      <c r="E31" s="111">
        <v>0</v>
      </c>
      <c r="F31" s="65">
        <v>0</v>
      </c>
      <c r="G31" s="66">
        <v>195</v>
      </c>
      <c r="H31" s="66">
        <v>295</v>
      </c>
      <c r="I31" s="66">
        <v>433</v>
      </c>
      <c r="J31" s="66">
        <v>728</v>
      </c>
      <c r="K31" s="66">
        <v>613</v>
      </c>
      <c r="L31" s="67">
        <v>2264</v>
      </c>
      <c r="M31" s="68">
        <v>2264</v>
      </c>
      <c r="N31" s="63">
        <v>0</v>
      </c>
      <c r="O31" s="66">
        <v>0</v>
      </c>
      <c r="P31" s="64">
        <v>0</v>
      </c>
      <c r="Q31" s="65">
        <v>0</v>
      </c>
      <c r="R31" s="66">
        <v>0</v>
      </c>
      <c r="S31" s="66">
        <v>0</v>
      </c>
      <c r="T31" s="66">
        <v>0</v>
      </c>
      <c r="U31" s="66">
        <v>15</v>
      </c>
      <c r="V31" s="66">
        <v>47</v>
      </c>
      <c r="W31" s="64">
        <v>62</v>
      </c>
      <c r="X31" s="68">
        <v>62</v>
      </c>
      <c r="Y31" s="63">
        <v>4</v>
      </c>
      <c r="Z31" s="66">
        <v>34</v>
      </c>
      <c r="AA31" s="64">
        <v>38</v>
      </c>
      <c r="AB31" s="65">
        <v>0</v>
      </c>
      <c r="AC31" s="66">
        <v>213</v>
      </c>
      <c r="AD31" s="66">
        <v>211</v>
      </c>
      <c r="AE31" s="66">
        <v>172</v>
      </c>
      <c r="AF31" s="66">
        <v>81</v>
      </c>
      <c r="AG31" s="66">
        <v>134</v>
      </c>
      <c r="AH31" s="64">
        <v>811</v>
      </c>
      <c r="AI31" s="68">
        <v>849</v>
      </c>
      <c r="AJ31" s="63">
        <v>0</v>
      </c>
      <c r="AK31" s="66">
        <v>12</v>
      </c>
      <c r="AL31" s="64">
        <v>12</v>
      </c>
      <c r="AM31" s="65">
        <v>0</v>
      </c>
      <c r="AN31" s="66">
        <v>48</v>
      </c>
      <c r="AO31" s="66">
        <v>9</v>
      </c>
      <c r="AP31" s="66">
        <v>27</v>
      </c>
      <c r="AQ31" s="66">
        <v>20</v>
      </c>
      <c r="AR31" s="66">
        <v>0</v>
      </c>
      <c r="AS31" s="64">
        <v>104</v>
      </c>
      <c r="AT31" s="68">
        <v>116</v>
      </c>
      <c r="AU31" s="63">
        <v>0</v>
      </c>
      <c r="AV31" s="66">
        <v>0</v>
      </c>
      <c r="AW31" s="64">
        <v>0</v>
      </c>
      <c r="AX31" s="65">
        <v>0</v>
      </c>
      <c r="AY31" s="66">
        <v>311</v>
      </c>
      <c r="AZ31" s="66">
        <v>320</v>
      </c>
      <c r="BA31" s="66">
        <v>275</v>
      </c>
      <c r="BB31" s="66">
        <v>105</v>
      </c>
      <c r="BC31" s="66">
        <v>66</v>
      </c>
      <c r="BD31" s="67">
        <v>1077</v>
      </c>
      <c r="BE31" s="68">
        <v>1077</v>
      </c>
      <c r="BF31" s="63">
        <v>0</v>
      </c>
      <c r="BG31" s="66">
        <v>0</v>
      </c>
      <c r="BH31" s="64">
        <v>0</v>
      </c>
      <c r="BI31" s="65">
        <v>0</v>
      </c>
      <c r="BJ31" s="66">
        <v>72</v>
      </c>
      <c r="BK31" s="66">
        <v>68</v>
      </c>
      <c r="BL31" s="66">
        <v>113</v>
      </c>
      <c r="BM31" s="66">
        <v>17</v>
      </c>
      <c r="BN31" s="66">
        <v>8</v>
      </c>
      <c r="BO31" s="64">
        <v>278</v>
      </c>
      <c r="BP31" s="68">
        <v>278</v>
      </c>
      <c r="BQ31" s="63">
        <v>0</v>
      </c>
      <c r="BR31" s="66">
        <v>0</v>
      </c>
      <c r="BS31" s="64">
        <v>0</v>
      </c>
      <c r="BT31" s="65">
        <v>0</v>
      </c>
      <c r="BU31" s="66">
        <v>24</v>
      </c>
      <c r="BV31" s="66">
        <v>72</v>
      </c>
      <c r="BW31" s="66">
        <v>144</v>
      </c>
      <c r="BX31" s="66">
        <v>99</v>
      </c>
      <c r="BY31" s="66">
        <v>61</v>
      </c>
      <c r="BZ31" s="64">
        <v>400</v>
      </c>
      <c r="CA31" s="68">
        <v>400</v>
      </c>
      <c r="CB31" s="63">
        <v>0</v>
      </c>
      <c r="CC31" s="66">
        <v>0</v>
      </c>
      <c r="CD31" s="64">
        <v>0</v>
      </c>
      <c r="CE31" s="65">
        <v>0</v>
      </c>
      <c r="CF31" s="66">
        <v>28</v>
      </c>
      <c r="CG31" s="66">
        <v>4</v>
      </c>
      <c r="CH31" s="66">
        <v>13</v>
      </c>
      <c r="CI31" s="66">
        <v>3</v>
      </c>
      <c r="CJ31" s="66">
        <v>0</v>
      </c>
      <c r="CK31" s="64">
        <v>48</v>
      </c>
      <c r="CL31" s="68">
        <v>48</v>
      </c>
      <c r="CM31" s="63">
        <v>0</v>
      </c>
      <c r="CN31" s="66">
        <v>0</v>
      </c>
      <c r="CO31" s="64">
        <v>0</v>
      </c>
      <c r="CP31" s="65">
        <v>0</v>
      </c>
      <c r="CQ31" s="66">
        <v>0</v>
      </c>
      <c r="CR31" s="66">
        <v>0</v>
      </c>
      <c r="CS31" s="66">
        <v>0</v>
      </c>
      <c r="CT31" s="66">
        <v>0</v>
      </c>
      <c r="CU31" s="66">
        <v>0</v>
      </c>
      <c r="CV31" s="64">
        <v>0</v>
      </c>
      <c r="CW31" s="68">
        <v>0</v>
      </c>
      <c r="CX31" s="63">
        <v>0</v>
      </c>
      <c r="CY31" s="66">
        <v>0</v>
      </c>
      <c r="CZ31" s="64">
        <v>0</v>
      </c>
      <c r="DA31" s="65">
        <v>0</v>
      </c>
      <c r="DB31" s="66">
        <v>0</v>
      </c>
      <c r="DC31" s="66">
        <v>0</v>
      </c>
      <c r="DD31" s="66">
        <v>0</v>
      </c>
      <c r="DE31" s="66">
        <v>0</v>
      </c>
      <c r="DF31" s="66">
        <v>0</v>
      </c>
      <c r="DG31" s="64">
        <v>0</v>
      </c>
      <c r="DH31" s="68">
        <v>0</v>
      </c>
    </row>
    <row r="32" spans="2:112" ht="21" customHeight="1" x14ac:dyDescent="0.2">
      <c r="B32" s="131" t="s">
        <v>30</v>
      </c>
      <c r="C32" s="63">
        <v>0</v>
      </c>
      <c r="D32" s="66">
        <v>0</v>
      </c>
      <c r="E32" s="111">
        <v>0</v>
      </c>
      <c r="F32" s="65">
        <v>0</v>
      </c>
      <c r="G32" s="66">
        <v>163</v>
      </c>
      <c r="H32" s="66">
        <v>290</v>
      </c>
      <c r="I32" s="66">
        <v>524</v>
      </c>
      <c r="J32" s="66">
        <v>1071</v>
      </c>
      <c r="K32" s="66">
        <v>412</v>
      </c>
      <c r="L32" s="67">
        <v>2460</v>
      </c>
      <c r="M32" s="68">
        <v>2460</v>
      </c>
      <c r="N32" s="63">
        <v>0</v>
      </c>
      <c r="O32" s="66">
        <v>0</v>
      </c>
      <c r="P32" s="64">
        <v>0</v>
      </c>
      <c r="Q32" s="65">
        <v>0</v>
      </c>
      <c r="R32" s="66">
        <v>10</v>
      </c>
      <c r="S32" s="66">
        <v>5</v>
      </c>
      <c r="T32" s="66">
        <v>13</v>
      </c>
      <c r="U32" s="66">
        <v>32</v>
      </c>
      <c r="V32" s="66">
        <v>16</v>
      </c>
      <c r="W32" s="64">
        <v>76</v>
      </c>
      <c r="X32" s="68">
        <v>76</v>
      </c>
      <c r="Y32" s="63">
        <v>21</v>
      </c>
      <c r="Z32" s="66">
        <v>141</v>
      </c>
      <c r="AA32" s="64">
        <v>162</v>
      </c>
      <c r="AB32" s="65">
        <v>0</v>
      </c>
      <c r="AC32" s="66">
        <v>226</v>
      </c>
      <c r="AD32" s="66">
        <v>149</v>
      </c>
      <c r="AE32" s="66">
        <v>146</v>
      </c>
      <c r="AF32" s="66">
        <v>85</v>
      </c>
      <c r="AG32" s="66">
        <v>39</v>
      </c>
      <c r="AH32" s="64">
        <v>645</v>
      </c>
      <c r="AI32" s="68">
        <v>807</v>
      </c>
      <c r="AJ32" s="63">
        <v>0</v>
      </c>
      <c r="AK32" s="66">
        <v>0</v>
      </c>
      <c r="AL32" s="64">
        <v>0</v>
      </c>
      <c r="AM32" s="65">
        <v>0</v>
      </c>
      <c r="AN32" s="66">
        <v>30</v>
      </c>
      <c r="AO32" s="66">
        <v>24</v>
      </c>
      <c r="AP32" s="66">
        <v>24</v>
      </c>
      <c r="AQ32" s="66">
        <v>21</v>
      </c>
      <c r="AR32" s="66">
        <v>0</v>
      </c>
      <c r="AS32" s="64">
        <v>99</v>
      </c>
      <c r="AT32" s="68">
        <v>99</v>
      </c>
      <c r="AU32" s="63">
        <v>0</v>
      </c>
      <c r="AV32" s="66">
        <v>0</v>
      </c>
      <c r="AW32" s="64">
        <v>0</v>
      </c>
      <c r="AX32" s="65">
        <v>0</v>
      </c>
      <c r="AY32" s="66">
        <v>284</v>
      </c>
      <c r="AZ32" s="66">
        <v>197</v>
      </c>
      <c r="BA32" s="66">
        <v>148</v>
      </c>
      <c r="BB32" s="66">
        <v>82</v>
      </c>
      <c r="BC32" s="66">
        <v>17</v>
      </c>
      <c r="BD32" s="67">
        <v>728</v>
      </c>
      <c r="BE32" s="68">
        <v>728</v>
      </c>
      <c r="BF32" s="63">
        <v>0</v>
      </c>
      <c r="BG32" s="66">
        <v>0</v>
      </c>
      <c r="BH32" s="64">
        <v>0</v>
      </c>
      <c r="BI32" s="65">
        <v>0</v>
      </c>
      <c r="BJ32" s="66">
        <v>50</v>
      </c>
      <c r="BK32" s="66">
        <v>60</v>
      </c>
      <c r="BL32" s="66">
        <v>20</v>
      </c>
      <c r="BM32" s="66">
        <v>32</v>
      </c>
      <c r="BN32" s="66">
        <v>8</v>
      </c>
      <c r="BO32" s="64">
        <v>170</v>
      </c>
      <c r="BP32" s="68">
        <v>170</v>
      </c>
      <c r="BQ32" s="63">
        <v>0</v>
      </c>
      <c r="BR32" s="66">
        <v>0</v>
      </c>
      <c r="BS32" s="64">
        <v>0</v>
      </c>
      <c r="BT32" s="65">
        <v>0</v>
      </c>
      <c r="BU32" s="66">
        <v>23</v>
      </c>
      <c r="BV32" s="66">
        <v>74</v>
      </c>
      <c r="BW32" s="66">
        <v>65</v>
      </c>
      <c r="BX32" s="66">
        <v>42</v>
      </c>
      <c r="BY32" s="66">
        <v>5</v>
      </c>
      <c r="BZ32" s="64">
        <v>209</v>
      </c>
      <c r="CA32" s="68">
        <v>209</v>
      </c>
      <c r="CB32" s="63">
        <v>0</v>
      </c>
      <c r="CC32" s="66">
        <v>0</v>
      </c>
      <c r="CD32" s="64">
        <v>0</v>
      </c>
      <c r="CE32" s="65">
        <v>0</v>
      </c>
      <c r="CF32" s="66">
        <v>4</v>
      </c>
      <c r="CG32" s="66">
        <v>5</v>
      </c>
      <c r="CH32" s="66">
        <v>1</v>
      </c>
      <c r="CI32" s="66">
        <v>2</v>
      </c>
      <c r="CJ32" s="66">
        <v>4</v>
      </c>
      <c r="CK32" s="64">
        <v>16</v>
      </c>
      <c r="CL32" s="68">
        <v>16</v>
      </c>
      <c r="CM32" s="63">
        <v>0</v>
      </c>
      <c r="CN32" s="66">
        <v>0</v>
      </c>
      <c r="CO32" s="64">
        <v>0</v>
      </c>
      <c r="CP32" s="65">
        <v>0</v>
      </c>
      <c r="CQ32" s="66">
        <v>0</v>
      </c>
      <c r="CR32" s="66">
        <v>0</v>
      </c>
      <c r="CS32" s="66">
        <v>0</v>
      </c>
      <c r="CT32" s="66">
        <v>0</v>
      </c>
      <c r="CU32" s="66">
        <v>0</v>
      </c>
      <c r="CV32" s="64">
        <v>0</v>
      </c>
      <c r="CW32" s="68">
        <v>0</v>
      </c>
      <c r="CX32" s="63">
        <v>0</v>
      </c>
      <c r="CY32" s="66">
        <v>0</v>
      </c>
      <c r="CZ32" s="64">
        <v>0</v>
      </c>
      <c r="DA32" s="65">
        <v>0</v>
      </c>
      <c r="DB32" s="66">
        <v>0</v>
      </c>
      <c r="DC32" s="66">
        <v>0</v>
      </c>
      <c r="DD32" s="66">
        <v>0</v>
      </c>
      <c r="DE32" s="66">
        <v>0</v>
      </c>
      <c r="DF32" s="66">
        <v>0</v>
      </c>
      <c r="DG32" s="64">
        <v>0</v>
      </c>
      <c r="DH32" s="68">
        <v>0</v>
      </c>
    </row>
    <row r="33" spans="2:112" ht="21" customHeight="1" x14ac:dyDescent="0.2">
      <c r="B33" s="131" t="s">
        <v>31</v>
      </c>
      <c r="C33" s="63">
        <v>0</v>
      </c>
      <c r="D33" s="66">
        <v>0</v>
      </c>
      <c r="E33" s="111">
        <v>0</v>
      </c>
      <c r="F33" s="65">
        <v>0</v>
      </c>
      <c r="G33" s="66">
        <v>186</v>
      </c>
      <c r="H33" s="66">
        <v>126</v>
      </c>
      <c r="I33" s="66">
        <v>583</v>
      </c>
      <c r="J33" s="66">
        <v>260</v>
      </c>
      <c r="K33" s="66">
        <v>180</v>
      </c>
      <c r="L33" s="67">
        <v>1335</v>
      </c>
      <c r="M33" s="68">
        <v>1335</v>
      </c>
      <c r="N33" s="63">
        <v>0</v>
      </c>
      <c r="O33" s="66">
        <v>0</v>
      </c>
      <c r="P33" s="64">
        <v>0</v>
      </c>
      <c r="Q33" s="65">
        <v>0</v>
      </c>
      <c r="R33" s="66">
        <v>4</v>
      </c>
      <c r="S33" s="66">
        <v>5</v>
      </c>
      <c r="T33" s="66">
        <v>26</v>
      </c>
      <c r="U33" s="66">
        <v>40</v>
      </c>
      <c r="V33" s="66">
        <v>16</v>
      </c>
      <c r="W33" s="64">
        <v>91</v>
      </c>
      <c r="X33" s="68">
        <v>91</v>
      </c>
      <c r="Y33" s="63">
        <v>10</v>
      </c>
      <c r="Z33" s="66">
        <v>19</v>
      </c>
      <c r="AA33" s="64">
        <v>29</v>
      </c>
      <c r="AB33" s="65">
        <v>0</v>
      </c>
      <c r="AC33" s="66">
        <v>143</v>
      </c>
      <c r="AD33" s="66">
        <v>113</v>
      </c>
      <c r="AE33" s="66">
        <v>106</v>
      </c>
      <c r="AF33" s="66">
        <v>107</v>
      </c>
      <c r="AG33" s="66">
        <v>65</v>
      </c>
      <c r="AH33" s="64">
        <v>534</v>
      </c>
      <c r="AI33" s="68">
        <v>563</v>
      </c>
      <c r="AJ33" s="63">
        <v>15</v>
      </c>
      <c r="AK33" s="66">
        <v>21</v>
      </c>
      <c r="AL33" s="64">
        <v>36</v>
      </c>
      <c r="AM33" s="65">
        <v>0</v>
      </c>
      <c r="AN33" s="66">
        <v>30</v>
      </c>
      <c r="AO33" s="66">
        <v>12</v>
      </c>
      <c r="AP33" s="66">
        <v>15</v>
      </c>
      <c r="AQ33" s="66">
        <v>36</v>
      </c>
      <c r="AR33" s="66">
        <v>0</v>
      </c>
      <c r="AS33" s="64">
        <v>93</v>
      </c>
      <c r="AT33" s="68">
        <v>129</v>
      </c>
      <c r="AU33" s="63">
        <v>0</v>
      </c>
      <c r="AV33" s="66">
        <v>0</v>
      </c>
      <c r="AW33" s="64">
        <v>0</v>
      </c>
      <c r="AX33" s="65">
        <v>0</v>
      </c>
      <c r="AY33" s="66">
        <v>345</v>
      </c>
      <c r="AZ33" s="66">
        <v>322</v>
      </c>
      <c r="BA33" s="66">
        <v>126</v>
      </c>
      <c r="BB33" s="66">
        <v>44</v>
      </c>
      <c r="BC33" s="66">
        <v>43</v>
      </c>
      <c r="BD33" s="67">
        <v>880</v>
      </c>
      <c r="BE33" s="68">
        <v>880</v>
      </c>
      <c r="BF33" s="63">
        <v>0</v>
      </c>
      <c r="BG33" s="66">
        <v>0</v>
      </c>
      <c r="BH33" s="64">
        <v>0</v>
      </c>
      <c r="BI33" s="65">
        <v>0</v>
      </c>
      <c r="BJ33" s="66">
        <v>45</v>
      </c>
      <c r="BK33" s="66">
        <v>46</v>
      </c>
      <c r="BL33" s="66">
        <v>86</v>
      </c>
      <c r="BM33" s="66">
        <v>14</v>
      </c>
      <c r="BN33" s="66">
        <v>7</v>
      </c>
      <c r="BO33" s="64">
        <v>198</v>
      </c>
      <c r="BP33" s="68">
        <v>198</v>
      </c>
      <c r="BQ33" s="63">
        <v>0</v>
      </c>
      <c r="BR33" s="66">
        <v>3</v>
      </c>
      <c r="BS33" s="64">
        <v>3</v>
      </c>
      <c r="BT33" s="65">
        <v>0</v>
      </c>
      <c r="BU33" s="66">
        <v>29</v>
      </c>
      <c r="BV33" s="66">
        <v>77</v>
      </c>
      <c r="BW33" s="66">
        <v>231</v>
      </c>
      <c r="BX33" s="66">
        <v>100</v>
      </c>
      <c r="BY33" s="66">
        <v>29</v>
      </c>
      <c r="BZ33" s="64">
        <v>466</v>
      </c>
      <c r="CA33" s="68">
        <v>469</v>
      </c>
      <c r="CB33" s="63">
        <v>0</v>
      </c>
      <c r="CC33" s="66">
        <v>0</v>
      </c>
      <c r="CD33" s="64">
        <v>0</v>
      </c>
      <c r="CE33" s="65">
        <v>0</v>
      </c>
      <c r="CF33" s="66">
        <v>9</v>
      </c>
      <c r="CG33" s="66">
        <v>4</v>
      </c>
      <c r="CH33" s="66">
        <v>0</v>
      </c>
      <c r="CI33" s="66">
        <v>0</v>
      </c>
      <c r="CJ33" s="66">
        <v>7</v>
      </c>
      <c r="CK33" s="64">
        <v>20</v>
      </c>
      <c r="CL33" s="68">
        <v>20</v>
      </c>
      <c r="CM33" s="63">
        <v>0</v>
      </c>
      <c r="CN33" s="66">
        <v>0</v>
      </c>
      <c r="CO33" s="64">
        <v>0</v>
      </c>
      <c r="CP33" s="65">
        <v>0</v>
      </c>
      <c r="CQ33" s="66">
        <v>0</v>
      </c>
      <c r="CR33" s="66">
        <v>0</v>
      </c>
      <c r="CS33" s="66">
        <v>0</v>
      </c>
      <c r="CT33" s="66">
        <v>0</v>
      </c>
      <c r="CU33" s="66">
        <v>0</v>
      </c>
      <c r="CV33" s="64">
        <v>0</v>
      </c>
      <c r="CW33" s="68">
        <v>0</v>
      </c>
      <c r="CX33" s="63">
        <v>0</v>
      </c>
      <c r="CY33" s="66">
        <v>0</v>
      </c>
      <c r="CZ33" s="64">
        <v>0</v>
      </c>
      <c r="DA33" s="65">
        <v>0</v>
      </c>
      <c r="DB33" s="66">
        <v>0</v>
      </c>
      <c r="DC33" s="66">
        <v>0</v>
      </c>
      <c r="DD33" s="66">
        <v>0</v>
      </c>
      <c r="DE33" s="66">
        <v>0</v>
      </c>
      <c r="DF33" s="66">
        <v>0</v>
      </c>
      <c r="DG33" s="64">
        <v>0</v>
      </c>
      <c r="DH33" s="68">
        <v>0</v>
      </c>
    </row>
    <row r="34" spans="2:112" ht="21" customHeight="1" x14ac:dyDescent="0.2">
      <c r="B34" s="131" t="s">
        <v>32</v>
      </c>
      <c r="C34" s="63">
        <v>0</v>
      </c>
      <c r="D34" s="66">
        <v>0</v>
      </c>
      <c r="E34" s="111">
        <v>0</v>
      </c>
      <c r="F34" s="65">
        <v>0</v>
      </c>
      <c r="G34" s="66">
        <v>376</v>
      </c>
      <c r="H34" s="66">
        <v>262</v>
      </c>
      <c r="I34" s="66">
        <v>484</v>
      </c>
      <c r="J34" s="66">
        <v>128</v>
      </c>
      <c r="K34" s="66">
        <v>605</v>
      </c>
      <c r="L34" s="67">
        <v>1855</v>
      </c>
      <c r="M34" s="68">
        <v>1855</v>
      </c>
      <c r="N34" s="63">
        <v>0</v>
      </c>
      <c r="O34" s="66">
        <v>0</v>
      </c>
      <c r="P34" s="64">
        <v>0</v>
      </c>
      <c r="Q34" s="65">
        <v>0</v>
      </c>
      <c r="R34" s="66">
        <v>0</v>
      </c>
      <c r="S34" s="66">
        <v>4</v>
      </c>
      <c r="T34" s="66">
        <v>1</v>
      </c>
      <c r="U34" s="66">
        <v>19</v>
      </c>
      <c r="V34" s="66">
        <v>30</v>
      </c>
      <c r="W34" s="64">
        <v>54</v>
      </c>
      <c r="X34" s="68">
        <v>54</v>
      </c>
      <c r="Y34" s="63">
        <v>13</v>
      </c>
      <c r="Z34" s="66">
        <v>34</v>
      </c>
      <c r="AA34" s="64">
        <v>47</v>
      </c>
      <c r="AB34" s="65">
        <v>0</v>
      </c>
      <c r="AC34" s="66">
        <v>268</v>
      </c>
      <c r="AD34" s="66">
        <v>223</v>
      </c>
      <c r="AE34" s="66">
        <v>84</v>
      </c>
      <c r="AF34" s="66">
        <v>116</v>
      </c>
      <c r="AG34" s="66">
        <v>60</v>
      </c>
      <c r="AH34" s="64">
        <v>751</v>
      </c>
      <c r="AI34" s="68">
        <v>798</v>
      </c>
      <c r="AJ34" s="63">
        <v>0</v>
      </c>
      <c r="AK34" s="66">
        <v>0</v>
      </c>
      <c r="AL34" s="64">
        <v>0</v>
      </c>
      <c r="AM34" s="65">
        <v>0</v>
      </c>
      <c r="AN34" s="66">
        <v>54</v>
      </c>
      <c r="AO34" s="66">
        <v>21</v>
      </c>
      <c r="AP34" s="66">
        <v>0</v>
      </c>
      <c r="AQ34" s="66">
        <v>24</v>
      </c>
      <c r="AR34" s="66">
        <v>27</v>
      </c>
      <c r="AS34" s="64">
        <v>126</v>
      </c>
      <c r="AT34" s="68">
        <v>126</v>
      </c>
      <c r="AU34" s="63">
        <v>0</v>
      </c>
      <c r="AV34" s="66">
        <v>0</v>
      </c>
      <c r="AW34" s="64">
        <v>0</v>
      </c>
      <c r="AX34" s="65">
        <v>0</v>
      </c>
      <c r="AY34" s="66">
        <v>540</v>
      </c>
      <c r="AZ34" s="66">
        <v>493</v>
      </c>
      <c r="BA34" s="66">
        <v>199</v>
      </c>
      <c r="BB34" s="66">
        <v>198</v>
      </c>
      <c r="BC34" s="66">
        <v>64</v>
      </c>
      <c r="BD34" s="67">
        <v>1494</v>
      </c>
      <c r="BE34" s="68">
        <v>1494</v>
      </c>
      <c r="BF34" s="63">
        <v>0</v>
      </c>
      <c r="BG34" s="66">
        <v>0</v>
      </c>
      <c r="BH34" s="64">
        <v>0</v>
      </c>
      <c r="BI34" s="65">
        <v>0</v>
      </c>
      <c r="BJ34" s="66">
        <v>56</v>
      </c>
      <c r="BK34" s="66">
        <v>88</v>
      </c>
      <c r="BL34" s="66">
        <v>17</v>
      </c>
      <c r="BM34" s="66">
        <v>37</v>
      </c>
      <c r="BN34" s="66">
        <v>25</v>
      </c>
      <c r="BO34" s="64">
        <v>223</v>
      </c>
      <c r="BP34" s="68">
        <v>223</v>
      </c>
      <c r="BQ34" s="63">
        <v>0</v>
      </c>
      <c r="BR34" s="66">
        <v>4</v>
      </c>
      <c r="BS34" s="64">
        <v>4</v>
      </c>
      <c r="BT34" s="65">
        <v>0</v>
      </c>
      <c r="BU34" s="66">
        <v>36</v>
      </c>
      <c r="BV34" s="66">
        <v>42</v>
      </c>
      <c r="BW34" s="66">
        <v>131</v>
      </c>
      <c r="BX34" s="66">
        <v>166</v>
      </c>
      <c r="BY34" s="66">
        <v>64</v>
      </c>
      <c r="BZ34" s="64">
        <v>439</v>
      </c>
      <c r="CA34" s="68">
        <v>443</v>
      </c>
      <c r="CB34" s="63">
        <v>0</v>
      </c>
      <c r="CC34" s="66">
        <v>0</v>
      </c>
      <c r="CD34" s="64">
        <v>0</v>
      </c>
      <c r="CE34" s="65">
        <v>0</v>
      </c>
      <c r="CF34" s="66">
        <v>3</v>
      </c>
      <c r="CG34" s="66">
        <v>25</v>
      </c>
      <c r="CH34" s="66">
        <v>0</v>
      </c>
      <c r="CI34" s="66">
        <v>6</v>
      </c>
      <c r="CJ34" s="66">
        <v>3</v>
      </c>
      <c r="CK34" s="64">
        <v>37</v>
      </c>
      <c r="CL34" s="68">
        <v>37</v>
      </c>
      <c r="CM34" s="63">
        <v>0</v>
      </c>
      <c r="CN34" s="66">
        <v>0</v>
      </c>
      <c r="CO34" s="64">
        <v>0</v>
      </c>
      <c r="CP34" s="65">
        <v>0</v>
      </c>
      <c r="CQ34" s="66">
        <v>0</v>
      </c>
      <c r="CR34" s="66">
        <v>0</v>
      </c>
      <c r="CS34" s="66">
        <v>0</v>
      </c>
      <c r="CT34" s="66">
        <v>0</v>
      </c>
      <c r="CU34" s="66">
        <v>0</v>
      </c>
      <c r="CV34" s="64">
        <v>0</v>
      </c>
      <c r="CW34" s="68">
        <v>0</v>
      </c>
      <c r="CX34" s="63">
        <v>0</v>
      </c>
      <c r="CY34" s="66">
        <v>0</v>
      </c>
      <c r="CZ34" s="64">
        <v>0</v>
      </c>
      <c r="DA34" s="65">
        <v>0</v>
      </c>
      <c r="DB34" s="66">
        <v>0</v>
      </c>
      <c r="DC34" s="66">
        <v>0</v>
      </c>
      <c r="DD34" s="66">
        <v>0</v>
      </c>
      <c r="DE34" s="66">
        <v>0</v>
      </c>
      <c r="DF34" s="66">
        <v>0</v>
      </c>
      <c r="DG34" s="64">
        <v>0</v>
      </c>
      <c r="DH34" s="68">
        <v>0</v>
      </c>
    </row>
    <row r="35" spans="2:112" ht="21" customHeight="1" x14ac:dyDescent="0.2">
      <c r="B35" s="131" t="s">
        <v>33</v>
      </c>
      <c r="C35" s="63">
        <v>0</v>
      </c>
      <c r="D35" s="66">
        <v>0</v>
      </c>
      <c r="E35" s="111">
        <v>0</v>
      </c>
      <c r="F35" s="65">
        <v>0</v>
      </c>
      <c r="G35" s="66">
        <v>273</v>
      </c>
      <c r="H35" s="66">
        <v>217</v>
      </c>
      <c r="I35" s="66">
        <v>593</v>
      </c>
      <c r="J35" s="66">
        <v>186</v>
      </c>
      <c r="K35" s="66">
        <v>553</v>
      </c>
      <c r="L35" s="67">
        <v>1822</v>
      </c>
      <c r="M35" s="68">
        <v>1822</v>
      </c>
      <c r="N35" s="63">
        <v>0</v>
      </c>
      <c r="O35" s="66">
        <v>0</v>
      </c>
      <c r="P35" s="64">
        <v>0</v>
      </c>
      <c r="Q35" s="65">
        <v>0</v>
      </c>
      <c r="R35" s="66">
        <v>8</v>
      </c>
      <c r="S35" s="66">
        <v>3</v>
      </c>
      <c r="T35" s="66">
        <v>3</v>
      </c>
      <c r="U35" s="66">
        <v>3</v>
      </c>
      <c r="V35" s="66">
        <v>23</v>
      </c>
      <c r="W35" s="64">
        <v>40</v>
      </c>
      <c r="X35" s="68">
        <v>40</v>
      </c>
      <c r="Y35" s="63">
        <v>0</v>
      </c>
      <c r="Z35" s="66">
        <v>20</v>
      </c>
      <c r="AA35" s="64">
        <v>20</v>
      </c>
      <c r="AB35" s="65">
        <v>0</v>
      </c>
      <c r="AC35" s="66">
        <v>149</v>
      </c>
      <c r="AD35" s="66">
        <v>79</v>
      </c>
      <c r="AE35" s="66">
        <v>34</v>
      </c>
      <c r="AF35" s="66">
        <v>37</v>
      </c>
      <c r="AG35" s="66">
        <v>19</v>
      </c>
      <c r="AH35" s="64">
        <v>318</v>
      </c>
      <c r="AI35" s="68">
        <v>338</v>
      </c>
      <c r="AJ35" s="63">
        <v>89</v>
      </c>
      <c r="AK35" s="66">
        <v>205</v>
      </c>
      <c r="AL35" s="64">
        <v>294</v>
      </c>
      <c r="AM35" s="65">
        <v>0</v>
      </c>
      <c r="AN35" s="66">
        <v>455</v>
      </c>
      <c r="AO35" s="66">
        <v>226</v>
      </c>
      <c r="AP35" s="66">
        <v>130</v>
      </c>
      <c r="AQ35" s="66">
        <v>68</v>
      </c>
      <c r="AR35" s="66">
        <v>24</v>
      </c>
      <c r="AS35" s="64">
        <v>903</v>
      </c>
      <c r="AT35" s="68">
        <v>1197</v>
      </c>
      <c r="AU35" s="63">
        <v>0</v>
      </c>
      <c r="AV35" s="66">
        <v>0</v>
      </c>
      <c r="AW35" s="64">
        <v>0</v>
      </c>
      <c r="AX35" s="65">
        <v>0</v>
      </c>
      <c r="AY35" s="66">
        <v>58</v>
      </c>
      <c r="AZ35" s="66">
        <v>67</v>
      </c>
      <c r="BA35" s="66">
        <v>48</v>
      </c>
      <c r="BB35" s="66">
        <v>30</v>
      </c>
      <c r="BC35" s="66">
        <v>54</v>
      </c>
      <c r="BD35" s="67">
        <v>257</v>
      </c>
      <c r="BE35" s="68">
        <v>257</v>
      </c>
      <c r="BF35" s="63">
        <v>0</v>
      </c>
      <c r="BG35" s="66">
        <v>0</v>
      </c>
      <c r="BH35" s="64">
        <v>0</v>
      </c>
      <c r="BI35" s="65">
        <v>0</v>
      </c>
      <c r="BJ35" s="66">
        <v>190</v>
      </c>
      <c r="BK35" s="66">
        <v>99</v>
      </c>
      <c r="BL35" s="66">
        <v>59</v>
      </c>
      <c r="BM35" s="66">
        <v>18</v>
      </c>
      <c r="BN35" s="66">
        <v>8</v>
      </c>
      <c r="BO35" s="64">
        <v>374</v>
      </c>
      <c r="BP35" s="68">
        <v>374</v>
      </c>
      <c r="BQ35" s="63">
        <v>0</v>
      </c>
      <c r="BR35" s="66">
        <v>0</v>
      </c>
      <c r="BS35" s="64">
        <v>0</v>
      </c>
      <c r="BT35" s="65">
        <v>0</v>
      </c>
      <c r="BU35" s="66">
        <v>57</v>
      </c>
      <c r="BV35" s="66">
        <v>28</v>
      </c>
      <c r="BW35" s="66">
        <v>121</v>
      </c>
      <c r="BX35" s="66">
        <v>30</v>
      </c>
      <c r="BY35" s="66">
        <v>37</v>
      </c>
      <c r="BZ35" s="64">
        <v>273</v>
      </c>
      <c r="CA35" s="68">
        <v>273</v>
      </c>
      <c r="CB35" s="63">
        <v>0</v>
      </c>
      <c r="CC35" s="66">
        <v>0</v>
      </c>
      <c r="CD35" s="64">
        <v>0</v>
      </c>
      <c r="CE35" s="65">
        <v>0</v>
      </c>
      <c r="CF35" s="66">
        <v>8</v>
      </c>
      <c r="CG35" s="66">
        <v>10</v>
      </c>
      <c r="CH35" s="66">
        <v>0</v>
      </c>
      <c r="CI35" s="66">
        <v>13</v>
      </c>
      <c r="CJ35" s="66">
        <v>0</v>
      </c>
      <c r="CK35" s="64">
        <v>31</v>
      </c>
      <c r="CL35" s="68">
        <v>31</v>
      </c>
      <c r="CM35" s="63">
        <v>0</v>
      </c>
      <c r="CN35" s="66">
        <v>0</v>
      </c>
      <c r="CO35" s="64">
        <v>0</v>
      </c>
      <c r="CP35" s="65">
        <v>0</v>
      </c>
      <c r="CQ35" s="66">
        <v>0</v>
      </c>
      <c r="CR35" s="66">
        <v>0</v>
      </c>
      <c r="CS35" s="66">
        <v>0</v>
      </c>
      <c r="CT35" s="66">
        <v>0</v>
      </c>
      <c r="CU35" s="66">
        <v>0</v>
      </c>
      <c r="CV35" s="64">
        <v>0</v>
      </c>
      <c r="CW35" s="68">
        <v>0</v>
      </c>
      <c r="CX35" s="63">
        <v>0</v>
      </c>
      <c r="CY35" s="66">
        <v>0</v>
      </c>
      <c r="CZ35" s="64">
        <v>0</v>
      </c>
      <c r="DA35" s="65">
        <v>0</v>
      </c>
      <c r="DB35" s="66">
        <v>0</v>
      </c>
      <c r="DC35" s="66">
        <v>0</v>
      </c>
      <c r="DD35" s="66">
        <v>0</v>
      </c>
      <c r="DE35" s="66">
        <v>0</v>
      </c>
      <c r="DF35" s="66">
        <v>0</v>
      </c>
      <c r="DG35" s="64">
        <v>0</v>
      </c>
      <c r="DH35" s="68">
        <v>0</v>
      </c>
    </row>
    <row r="36" spans="2:112" ht="21" customHeight="1" x14ac:dyDescent="0.2">
      <c r="B36" s="131" t="s">
        <v>34</v>
      </c>
      <c r="C36" s="63">
        <v>0</v>
      </c>
      <c r="D36" s="66">
        <v>0</v>
      </c>
      <c r="E36" s="111">
        <v>0</v>
      </c>
      <c r="F36" s="65">
        <v>0</v>
      </c>
      <c r="G36" s="66">
        <v>187</v>
      </c>
      <c r="H36" s="66">
        <v>248</v>
      </c>
      <c r="I36" s="66">
        <v>75</v>
      </c>
      <c r="J36" s="66">
        <v>195</v>
      </c>
      <c r="K36" s="66">
        <v>174</v>
      </c>
      <c r="L36" s="67">
        <v>879</v>
      </c>
      <c r="M36" s="68">
        <v>879</v>
      </c>
      <c r="N36" s="63">
        <v>0</v>
      </c>
      <c r="O36" s="66">
        <v>0</v>
      </c>
      <c r="P36" s="64">
        <v>0</v>
      </c>
      <c r="Q36" s="65">
        <v>0</v>
      </c>
      <c r="R36" s="66">
        <v>0</v>
      </c>
      <c r="S36" s="66">
        <v>5</v>
      </c>
      <c r="T36" s="66">
        <v>0</v>
      </c>
      <c r="U36" s="66">
        <v>7</v>
      </c>
      <c r="V36" s="66">
        <v>45</v>
      </c>
      <c r="W36" s="64">
        <v>57</v>
      </c>
      <c r="X36" s="68">
        <v>57</v>
      </c>
      <c r="Y36" s="63">
        <v>0</v>
      </c>
      <c r="Z36" s="66">
        <v>50</v>
      </c>
      <c r="AA36" s="64">
        <v>50</v>
      </c>
      <c r="AB36" s="65">
        <v>0</v>
      </c>
      <c r="AC36" s="66">
        <v>149</v>
      </c>
      <c r="AD36" s="66">
        <v>130</v>
      </c>
      <c r="AE36" s="66">
        <v>16</v>
      </c>
      <c r="AF36" s="66">
        <v>37</v>
      </c>
      <c r="AG36" s="66">
        <v>86</v>
      </c>
      <c r="AH36" s="64">
        <v>418</v>
      </c>
      <c r="AI36" s="68">
        <v>468</v>
      </c>
      <c r="AJ36" s="63">
        <v>5</v>
      </c>
      <c r="AK36" s="66">
        <v>9</v>
      </c>
      <c r="AL36" s="64">
        <v>14</v>
      </c>
      <c r="AM36" s="65">
        <v>0</v>
      </c>
      <c r="AN36" s="66">
        <v>84</v>
      </c>
      <c r="AO36" s="66">
        <v>34</v>
      </c>
      <c r="AP36" s="66">
        <v>52</v>
      </c>
      <c r="AQ36" s="66">
        <v>3</v>
      </c>
      <c r="AR36" s="66">
        <v>16</v>
      </c>
      <c r="AS36" s="64">
        <v>189</v>
      </c>
      <c r="AT36" s="68">
        <v>203</v>
      </c>
      <c r="AU36" s="63">
        <v>0</v>
      </c>
      <c r="AV36" s="66">
        <v>0</v>
      </c>
      <c r="AW36" s="64">
        <v>0</v>
      </c>
      <c r="AX36" s="65">
        <v>0</v>
      </c>
      <c r="AY36" s="66">
        <v>230</v>
      </c>
      <c r="AZ36" s="66">
        <v>214</v>
      </c>
      <c r="BA36" s="66">
        <v>217</v>
      </c>
      <c r="BB36" s="66">
        <v>108</v>
      </c>
      <c r="BC36" s="66">
        <v>26</v>
      </c>
      <c r="BD36" s="67">
        <v>795</v>
      </c>
      <c r="BE36" s="68">
        <v>795</v>
      </c>
      <c r="BF36" s="63">
        <v>0</v>
      </c>
      <c r="BG36" s="66">
        <v>0</v>
      </c>
      <c r="BH36" s="64">
        <v>0</v>
      </c>
      <c r="BI36" s="65">
        <v>0</v>
      </c>
      <c r="BJ36" s="66">
        <v>57</v>
      </c>
      <c r="BK36" s="66">
        <v>19</v>
      </c>
      <c r="BL36" s="66">
        <v>15</v>
      </c>
      <c r="BM36" s="66">
        <v>37</v>
      </c>
      <c r="BN36" s="66">
        <v>0</v>
      </c>
      <c r="BO36" s="64">
        <v>128</v>
      </c>
      <c r="BP36" s="68">
        <v>128</v>
      </c>
      <c r="BQ36" s="63">
        <v>0</v>
      </c>
      <c r="BR36" s="66">
        <v>0</v>
      </c>
      <c r="BS36" s="64">
        <v>0</v>
      </c>
      <c r="BT36" s="65">
        <v>0</v>
      </c>
      <c r="BU36" s="66">
        <v>17</v>
      </c>
      <c r="BV36" s="66">
        <v>13</v>
      </c>
      <c r="BW36" s="66">
        <v>63</v>
      </c>
      <c r="BX36" s="66">
        <v>35</v>
      </c>
      <c r="BY36" s="66">
        <v>10</v>
      </c>
      <c r="BZ36" s="64">
        <v>138</v>
      </c>
      <c r="CA36" s="68">
        <v>138</v>
      </c>
      <c r="CB36" s="63">
        <v>0</v>
      </c>
      <c r="CC36" s="66">
        <v>0</v>
      </c>
      <c r="CD36" s="64">
        <v>0</v>
      </c>
      <c r="CE36" s="65">
        <v>0</v>
      </c>
      <c r="CF36" s="66">
        <v>0</v>
      </c>
      <c r="CG36" s="66">
        <v>16</v>
      </c>
      <c r="CH36" s="66">
        <v>0</v>
      </c>
      <c r="CI36" s="66">
        <v>0</v>
      </c>
      <c r="CJ36" s="66">
        <v>0</v>
      </c>
      <c r="CK36" s="64">
        <v>16</v>
      </c>
      <c r="CL36" s="68">
        <v>16</v>
      </c>
      <c r="CM36" s="63">
        <v>0</v>
      </c>
      <c r="CN36" s="66">
        <v>0</v>
      </c>
      <c r="CO36" s="64">
        <v>0</v>
      </c>
      <c r="CP36" s="65">
        <v>0</v>
      </c>
      <c r="CQ36" s="66">
        <v>0</v>
      </c>
      <c r="CR36" s="66">
        <v>0</v>
      </c>
      <c r="CS36" s="66">
        <v>0</v>
      </c>
      <c r="CT36" s="66">
        <v>0</v>
      </c>
      <c r="CU36" s="66">
        <v>0</v>
      </c>
      <c r="CV36" s="64">
        <v>0</v>
      </c>
      <c r="CW36" s="68">
        <v>0</v>
      </c>
      <c r="CX36" s="63">
        <v>0</v>
      </c>
      <c r="CY36" s="66">
        <v>0</v>
      </c>
      <c r="CZ36" s="64">
        <v>0</v>
      </c>
      <c r="DA36" s="65">
        <v>0</v>
      </c>
      <c r="DB36" s="66">
        <v>0</v>
      </c>
      <c r="DC36" s="66">
        <v>0</v>
      </c>
      <c r="DD36" s="66">
        <v>0</v>
      </c>
      <c r="DE36" s="66">
        <v>0</v>
      </c>
      <c r="DF36" s="66">
        <v>0</v>
      </c>
      <c r="DG36" s="64">
        <v>0</v>
      </c>
      <c r="DH36" s="68">
        <v>0</v>
      </c>
    </row>
    <row r="37" spans="2:112" ht="21" customHeight="1" x14ac:dyDescent="0.2">
      <c r="B37" s="131" t="s">
        <v>35</v>
      </c>
      <c r="C37" s="63">
        <v>0</v>
      </c>
      <c r="D37" s="66">
        <v>0</v>
      </c>
      <c r="E37" s="111">
        <v>0</v>
      </c>
      <c r="F37" s="65">
        <v>0</v>
      </c>
      <c r="G37" s="66">
        <v>1234</v>
      </c>
      <c r="H37" s="66">
        <v>1023</v>
      </c>
      <c r="I37" s="66">
        <v>1786</v>
      </c>
      <c r="J37" s="66">
        <v>1314</v>
      </c>
      <c r="K37" s="66">
        <v>1217</v>
      </c>
      <c r="L37" s="67">
        <v>6574</v>
      </c>
      <c r="M37" s="68">
        <v>6574</v>
      </c>
      <c r="N37" s="63">
        <v>0</v>
      </c>
      <c r="O37" s="66">
        <v>0</v>
      </c>
      <c r="P37" s="64">
        <v>0</v>
      </c>
      <c r="Q37" s="65">
        <v>0</v>
      </c>
      <c r="R37" s="66">
        <v>4</v>
      </c>
      <c r="S37" s="66">
        <v>16</v>
      </c>
      <c r="T37" s="66">
        <v>24</v>
      </c>
      <c r="U37" s="66">
        <v>88</v>
      </c>
      <c r="V37" s="66">
        <v>48</v>
      </c>
      <c r="W37" s="64">
        <v>180</v>
      </c>
      <c r="X37" s="68">
        <v>180</v>
      </c>
      <c r="Y37" s="63">
        <v>33</v>
      </c>
      <c r="Z37" s="66">
        <v>128</v>
      </c>
      <c r="AA37" s="64">
        <v>161</v>
      </c>
      <c r="AB37" s="65">
        <v>0</v>
      </c>
      <c r="AC37" s="66">
        <v>448</v>
      </c>
      <c r="AD37" s="66">
        <v>218</v>
      </c>
      <c r="AE37" s="66">
        <v>309</v>
      </c>
      <c r="AF37" s="66">
        <v>151</v>
      </c>
      <c r="AG37" s="66">
        <v>213</v>
      </c>
      <c r="AH37" s="64">
        <v>1339</v>
      </c>
      <c r="AI37" s="68">
        <v>1500</v>
      </c>
      <c r="AJ37" s="63">
        <v>86</v>
      </c>
      <c r="AK37" s="66">
        <v>230</v>
      </c>
      <c r="AL37" s="64">
        <v>316</v>
      </c>
      <c r="AM37" s="65">
        <v>0</v>
      </c>
      <c r="AN37" s="66">
        <v>299</v>
      </c>
      <c r="AO37" s="66">
        <v>148</v>
      </c>
      <c r="AP37" s="66">
        <v>53</v>
      </c>
      <c r="AQ37" s="66">
        <v>142</v>
      </c>
      <c r="AR37" s="66">
        <v>46</v>
      </c>
      <c r="AS37" s="64">
        <v>688</v>
      </c>
      <c r="AT37" s="68">
        <v>1004</v>
      </c>
      <c r="AU37" s="63">
        <v>0</v>
      </c>
      <c r="AV37" s="66">
        <v>0</v>
      </c>
      <c r="AW37" s="64">
        <v>0</v>
      </c>
      <c r="AX37" s="65">
        <v>0</v>
      </c>
      <c r="AY37" s="66">
        <v>1340</v>
      </c>
      <c r="AZ37" s="66">
        <v>890</v>
      </c>
      <c r="BA37" s="66">
        <v>660</v>
      </c>
      <c r="BB37" s="66">
        <v>342</v>
      </c>
      <c r="BC37" s="66">
        <v>240</v>
      </c>
      <c r="BD37" s="67">
        <v>3472</v>
      </c>
      <c r="BE37" s="68">
        <v>3472</v>
      </c>
      <c r="BF37" s="63">
        <v>0</v>
      </c>
      <c r="BG37" s="66">
        <v>0</v>
      </c>
      <c r="BH37" s="64">
        <v>0</v>
      </c>
      <c r="BI37" s="65">
        <v>0</v>
      </c>
      <c r="BJ37" s="66">
        <v>569</v>
      </c>
      <c r="BK37" s="66">
        <v>286</v>
      </c>
      <c r="BL37" s="66">
        <v>131</v>
      </c>
      <c r="BM37" s="66">
        <v>97</v>
      </c>
      <c r="BN37" s="66">
        <v>5</v>
      </c>
      <c r="BO37" s="64">
        <v>1088</v>
      </c>
      <c r="BP37" s="68">
        <v>1088</v>
      </c>
      <c r="BQ37" s="63">
        <v>6</v>
      </c>
      <c r="BR37" s="66">
        <v>0</v>
      </c>
      <c r="BS37" s="64">
        <v>6</v>
      </c>
      <c r="BT37" s="65">
        <v>0</v>
      </c>
      <c r="BU37" s="66">
        <v>61</v>
      </c>
      <c r="BV37" s="66">
        <v>92</v>
      </c>
      <c r="BW37" s="66">
        <v>162</v>
      </c>
      <c r="BX37" s="66">
        <v>81</v>
      </c>
      <c r="BY37" s="66">
        <v>21</v>
      </c>
      <c r="BZ37" s="64">
        <v>417</v>
      </c>
      <c r="CA37" s="68">
        <v>423</v>
      </c>
      <c r="CB37" s="63">
        <v>0</v>
      </c>
      <c r="CC37" s="66">
        <v>9</v>
      </c>
      <c r="CD37" s="64">
        <v>9</v>
      </c>
      <c r="CE37" s="65">
        <v>0</v>
      </c>
      <c r="CF37" s="66">
        <v>6</v>
      </c>
      <c r="CG37" s="66">
        <v>13</v>
      </c>
      <c r="CH37" s="66">
        <v>40</v>
      </c>
      <c r="CI37" s="66">
        <v>12</v>
      </c>
      <c r="CJ37" s="66">
        <v>8</v>
      </c>
      <c r="CK37" s="64">
        <v>79</v>
      </c>
      <c r="CL37" s="68">
        <v>88</v>
      </c>
      <c r="CM37" s="63">
        <v>0</v>
      </c>
      <c r="CN37" s="66">
        <v>0</v>
      </c>
      <c r="CO37" s="64">
        <v>0</v>
      </c>
      <c r="CP37" s="65">
        <v>0</v>
      </c>
      <c r="CQ37" s="66">
        <v>0</v>
      </c>
      <c r="CR37" s="66">
        <v>0</v>
      </c>
      <c r="CS37" s="66">
        <v>0</v>
      </c>
      <c r="CT37" s="66">
        <v>0</v>
      </c>
      <c r="CU37" s="66">
        <v>0</v>
      </c>
      <c r="CV37" s="64">
        <v>0</v>
      </c>
      <c r="CW37" s="68">
        <v>0</v>
      </c>
      <c r="CX37" s="63">
        <v>0</v>
      </c>
      <c r="CY37" s="66">
        <v>0</v>
      </c>
      <c r="CZ37" s="64">
        <v>0</v>
      </c>
      <c r="DA37" s="65">
        <v>0</v>
      </c>
      <c r="DB37" s="66">
        <v>0</v>
      </c>
      <c r="DC37" s="66">
        <v>0</v>
      </c>
      <c r="DD37" s="66">
        <v>0</v>
      </c>
      <c r="DE37" s="66">
        <v>0</v>
      </c>
      <c r="DF37" s="66">
        <v>0</v>
      </c>
      <c r="DG37" s="64">
        <v>0</v>
      </c>
      <c r="DH37" s="68">
        <v>0</v>
      </c>
    </row>
    <row r="38" spans="2:112" ht="21" customHeight="1" x14ac:dyDescent="0.2">
      <c r="B38" s="131" t="s">
        <v>36</v>
      </c>
      <c r="C38" s="63">
        <v>0</v>
      </c>
      <c r="D38" s="66">
        <v>0</v>
      </c>
      <c r="E38" s="111">
        <v>0</v>
      </c>
      <c r="F38" s="65">
        <v>0</v>
      </c>
      <c r="G38" s="66">
        <v>714</v>
      </c>
      <c r="H38" s="66">
        <v>1428</v>
      </c>
      <c r="I38" s="66">
        <v>1167</v>
      </c>
      <c r="J38" s="66">
        <v>1287</v>
      </c>
      <c r="K38" s="66">
        <v>2503</v>
      </c>
      <c r="L38" s="67">
        <v>7099</v>
      </c>
      <c r="M38" s="68">
        <v>7099</v>
      </c>
      <c r="N38" s="63">
        <v>0</v>
      </c>
      <c r="O38" s="66">
        <v>4</v>
      </c>
      <c r="P38" s="64">
        <v>4</v>
      </c>
      <c r="Q38" s="65">
        <v>0</v>
      </c>
      <c r="R38" s="66">
        <v>4</v>
      </c>
      <c r="S38" s="66">
        <v>11</v>
      </c>
      <c r="T38" s="66">
        <v>48</v>
      </c>
      <c r="U38" s="66">
        <v>46</v>
      </c>
      <c r="V38" s="66">
        <v>40</v>
      </c>
      <c r="W38" s="64">
        <v>149</v>
      </c>
      <c r="X38" s="68">
        <v>153</v>
      </c>
      <c r="Y38" s="63">
        <v>60</v>
      </c>
      <c r="Z38" s="66">
        <v>121</v>
      </c>
      <c r="AA38" s="64">
        <v>181</v>
      </c>
      <c r="AB38" s="65">
        <v>0</v>
      </c>
      <c r="AC38" s="66">
        <v>466</v>
      </c>
      <c r="AD38" s="66">
        <v>511</v>
      </c>
      <c r="AE38" s="66">
        <v>387</v>
      </c>
      <c r="AF38" s="66">
        <v>320</v>
      </c>
      <c r="AG38" s="66">
        <v>423</v>
      </c>
      <c r="AH38" s="64">
        <v>2107</v>
      </c>
      <c r="AI38" s="68">
        <v>2288</v>
      </c>
      <c r="AJ38" s="63">
        <v>12</v>
      </c>
      <c r="AK38" s="66">
        <v>110</v>
      </c>
      <c r="AL38" s="64">
        <v>122</v>
      </c>
      <c r="AM38" s="65">
        <v>0</v>
      </c>
      <c r="AN38" s="66">
        <v>187</v>
      </c>
      <c r="AO38" s="66">
        <v>212</v>
      </c>
      <c r="AP38" s="66">
        <v>42</v>
      </c>
      <c r="AQ38" s="66">
        <v>71</v>
      </c>
      <c r="AR38" s="66">
        <v>64</v>
      </c>
      <c r="AS38" s="64">
        <v>576</v>
      </c>
      <c r="AT38" s="68">
        <v>698</v>
      </c>
      <c r="AU38" s="63">
        <v>0</v>
      </c>
      <c r="AV38" s="66">
        <v>0</v>
      </c>
      <c r="AW38" s="64">
        <v>0</v>
      </c>
      <c r="AX38" s="65">
        <v>0</v>
      </c>
      <c r="AY38" s="66">
        <v>713</v>
      </c>
      <c r="AZ38" s="66">
        <v>936</v>
      </c>
      <c r="BA38" s="66">
        <v>409</v>
      </c>
      <c r="BB38" s="66">
        <v>279</v>
      </c>
      <c r="BC38" s="66">
        <v>189</v>
      </c>
      <c r="BD38" s="67">
        <v>2526</v>
      </c>
      <c r="BE38" s="68">
        <v>2526</v>
      </c>
      <c r="BF38" s="63">
        <v>0</v>
      </c>
      <c r="BG38" s="66">
        <v>0</v>
      </c>
      <c r="BH38" s="64">
        <v>0</v>
      </c>
      <c r="BI38" s="65">
        <v>0</v>
      </c>
      <c r="BJ38" s="66">
        <v>168</v>
      </c>
      <c r="BK38" s="66">
        <v>253</v>
      </c>
      <c r="BL38" s="66">
        <v>124</v>
      </c>
      <c r="BM38" s="66">
        <v>29</v>
      </c>
      <c r="BN38" s="66">
        <v>17</v>
      </c>
      <c r="BO38" s="64">
        <v>591</v>
      </c>
      <c r="BP38" s="68">
        <v>591</v>
      </c>
      <c r="BQ38" s="63">
        <v>0</v>
      </c>
      <c r="BR38" s="66">
        <v>0</v>
      </c>
      <c r="BS38" s="64">
        <v>0</v>
      </c>
      <c r="BT38" s="65">
        <v>0</v>
      </c>
      <c r="BU38" s="66">
        <v>93</v>
      </c>
      <c r="BV38" s="66">
        <v>197</v>
      </c>
      <c r="BW38" s="66">
        <v>162</v>
      </c>
      <c r="BX38" s="66">
        <v>257</v>
      </c>
      <c r="BY38" s="66">
        <v>126</v>
      </c>
      <c r="BZ38" s="64">
        <v>835</v>
      </c>
      <c r="CA38" s="68">
        <v>835</v>
      </c>
      <c r="CB38" s="63">
        <v>0</v>
      </c>
      <c r="CC38" s="66">
        <v>0</v>
      </c>
      <c r="CD38" s="64">
        <v>0</v>
      </c>
      <c r="CE38" s="65">
        <v>0</v>
      </c>
      <c r="CF38" s="66">
        <v>5</v>
      </c>
      <c r="CG38" s="66">
        <v>9</v>
      </c>
      <c r="CH38" s="66">
        <v>0</v>
      </c>
      <c r="CI38" s="66">
        <v>3</v>
      </c>
      <c r="CJ38" s="66">
        <v>0</v>
      </c>
      <c r="CK38" s="64">
        <v>17</v>
      </c>
      <c r="CL38" s="68">
        <v>17</v>
      </c>
      <c r="CM38" s="63">
        <v>0</v>
      </c>
      <c r="CN38" s="66">
        <v>0</v>
      </c>
      <c r="CO38" s="64">
        <v>0</v>
      </c>
      <c r="CP38" s="65">
        <v>0</v>
      </c>
      <c r="CQ38" s="66">
        <v>0</v>
      </c>
      <c r="CR38" s="66">
        <v>0</v>
      </c>
      <c r="CS38" s="66">
        <v>0</v>
      </c>
      <c r="CT38" s="66">
        <v>0</v>
      </c>
      <c r="CU38" s="66">
        <v>0</v>
      </c>
      <c r="CV38" s="64">
        <v>0</v>
      </c>
      <c r="CW38" s="68">
        <v>0</v>
      </c>
      <c r="CX38" s="63">
        <v>0</v>
      </c>
      <c r="CY38" s="66">
        <v>0</v>
      </c>
      <c r="CZ38" s="64">
        <v>0</v>
      </c>
      <c r="DA38" s="65">
        <v>0</v>
      </c>
      <c r="DB38" s="66">
        <v>0</v>
      </c>
      <c r="DC38" s="66">
        <v>0</v>
      </c>
      <c r="DD38" s="66">
        <v>0</v>
      </c>
      <c r="DE38" s="66">
        <v>0</v>
      </c>
      <c r="DF38" s="66">
        <v>0</v>
      </c>
      <c r="DG38" s="64">
        <v>0</v>
      </c>
      <c r="DH38" s="68">
        <v>0</v>
      </c>
    </row>
    <row r="39" spans="2:112" ht="21" customHeight="1" thickBot="1" x14ac:dyDescent="0.25">
      <c r="B39" s="132" t="s">
        <v>37</v>
      </c>
      <c r="C39" s="69">
        <v>0</v>
      </c>
      <c r="D39" s="72">
        <v>0</v>
      </c>
      <c r="E39" s="112">
        <v>0</v>
      </c>
      <c r="F39" s="71">
        <v>0</v>
      </c>
      <c r="G39" s="72">
        <v>34</v>
      </c>
      <c r="H39" s="72">
        <v>53</v>
      </c>
      <c r="I39" s="72">
        <v>115</v>
      </c>
      <c r="J39" s="72">
        <v>66</v>
      </c>
      <c r="K39" s="72">
        <v>126</v>
      </c>
      <c r="L39" s="73">
        <v>394</v>
      </c>
      <c r="M39" s="74">
        <v>394</v>
      </c>
      <c r="N39" s="69">
        <v>0</v>
      </c>
      <c r="O39" s="72">
        <v>0</v>
      </c>
      <c r="P39" s="70">
        <v>0</v>
      </c>
      <c r="Q39" s="71">
        <v>0</v>
      </c>
      <c r="R39" s="72">
        <v>0</v>
      </c>
      <c r="S39" s="72">
        <v>0</v>
      </c>
      <c r="T39" s="72">
        <v>0</v>
      </c>
      <c r="U39" s="72">
        <v>0</v>
      </c>
      <c r="V39" s="72">
        <v>9</v>
      </c>
      <c r="W39" s="70">
        <v>9</v>
      </c>
      <c r="X39" s="74">
        <v>9</v>
      </c>
      <c r="Y39" s="69">
        <v>4</v>
      </c>
      <c r="Z39" s="72">
        <v>0</v>
      </c>
      <c r="AA39" s="70">
        <v>4</v>
      </c>
      <c r="AB39" s="71">
        <v>0</v>
      </c>
      <c r="AC39" s="72">
        <v>22</v>
      </c>
      <c r="AD39" s="72">
        <v>28</v>
      </c>
      <c r="AE39" s="72">
        <v>8</v>
      </c>
      <c r="AF39" s="72">
        <v>57</v>
      </c>
      <c r="AG39" s="72">
        <v>54</v>
      </c>
      <c r="AH39" s="70">
        <v>169</v>
      </c>
      <c r="AI39" s="74">
        <v>173</v>
      </c>
      <c r="AJ39" s="69">
        <v>0</v>
      </c>
      <c r="AK39" s="72">
        <v>0</v>
      </c>
      <c r="AL39" s="70">
        <v>0</v>
      </c>
      <c r="AM39" s="71">
        <v>0</v>
      </c>
      <c r="AN39" s="72">
        <v>8</v>
      </c>
      <c r="AO39" s="72">
        <v>6</v>
      </c>
      <c r="AP39" s="72">
        <v>0</v>
      </c>
      <c r="AQ39" s="72">
        <v>12</v>
      </c>
      <c r="AR39" s="72">
        <v>6</v>
      </c>
      <c r="AS39" s="70">
        <v>32</v>
      </c>
      <c r="AT39" s="74">
        <v>32</v>
      </c>
      <c r="AU39" s="69">
        <v>0</v>
      </c>
      <c r="AV39" s="72">
        <v>0</v>
      </c>
      <c r="AW39" s="70">
        <v>0</v>
      </c>
      <c r="AX39" s="71">
        <v>0</v>
      </c>
      <c r="AY39" s="72">
        <v>49</v>
      </c>
      <c r="AZ39" s="72">
        <v>43</v>
      </c>
      <c r="BA39" s="72">
        <v>50</v>
      </c>
      <c r="BB39" s="72">
        <v>48</v>
      </c>
      <c r="BC39" s="72">
        <v>6</v>
      </c>
      <c r="BD39" s="73">
        <v>196</v>
      </c>
      <c r="BE39" s="74">
        <v>196</v>
      </c>
      <c r="BF39" s="69">
        <v>0</v>
      </c>
      <c r="BG39" s="72">
        <v>0</v>
      </c>
      <c r="BH39" s="70">
        <v>0</v>
      </c>
      <c r="BI39" s="71">
        <v>0</v>
      </c>
      <c r="BJ39" s="72">
        <v>37</v>
      </c>
      <c r="BK39" s="72">
        <v>45</v>
      </c>
      <c r="BL39" s="72">
        <v>8</v>
      </c>
      <c r="BM39" s="72">
        <v>24</v>
      </c>
      <c r="BN39" s="72">
        <v>12</v>
      </c>
      <c r="BO39" s="70">
        <v>126</v>
      </c>
      <c r="BP39" s="74">
        <v>126</v>
      </c>
      <c r="BQ39" s="69">
        <v>0</v>
      </c>
      <c r="BR39" s="72">
        <v>0</v>
      </c>
      <c r="BS39" s="70">
        <v>0</v>
      </c>
      <c r="BT39" s="71">
        <v>0</v>
      </c>
      <c r="BU39" s="72">
        <v>0</v>
      </c>
      <c r="BV39" s="72">
        <v>7</v>
      </c>
      <c r="BW39" s="72">
        <v>12</v>
      </c>
      <c r="BX39" s="72">
        <v>2</v>
      </c>
      <c r="BY39" s="72">
        <v>0</v>
      </c>
      <c r="BZ39" s="70">
        <v>21</v>
      </c>
      <c r="CA39" s="74">
        <v>21</v>
      </c>
      <c r="CB39" s="69">
        <v>0</v>
      </c>
      <c r="CC39" s="72">
        <v>0</v>
      </c>
      <c r="CD39" s="70">
        <v>0</v>
      </c>
      <c r="CE39" s="71">
        <v>0</v>
      </c>
      <c r="CF39" s="72">
        <v>0</v>
      </c>
      <c r="CG39" s="72">
        <v>0</v>
      </c>
      <c r="CH39" s="72">
        <v>0</v>
      </c>
      <c r="CI39" s="72">
        <v>0</v>
      </c>
      <c r="CJ39" s="72">
        <v>2</v>
      </c>
      <c r="CK39" s="70">
        <v>2</v>
      </c>
      <c r="CL39" s="74">
        <v>2</v>
      </c>
      <c r="CM39" s="69">
        <v>0</v>
      </c>
      <c r="CN39" s="72">
        <v>0</v>
      </c>
      <c r="CO39" s="70">
        <v>0</v>
      </c>
      <c r="CP39" s="71">
        <v>0</v>
      </c>
      <c r="CQ39" s="72">
        <v>0</v>
      </c>
      <c r="CR39" s="72">
        <v>0</v>
      </c>
      <c r="CS39" s="72">
        <v>0</v>
      </c>
      <c r="CT39" s="72">
        <v>0</v>
      </c>
      <c r="CU39" s="72">
        <v>0</v>
      </c>
      <c r="CV39" s="70">
        <v>0</v>
      </c>
      <c r="CW39" s="74">
        <v>0</v>
      </c>
      <c r="CX39" s="69">
        <v>0</v>
      </c>
      <c r="CY39" s="72">
        <v>0</v>
      </c>
      <c r="CZ39" s="70">
        <v>0</v>
      </c>
      <c r="DA39" s="71">
        <v>0</v>
      </c>
      <c r="DB39" s="72">
        <v>0</v>
      </c>
      <c r="DC39" s="72">
        <v>0</v>
      </c>
      <c r="DD39" s="72">
        <v>0</v>
      </c>
      <c r="DE39" s="72">
        <v>0</v>
      </c>
      <c r="DF39" s="72">
        <v>0</v>
      </c>
      <c r="DG39" s="70">
        <v>0</v>
      </c>
      <c r="DH39" s="74">
        <v>0</v>
      </c>
    </row>
    <row r="40" spans="2:112" ht="27" customHeight="1" x14ac:dyDescent="0.2"/>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4-07-11T04:29:13Z</dcterms:modified>
</cp:coreProperties>
</file>